
<file path=[Content_Types].xml><?xml version="1.0" encoding="utf-8"?>
<Types xmlns="http://schemas.openxmlformats.org/package/2006/content-types">
  <Default Extension="fntdata" ContentType="application/x-fontdata"/>
  <Default Extension="gif" ContentType="image/gif"/>
  <Default Extension="jpeg" ContentType="image/jpeg"/>
  <Default Extension="jpg" ContentType="image/jpeg"/>
  <Default Extension="mp3" ContentType="audio/mpeg"/>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notesSlides/notesSlide1.xml" ContentType="application/vnd.openxmlformats-officedocument.presentationml.notesSlide+xml"/>
  <Override PartName="/ppt/tags/tag4.xml" ContentType="application/vnd.openxmlformats-officedocument.presentationml.tags+xml"/>
  <Override PartName="/ppt/notesSlides/notesSlide2.xml" ContentType="application/vnd.openxmlformats-officedocument.presentationml.notesSlide+xml"/>
  <Override PartName="/ppt/tags/tag5.xml" ContentType="application/vnd.openxmlformats-officedocument.presentationml.tags+xml"/>
  <Override PartName="/ppt/notesSlides/notesSlide3.xml" ContentType="application/vnd.openxmlformats-officedocument.presentationml.notesSlide+xml"/>
  <Override PartName="/ppt/tags/tag6.xml" ContentType="application/vnd.openxmlformats-officedocument.presentationml.tags+xml"/>
  <Override PartName="/ppt/notesSlides/notesSlide4.xml" ContentType="application/vnd.openxmlformats-officedocument.presentationml.notesSlide+xml"/>
  <Override PartName="/ppt/tags/tag7.xml" ContentType="application/vnd.openxmlformats-officedocument.presentationml.tags+xml"/>
  <Override PartName="/ppt/notesSlides/notesSlide5.xml" ContentType="application/vnd.openxmlformats-officedocument.presentationml.notesSlide+xml"/>
  <Override PartName="/ppt/tags/tag8.xml" ContentType="application/vnd.openxmlformats-officedocument.presentationml.tags+xml"/>
  <Override PartName="/ppt/notesSlides/notesSlide6.xml" ContentType="application/vnd.openxmlformats-officedocument.presentationml.notesSlide+xml"/>
  <Override PartName="/ppt/tags/tag9.xml" ContentType="application/vnd.openxmlformats-officedocument.presentationml.tags+xml"/>
  <Override PartName="/ppt/notesSlides/notesSlide7.xml" ContentType="application/vnd.openxmlformats-officedocument.presentationml.notesSlide+xml"/>
  <Override PartName="/ppt/tags/tag10.xml" ContentType="application/vnd.openxmlformats-officedocument.presentationml.tags+xml"/>
  <Override PartName="/ppt/notesSlides/notesSlide8.xml" ContentType="application/vnd.openxmlformats-officedocument.presentationml.notesSlide+xml"/>
  <Override PartName="/ppt/tags/tag11.xml" ContentType="application/vnd.openxmlformats-officedocument.presentationml.tags+xml"/>
  <Override PartName="/ppt/notesSlides/notesSlide9.xml" ContentType="application/vnd.openxmlformats-officedocument.presentationml.notesSlide+xml"/>
  <Override PartName="/ppt/tags/tag12.xml" ContentType="application/vnd.openxmlformats-officedocument.presentationml.tags+xml"/>
  <Override PartName="/ppt/notesSlides/notesSlide10.xml" ContentType="application/vnd.openxmlformats-officedocument.presentationml.notesSlide+xml"/>
  <Override PartName="/ppt/tags/tag13.xml" ContentType="application/vnd.openxmlformats-officedocument.presentationml.tags+xml"/>
  <Override PartName="/ppt/notesSlides/notesSlide11.xml" ContentType="application/vnd.openxmlformats-officedocument.presentationml.notesSlide+xml"/>
  <Override PartName="/ppt/tags/tag14.xml" ContentType="application/vnd.openxmlformats-officedocument.presentationml.tags+xml"/>
  <Override PartName="/ppt/notesSlides/notesSlide12.xml" ContentType="application/vnd.openxmlformats-officedocument.presentationml.notesSlide+xml"/>
  <Override PartName="/ppt/tags/tag15.xml" ContentType="application/vnd.openxmlformats-officedocument.presentationml.tags+xml"/>
  <Override PartName="/ppt/notesSlides/notesSlide13.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tags/tag16.xml" ContentType="application/vnd.openxmlformats-officedocument.presentationml.tags+xml"/>
  <Override PartName="/ppt/notesSlides/notesSlide14.xml" ContentType="application/vnd.openxmlformats-officedocument.presentationml.notesSlide+xml"/>
  <Override PartName="/ppt/tags/tag17.xml" ContentType="application/vnd.openxmlformats-officedocument.presentationml.tags+xml"/>
  <Override PartName="/ppt/notesSlides/notesSlide15.xml" ContentType="application/vnd.openxmlformats-officedocument.presentationml.notesSlide+xml"/>
  <Override PartName="/ppt/tags/tag18.xml" ContentType="application/vnd.openxmlformats-officedocument.presentationml.tags+xml"/>
  <Override PartName="/ppt/notesSlides/notesSlide16.xml" ContentType="application/vnd.openxmlformats-officedocument.presentationml.notesSlide+xml"/>
  <Override PartName="/ppt/tags/tag19.xml" ContentType="application/vnd.openxmlformats-officedocument.presentationml.tags+xml"/>
  <Override PartName="/ppt/notesSlides/notesSlide17.xml" ContentType="application/vnd.openxmlformats-officedocument.presentationml.notesSlide+xml"/>
  <Override PartName="/ppt/tags/tag20.xml" ContentType="application/vnd.openxmlformats-officedocument.presentationml.tags+xml"/>
  <Override PartName="/ppt/notesSlides/notesSlide18.xml" ContentType="application/vnd.openxmlformats-officedocument.presentationml.notesSlide+xml"/>
  <Override PartName="/ppt/tags/tag21.xml" ContentType="application/vnd.openxmlformats-officedocument.presentationml.tags+xml"/>
  <Override PartName="/ppt/notesSlides/notesSlide19.xml" ContentType="application/vnd.openxmlformats-officedocument.presentationml.notesSlide+xml"/>
  <Override PartName="/ppt/tags/tag22.xml" ContentType="application/vnd.openxmlformats-officedocument.presentationml.tags+xml"/>
  <Override PartName="/ppt/notesSlides/notesSlide20.xml" ContentType="application/vnd.openxmlformats-officedocument.presentationml.notesSlide+xml"/>
  <Override PartName="/ppt/tags/tag23.xml" ContentType="application/vnd.openxmlformats-officedocument.presentationml.tags+xml"/>
  <Override PartName="/ppt/notesSlides/notesSlide21.xml" ContentType="application/vnd.openxmlformats-officedocument.presentationml.notesSlide+xml"/>
  <Override PartName="/ppt/tags/tag24.xml" ContentType="application/vnd.openxmlformats-officedocument.presentationml.tags+xml"/>
  <Override PartName="/ppt/notesSlides/notesSlide22.xml" ContentType="application/vnd.openxmlformats-officedocument.presentationml.notesSlide+xml"/>
  <Override PartName="/ppt/tags/tag25.xml" ContentType="application/vnd.openxmlformats-officedocument.presentationml.tags+xml"/>
  <Override PartName="/ppt/notesSlides/notesSlide23.xml" ContentType="application/vnd.openxmlformats-officedocument.presentationml.notesSlide+xml"/>
  <Override PartName="/ppt/tags/tag26.xml" ContentType="application/vnd.openxmlformats-officedocument.presentationml.tags+xml"/>
  <Override PartName="/ppt/notesSlides/notesSlide24.xml" ContentType="application/vnd.openxmlformats-officedocument.presentationml.notesSlide+xml"/>
  <Override PartName="/ppt/tags/tag27.xml" ContentType="application/vnd.openxmlformats-officedocument.presentationml.tags+xml"/>
  <Override PartName="/ppt/notesSlides/notesSlide25.xml" ContentType="application/vnd.openxmlformats-officedocument.presentationml.notesSlide+xml"/>
  <Override PartName="/ppt/tags/tag28.xml" ContentType="application/vnd.openxmlformats-officedocument.presentationml.tags+xml"/>
  <Override PartName="/ppt/notesSlides/notesSlide26.xml" ContentType="application/vnd.openxmlformats-officedocument.presentationml.notesSlide+xml"/>
  <Override PartName="/ppt/tags/tag29.xml" ContentType="application/vnd.openxmlformats-officedocument.presentationml.tags+xml"/>
  <Override PartName="/ppt/notesSlides/notesSlide27.xml" ContentType="application/vnd.openxmlformats-officedocument.presentationml.notesSlide+xml"/>
  <Override PartName="/ppt/tags/tag30.xml" ContentType="application/vnd.openxmlformats-officedocument.presentationml.tags+xml"/>
  <Override PartName="/ppt/notesSlides/notesSlide28.xml" ContentType="application/vnd.openxmlformats-officedocument.presentationml.notesSlide+xml"/>
  <Override PartName="/ppt/tags/tag31.xml" ContentType="application/vnd.openxmlformats-officedocument.presentationml.tags+xml"/>
  <Override PartName="/ppt/notesSlides/notesSlide29.xml" ContentType="application/vnd.openxmlformats-officedocument.presentationml.notesSlide+xml"/>
  <Override PartName="/ppt/tags/tag32.xml" ContentType="application/vnd.openxmlformats-officedocument.presentationml.tags+xml"/>
  <Override PartName="/ppt/notesSlides/notesSlide3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78" r:id="rId1"/>
  </p:sldMasterIdLst>
  <p:notesMasterIdLst>
    <p:notesMasterId r:id="rId32"/>
  </p:notesMasterIdLst>
  <p:sldIdLst>
    <p:sldId id="503" r:id="rId2"/>
    <p:sldId id="366" r:id="rId3"/>
    <p:sldId id="378" r:id="rId4"/>
    <p:sldId id="344" r:id="rId5"/>
    <p:sldId id="345" r:id="rId6"/>
    <p:sldId id="346" r:id="rId7"/>
    <p:sldId id="347" r:id="rId8"/>
    <p:sldId id="348" r:id="rId9"/>
    <p:sldId id="349" r:id="rId10"/>
    <p:sldId id="350" r:id="rId11"/>
    <p:sldId id="256" r:id="rId12"/>
    <p:sldId id="367" r:id="rId13"/>
    <p:sldId id="508" r:id="rId14"/>
    <p:sldId id="351" r:id="rId15"/>
    <p:sldId id="368" r:id="rId16"/>
    <p:sldId id="375" r:id="rId17"/>
    <p:sldId id="376" r:id="rId18"/>
    <p:sldId id="370" r:id="rId19"/>
    <p:sldId id="371" r:id="rId20"/>
    <p:sldId id="353" r:id="rId21"/>
    <p:sldId id="365" r:id="rId22"/>
    <p:sldId id="364" r:id="rId23"/>
    <p:sldId id="379" r:id="rId24"/>
    <p:sldId id="318" r:id="rId25"/>
    <p:sldId id="372" r:id="rId26"/>
    <p:sldId id="380" r:id="rId27"/>
    <p:sldId id="377" r:id="rId28"/>
    <p:sldId id="275" r:id="rId29"/>
    <p:sldId id="506" r:id="rId30"/>
    <p:sldId id="297" r:id="rId31"/>
  </p:sldIdLst>
  <p:sldSz cx="10799763" cy="6480175"/>
  <p:notesSz cx="6858000" cy="9144000"/>
  <p:embeddedFontLst>
    <p:embeddedFont>
      <p:font typeface="Alasassy Caps" pitchFamily="2" charset="0"/>
      <p:regular r:id="rId33"/>
      <p:bold r:id="rId34"/>
      <p:italic r:id="rId35"/>
      <p:boldItalic r:id="rId36"/>
    </p:embeddedFont>
    <p:embeddedFont>
      <p:font typeface="Patrick Hand" panose="00000500000000000000" pitchFamily="2" charset="0"/>
      <p:regular r:id="rId37"/>
    </p:embeddedFont>
    <p:embeddedFont>
      <p:font typeface="Patrick Hand SC" panose="00000500000000000000" pitchFamily="2" charset="0"/>
      <p:regular r:id="rId38"/>
    </p:embeddedFont>
  </p:embeddedFontLst>
  <p:custDataLst>
    <p:tags r:id="rId39"/>
  </p:custData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9pPr>
  </p:defaultTextStyle>
  <p:extLst>
    <p:ext uri="{521415D9-36F7-43E2-AB2F-B90AF26B5E84}">
      <p14:sectionLst xmlns:p14="http://schemas.microsoft.com/office/powerpoint/2010/main">
        <p14:section name="Giới thiệu" id="{2694ECAD-0449-4E50-86E3-8B6F6F494B4B}">
          <p14:sldIdLst>
            <p14:sldId id="503"/>
            <p14:sldId id="366"/>
            <p14:sldId id="378"/>
            <p14:sldId id="344"/>
            <p14:sldId id="345"/>
            <p14:sldId id="346"/>
            <p14:sldId id="347"/>
            <p14:sldId id="348"/>
            <p14:sldId id="349"/>
            <p14:sldId id="350"/>
            <p14:sldId id="256"/>
            <p14:sldId id="367"/>
            <p14:sldId id="508"/>
            <p14:sldId id="351"/>
            <p14:sldId id="368"/>
            <p14:sldId id="375"/>
            <p14:sldId id="376"/>
            <p14:sldId id="370"/>
            <p14:sldId id="371"/>
            <p14:sldId id="353"/>
            <p14:sldId id="365"/>
            <p14:sldId id="364"/>
            <p14:sldId id="379"/>
            <p14:sldId id="318"/>
            <p14:sldId id="372"/>
            <p14:sldId id="380"/>
            <p14:sldId id="377"/>
            <p14:sldId id="275"/>
            <p14:sldId id="506"/>
            <p14:sldId id="297"/>
          </p14:sldIdLst>
        </p14:section>
      </p14:sectionLst>
    </p:ex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browse/>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0070"/>
    <a:srgbClr val="1C424F"/>
    <a:srgbClr val="0066FF"/>
    <a:srgbClr val="CCFFFF"/>
    <a:srgbClr val="BB5A66"/>
    <a:srgbClr val="EFD19D"/>
    <a:srgbClr val="F28CBC"/>
    <a:srgbClr val="A8D5F2"/>
    <a:srgbClr val="F2BF63"/>
    <a:srgbClr val="EDB956"/>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19CC070B-6319-49F3-BE82-D27F163C84C2}">
  <a:tblStyle styleId="{19CC070B-6319-49F3-BE82-D27F163C84C2}" styleName="Table_0">
    <a:wholeTbl>
      <a:tcTxStyle>
        <a:font>
          <a:latin typeface="Arial"/>
          <a:ea typeface="Arial"/>
          <a:cs typeface="Arial"/>
        </a:font>
        <a:srgbClr val="000000"/>
      </a:tcTxStyle>
      <a:tcStyle>
        <a:tcBdr>
          <a:left>
            <a:ln w="9525" cap="flat" cmpd="sng">
              <a:solidFill>
                <a:srgbClr val="9E9E9E"/>
              </a:solidFill>
              <a:prstDash val="solid"/>
              <a:round/>
              <a:headEnd type="none" w="sm" len="sm"/>
              <a:tailEnd type="none" w="sm" len="sm"/>
            </a:ln>
          </a:left>
          <a:right>
            <a:ln w="9525" cap="flat" cmpd="sng">
              <a:solidFill>
                <a:srgbClr val="9E9E9E"/>
              </a:solidFill>
              <a:prstDash val="solid"/>
              <a:round/>
              <a:headEnd type="none" w="sm" len="sm"/>
              <a:tailEnd type="none" w="sm" len="sm"/>
            </a:ln>
          </a:right>
          <a:top>
            <a:ln w="9525" cap="flat" cmpd="sng">
              <a:solidFill>
                <a:srgbClr val="9E9E9E"/>
              </a:solidFill>
              <a:prstDash val="solid"/>
              <a:round/>
              <a:headEnd type="none" w="sm" len="sm"/>
              <a:tailEnd type="none" w="sm" len="sm"/>
            </a:ln>
          </a:top>
          <a:bottom>
            <a:ln w="9525" cap="flat" cmpd="sng">
              <a:solidFill>
                <a:srgbClr val="9E9E9E"/>
              </a:solidFill>
              <a:prstDash val="solid"/>
              <a:round/>
              <a:headEnd type="none" w="sm" len="sm"/>
              <a:tailEnd type="none" w="sm" len="sm"/>
            </a:ln>
          </a:bottom>
          <a:insideH>
            <a:ln w="9525" cap="flat" cmpd="sng">
              <a:solidFill>
                <a:srgbClr val="9E9E9E"/>
              </a:solidFill>
              <a:prstDash val="solid"/>
              <a:round/>
              <a:headEnd type="none" w="sm" len="sm"/>
              <a:tailEnd type="none" w="sm" len="sm"/>
            </a:ln>
          </a:insideH>
          <a:insideV>
            <a:ln w="9525" cap="flat" cmpd="sng">
              <a:solidFill>
                <a:srgbClr val="9E9E9E"/>
              </a:solidFill>
              <a:prstDash val="solid"/>
              <a:round/>
              <a:headEnd type="none" w="sm" len="sm"/>
              <a:tailEnd type="none" w="sm" len="sm"/>
            </a:ln>
          </a:insideV>
        </a:tcBdr>
      </a:tcStyle>
    </a:wholeTbl>
    <a:band1H>
      <a:tcTxStyle/>
      <a:tcStyle>
        <a:tcBdr/>
      </a:tcStyle>
    </a:band1H>
    <a:band2H>
      <a:tcTxStyle/>
      <a:tcStyle>
        <a:tcBdr/>
      </a:tcStyle>
    </a:band2H>
    <a:band1V>
      <a:tcTxStyle/>
      <a:tcStyle>
        <a:tcBdr/>
      </a:tcStyle>
    </a:band1V>
    <a:band2V>
      <a:tcTxStyle/>
      <a:tcStyle>
        <a:tcBdr/>
      </a:tcStyle>
    </a:band2V>
    <a:lastCol>
      <a:tcTxStyle/>
      <a:tcStyle>
        <a:tcBdr/>
      </a:tcStyle>
    </a:lastCol>
    <a:firstCol>
      <a:tcTxStyle/>
      <a:tcStyle>
        <a:tcBdr/>
      </a:tcStyle>
    </a:firstCol>
    <a:lastRow>
      <a:tcTxStyle/>
      <a:tcStyle>
        <a:tcBdr/>
      </a:tcStyle>
    </a:lastRow>
    <a:seCell>
      <a:tcTxStyle/>
      <a:tcStyle>
        <a:tcBdr/>
      </a:tcStyle>
    </a:seCell>
    <a:swCell>
      <a:tcTxStyle/>
      <a:tcStyle>
        <a:tcBdr/>
      </a:tcStyle>
    </a:swCell>
    <a:firstRow>
      <a:tcTxStyle/>
      <a:tcStyle>
        <a:tcBdr/>
      </a:tcStyle>
    </a:firstRow>
    <a:neCell>
      <a:tcTxStyle/>
      <a:tcStyle>
        <a:tcBdr/>
      </a:tcStyle>
    </a:neCell>
    <a:nwCell>
      <a:tcTxStyle/>
      <a:tcStyle>
        <a:tcBdr/>
      </a:tcStyle>
    </a:nwCell>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6876" autoAdjust="0"/>
    <p:restoredTop sz="93447" autoAdjust="0"/>
  </p:normalViewPr>
  <p:slideViewPr>
    <p:cSldViewPr snapToGrid="0">
      <p:cViewPr varScale="1">
        <p:scale>
          <a:sx n="88" d="100"/>
          <a:sy n="88" d="100"/>
        </p:scale>
        <p:origin x="366" y="102"/>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tags" Target="tags/tag1.xml"/><Relationship Id="rId21" Type="http://schemas.openxmlformats.org/officeDocument/2006/relationships/slide" Target="slides/slide20.xml"/><Relationship Id="rId34" Type="http://schemas.openxmlformats.org/officeDocument/2006/relationships/font" Target="fonts/font2.fntdata"/><Relationship Id="rId42" Type="http://schemas.openxmlformats.org/officeDocument/2006/relationships/theme" Target="theme/theme1.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41"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notesMaster" Target="notesMasters/notesMaster1.xml"/><Relationship Id="rId37" Type="http://schemas.openxmlformats.org/officeDocument/2006/relationships/font" Target="fonts/font5.fntdata"/><Relationship Id="rId40"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font" Target="fonts/font4.fntdata"/><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font" Target="fonts/font3.fntdata"/><Relationship Id="rId43" Type="http://schemas.openxmlformats.org/officeDocument/2006/relationships/tableStyles" Target="tableStyles.xml"/><Relationship Id="rId8" Type="http://schemas.openxmlformats.org/officeDocument/2006/relationships/slide" Target="slides/slide7.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font" Target="fonts/font1.fntdata"/><Relationship Id="rId38" Type="http://schemas.openxmlformats.org/officeDocument/2006/relationships/font" Target="fonts/font6.fntdata"/></Relationships>
</file>

<file path=ppt/diagrams/colors1.xml><?xml version="1.0" encoding="utf-8"?>
<dgm:colorsDef xmlns:dgm="http://schemas.openxmlformats.org/drawingml/2006/diagram" xmlns:a="http://schemas.openxmlformats.org/drawingml/2006/main" uniqueId="urn:microsoft.com/office/officeart/2005/8/colors/colorful4">
  <dgm:title val=""/>
  <dgm:desc val=""/>
  <dgm:catLst>
    <dgm:cat type="colorful" pri="10400"/>
  </dgm:catLst>
  <dgm:styleLbl name="node0">
    <dgm:fillClrLst meth="repeat">
      <a:schemeClr val="accent3"/>
    </dgm:fillClrLst>
    <dgm:linClrLst meth="repeat">
      <a:schemeClr val="lt1"/>
    </dgm:linClrLst>
    <dgm:effectClrLst/>
    <dgm:txLinClrLst/>
    <dgm:txFillClrLst/>
    <dgm:txEffectClrLst/>
  </dgm:styleLbl>
  <dgm:styleLbl name="node1">
    <dgm:fillClrLst>
      <a:schemeClr val="accent4"/>
      <a:schemeClr val="accent5"/>
    </dgm:fillClrLst>
    <dgm:linClrLst meth="repeat">
      <a:schemeClr val="lt1"/>
    </dgm:linClrLst>
    <dgm:effectClrLst/>
    <dgm:txLinClrLst/>
    <dgm:txFillClrLst/>
    <dgm:txEffectClrLst/>
  </dgm:styleLbl>
  <dgm:styleLbl name="alignNode1">
    <dgm:fillClrLst>
      <a:schemeClr val="accent4"/>
      <a:schemeClr val="accent5"/>
    </dgm:fillClrLst>
    <dgm:linClrLst>
      <a:schemeClr val="accent4"/>
      <a:schemeClr val="accent5"/>
    </dgm:linClrLst>
    <dgm:effectClrLst/>
    <dgm:txLinClrLst/>
    <dgm:txFillClrLst/>
    <dgm:txEffectClrLst/>
  </dgm:styleLbl>
  <dgm:styleLbl name="lnNode1">
    <dgm:fillClrLst>
      <a:schemeClr val="accent4"/>
      <a:schemeClr val="accent5"/>
    </dgm:fillClrLst>
    <dgm:linClrLst meth="repeat">
      <a:schemeClr val="lt1"/>
    </dgm:linClrLst>
    <dgm:effectClrLst/>
    <dgm:txLinClrLst/>
    <dgm:txFillClrLst/>
    <dgm:txEffectClrLst/>
  </dgm:styleLbl>
  <dgm:styleLbl name="vennNode1">
    <dgm:fillClrLst>
      <a:schemeClr val="accent4">
        <a:alpha val="50000"/>
      </a:schemeClr>
      <a:schemeClr val="accent5">
        <a:alpha val="50000"/>
      </a:schemeClr>
    </dgm:fillClrLst>
    <dgm:linClrLst meth="repeat">
      <a:schemeClr val="lt1"/>
    </dgm:linClrLst>
    <dgm:effectClrLst/>
    <dgm:txLinClrLst/>
    <dgm:txFillClrLst/>
    <dgm:txEffectClrLst/>
  </dgm:styleLbl>
  <dgm:styleLbl name="node2">
    <dgm:fillClrLst>
      <a:schemeClr val="accent5"/>
    </dgm:fillClrLst>
    <dgm:linClrLst meth="repeat">
      <a:schemeClr val="lt1"/>
    </dgm:linClrLst>
    <dgm:effectClrLst/>
    <dgm:txLinClrLst/>
    <dgm:txFillClrLst/>
    <dgm:txEffectClrLst/>
  </dgm:styleLbl>
  <dgm:styleLbl name="node3">
    <dgm:fillClrLst>
      <a:schemeClr val="accent6"/>
    </dgm:fillClrLst>
    <dgm:linClrLst meth="repeat">
      <a:schemeClr val="lt1"/>
    </dgm:linClrLst>
    <dgm:effectClrLst/>
    <dgm:txLinClrLst/>
    <dgm:txFillClrLst/>
    <dgm:txEffectClrLst/>
  </dgm:styleLbl>
  <dgm:styleLbl name="node4">
    <dgm:fillClrLst>
      <a:schemeClr val="accent1"/>
    </dgm:fillClrLst>
    <dgm:linClrLst meth="repeat">
      <a:schemeClr val="lt1"/>
    </dgm:linClrLst>
    <dgm:effectClrLst/>
    <dgm:txLinClrLst/>
    <dgm:txFillClrLst/>
    <dgm:txEffectClrLst/>
  </dgm:styleLbl>
  <dgm:styleLbl name="fgImgPlace1">
    <dgm:fillClrLst>
      <a:schemeClr val="accent4">
        <a:tint val="50000"/>
      </a:schemeClr>
      <a:schemeClr val="accent5">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4">
        <a:tint val="50000"/>
      </a:schemeClr>
      <a:schemeClr val="accent5">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4">
        <a:tint val="50000"/>
      </a:schemeClr>
      <a:schemeClr val="accent5">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4"/>
      <a:schemeClr val="accent5"/>
    </dgm:fillClrLst>
    <dgm:linClrLst meth="repeat">
      <a:schemeClr val="lt1"/>
    </dgm:linClrLst>
    <dgm:effectClrLst/>
    <dgm:txLinClrLst/>
    <dgm:txFillClrLst/>
    <dgm:txEffectClrLst/>
  </dgm:styleLbl>
  <dgm:styleLbl name="fgSibTrans2D1">
    <dgm:fillClrLst>
      <a:schemeClr val="accent4"/>
      <a:schemeClr val="accent5"/>
    </dgm:fillClrLst>
    <dgm:linClrLst meth="repeat">
      <a:schemeClr val="lt1"/>
    </dgm:linClrLst>
    <dgm:effectClrLst/>
    <dgm:txLinClrLst/>
    <dgm:txFillClrLst meth="repeat">
      <a:schemeClr val="lt1"/>
    </dgm:txFillClrLst>
    <dgm:txEffectClrLst/>
  </dgm:styleLbl>
  <dgm:styleLbl name="bgSibTrans2D1">
    <dgm:fillClrLst>
      <a:schemeClr val="accent4"/>
      <a:schemeClr val="accent5"/>
    </dgm:fillClrLst>
    <dgm:linClrLst meth="repeat">
      <a:schemeClr val="lt1"/>
    </dgm:linClrLst>
    <dgm:effectClrLst/>
    <dgm:txLinClrLst/>
    <dgm:txFillClrLst meth="repeat">
      <a:schemeClr val="lt1"/>
    </dgm:txFillClrLst>
    <dgm:txEffectClrLst/>
  </dgm:styleLbl>
  <dgm:styleLbl name="sibTrans1D1">
    <dgm:fillClrLst/>
    <dgm:linClrLst>
      <a:schemeClr val="accent4"/>
      <a:schemeClr val="accent5"/>
    </dgm:linClrLst>
    <dgm:effectClrLst/>
    <dgm:txLinClrLst/>
    <dgm:txFillClrLst meth="repeat">
      <a:schemeClr val="tx1"/>
    </dgm:txFillClrLst>
    <dgm:txEffectClrLst/>
  </dgm:styleLbl>
  <dgm:styleLbl name="callout">
    <dgm:fillClrLst meth="repeat">
      <a:schemeClr val="accent4"/>
    </dgm:fillClrLst>
    <dgm:linClrLst meth="repeat">
      <a:schemeClr val="accent4">
        <a:tint val="50000"/>
      </a:schemeClr>
    </dgm:linClrLst>
    <dgm:effectClrLst/>
    <dgm:txLinClrLst/>
    <dgm:txFillClrLst meth="repeat">
      <a:schemeClr val="tx1"/>
    </dgm:txFillClrLst>
    <dgm:txEffectClrLst/>
  </dgm:styleLbl>
  <dgm:styleLbl name="asst0">
    <dgm:fillClrLst meth="repeat">
      <a:schemeClr val="accent4"/>
    </dgm:fillClrLst>
    <dgm:linClrLst meth="repeat">
      <a:schemeClr val="lt1">
        <a:shade val="80000"/>
      </a:schemeClr>
    </dgm:linClrLst>
    <dgm:effectClrLst/>
    <dgm:txLinClrLst/>
    <dgm:txFillClrLst/>
    <dgm:txEffectClrLst/>
  </dgm:styleLbl>
  <dgm:styleLbl name="asst1">
    <dgm:fillClrLst meth="repeat">
      <a:schemeClr val="accent5"/>
    </dgm:fillClrLst>
    <dgm:linClrLst meth="repeat">
      <a:schemeClr val="lt1">
        <a:shade val="80000"/>
      </a:schemeClr>
    </dgm:linClrLst>
    <dgm:effectClrLst/>
    <dgm:txLinClrLst/>
    <dgm:txFillClrLst/>
    <dgm:txEffectClrLst/>
  </dgm:styleLbl>
  <dgm:styleLbl name="asst2">
    <dgm:fillClrLst>
      <a:schemeClr val="accent6"/>
    </dgm:fillClrLst>
    <dgm:linClrLst meth="repeat">
      <a:schemeClr val="lt1"/>
    </dgm:linClrLst>
    <dgm:effectClrLst/>
    <dgm:txLinClrLst/>
    <dgm:txFillClrLst/>
    <dgm:txEffectClrLst/>
  </dgm:styleLbl>
  <dgm:styleLbl name="asst3">
    <dgm:fillClrLst>
      <a:schemeClr val="accent1"/>
    </dgm:fillClrLst>
    <dgm:linClrLst meth="repeat">
      <a:schemeClr val="lt1"/>
    </dgm:linClrLst>
    <dgm:effectClrLst/>
    <dgm:txLinClrLst/>
    <dgm:txFillClrLst/>
    <dgm:txEffectClrLst/>
  </dgm:styleLbl>
  <dgm:styleLbl name="asst4">
    <dgm:fillClrLst>
      <a:schemeClr val="accent2"/>
    </dgm:fillClrLst>
    <dgm:linClrLst meth="repeat">
      <a:schemeClr val="lt1"/>
    </dgm:linClrLst>
    <dgm:effectClrLst/>
    <dgm:txLinClrLst/>
    <dgm:txFillClrLst/>
    <dgm:txEffectClrLst/>
  </dgm:styleLbl>
  <dgm:styleLbl name="parChTrans2D1">
    <dgm:fillClrLst meth="repeat">
      <a:schemeClr val="accent4"/>
    </dgm:fillClrLst>
    <dgm:linClrLst meth="repeat">
      <a:schemeClr val="lt1"/>
    </dgm:linClrLst>
    <dgm:effectClrLst/>
    <dgm:txLinClrLst/>
    <dgm:txFillClrLst meth="repeat">
      <a:schemeClr val="lt1"/>
    </dgm:txFillClrLst>
    <dgm:txEffectClrLst/>
  </dgm:styleLbl>
  <dgm:styleLbl name="parChTrans2D2">
    <dgm:fillClrLst meth="repeat">
      <a:schemeClr val="accent5"/>
    </dgm:fillClrLst>
    <dgm:linClrLst meth="repeat">
      <a:schemeClr val="lt1"/>
    </dgm:linClrLst>
    <dgm:effectClrLst/>
    <dgm:txLinClrLst/>
    <dgm:txFillClrLst/>
    <dgm:txEffectClrLst/>
  </dgm:styleLbl>
  <dgm:styleLbl name="parChTrans2D3">
    <dgm:fillClrLst meth="repeat">
      <a:schemeClr val="accent5"/>
    </dgm:fillClrLst>
    <dgm:linClrLst meth="repeat">
      <a:schemeClr val="lt1"/>
    </dgm:linClrLst>
    <dgm:effectClrLst/>
    <dgm:txLinClrLst/>
    <dgm:txFillClrLst/>
    <dgm:txEffectClrLst/>
  </dgm:styleLbl>
  <dgm:styleLbl name="parChTrans2D4">
    <dgm:fillClrLst meth="repeat">
      <a:schemeClr val="accent6"/>
    </dgm:fillClrLst>
    <dgm:linClrLst meth="repeat">
      <a:schemeClr val="lt1"/>
    </dgm:linClrLst>
    <dgm:effectClrLst/>
    <dgm:txLinClrLst/>
    <dgm:txFillClrLst meth="repeat">
      <a:schemeClr val="lt1"/>
    </dgm:txFillClrLst>
    <dgm:txEffectClrLst/>
  </dgm:styleLbl>
  <dgm:styleLbl name="parChTrans1D1">
    <dgm:fillClrLst meth="repeat">
      <a:schemeClr val="accent4"/>
    </dgm:fillClrLst>
    <dgm:linClrLst meth="repeat">
      <a:schemeClr val="accent4"/>
    </dgm:linClrLst>
    <dgm:effectClrLst/>
    <dgm:txLinClrLst/>
    <dgm:txFillClrLst meth="repeat">
      <a:schemeClr val="tx1"/>
    </dgm:txFillClrLst>
    <dgm:txEffectClrLst/>
  </dgm:styleLbl>
  <dgm:styleLbl name="parChTrans1D2">
    <dgm:fillClrLst meth="repeat">
      <a:schemeClr val="accent4">
        <a:tint val="90000"/>
      </a:schemeClr>
    </dgm:fillClrLst>
    <dgm:linClrLst meth="repeat">
      <a:schemeClr val="accent5"/>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6"/>
    </dgm:linClrLst>
    <dgm:effectClrLst/>
    <dgm:txLinClrLst/>
    <dgm:txFillClrLst meth="repeat">
      <a:schemeClr val="tx1"/>
    </dgm:txFillClrLst>
    <dgm:txEffectClrLst/>
  </dgm:styleLbl>
  <dgm:styleLbl name="parChTrans1D4">
    <dgm:fillClrLst meth="repeat">
      <a:schemeClr val="accent4">
        <a:tint val="50000"/>
      </a:schemeClr>
    </dgm:fillClrLst>
    <dgm:linClrLst meth="repeat">
      <a:schemeClr val="accent1"/>
    </dgm:linClrLst>
    <dgm:effectClrLst/>
    <dgm:txLinClrLst/>
    <dgm:txFillClrLst meth="repeat">
      <a:schemeClr val="tx1"/>
    </dgm:txFillClrLst>
    <dgm:txEffectClrLst/>
  </dgm:styleLbl>
  <dgm:styleLbl name="fg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conFg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align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4"/>
    </dgm:linClrLst>
    <dgm:effectClrLst/>
    <dgm:txLinClrLst/>
    <dgm:txFillClrLst meth="repeat">
      <a:schemeClr val="dk1"/>
    </dgm:txFillClrLst>
    <dgm:txEffectClrLst/>
  </dgm:styleLbl>
  <dgm:styleLbl name="bgAcc1">
    <dgm:fillClrLst meth="repeat">
      <a:schemeClr val="lt1">
        <a:alpha val="90000"/>
      </a:schemeClr>
    </dgm:fillClrLst>
    <dgm:linClrLst>
      <a:schemeClr val="accent4"/>
      <a:schemeClr val="accent5"/>
    </dgm:linClrLst>
    <dgm:effectClrLst/>
    <dgm:txLinClrLst/>
    <dgm:txFillClrLst meth="repeat">
      <a:schemeClr val="dk1"/>
    </dgm:txFillClrLst>
    <dgm:txEffectClrLst/>
  </dgm:styleLbl>
  <dgm:styleLbl name="solidFgAcc1">
    <dgm:fillClrLst meth="repeat">
      <a:schemeClr val="lt1"/>
    </dgm:fillClrLst>
    <dgm:linClrLst>
      <a:schemeClr val="accent4"/>
      <a:schemeClr val="accent5"/>
    </dgm:linClrLst>
    <dgm:effectClrLst/>
    <dgm:txLinClrLst/>
    <dgm:txFillClrLst meth="repeat">
      <a:schemeClr val="dk1"/>
    </dgm:txFillClrLst>
    <dgm:txEffectClrLst/>
  </dgm:styleLbl>
  <dgm:styleLbl name="solidAlignAcc1">
    <dgm:fillClrLst meth="repeat">
      <a:schemeClr val="lt1"/>
    </dgm:fillClrLst>
    <dgm:linClrLst>
      <a:schemeClr val="accent4"/>
      <a:schemeClr val="accent5"/>
    </dgm:linClrLst>
    <dgm:effectClrLst/>
    <dgm:txLinClrLst/>
    <dgm:txFillClrLst meth="repeat">
      <a:schemeClr val="dk1"/>
    </dgm:txFillClrLst>
    <dgm:txEffectClrLst/>
  </dgm:styleLbl>
  <dgm:styleLbl name="solidBgAcc1">
    <dgm:fillClrLst meth="repeat">
      <a:schemeClr val="lt1"/>
    </dgm:fillClrLst>
    <dgm:linClrLst>
      <a:schemeClr val="accent4"/>
      <a:schemeClr val="accent5"/>
    </dgm:linClrLst>
    <dgm:effectClrLst/>
    <dgm:txLinClrLst/>
    <dgm:txFillClrLst meth="repeat">
      <a:schemeClr val="dk1"/>
    </dgm:txFillClrLst>
    <dgm:txEffectClrLst/>
  </dgm:styleLbl>
  <dgm:styleLbl name="fgAccFollowNode1">
    <dgm:fillClrLst>
      <a:schemeClr val="accent4">
        <a:tint val="40000"/>
        <a:alpha val="90000"/>
      </a:schemeClr>
      <a:schemeClr val="accent5">
        <a:tint val="40000"/>
        <a:alpha val="90000"/>
      </a:schemeClr>
    </dgm:fillClrLst>
    <dgm:linClrLst>
      <a:schemeClr val="accent4">
        <a:tint val="40000"/>
        <a:alpha val="90000"/>
      </a:schemeClr>
      <a:schemeClr val="accent5">
        <a:tint val="40000"/>
        <a:alpha val="90000"/>
      </a:schemeClr>
    </dgm:linClrLst>
    <dgm:effectClrLst/>
    <dgm:txLinClrLst/>
    <dgm:txFillClrLst meth="repeat">
      <a:schemeClr val="dk1"/>
    </dgm:txFillClrLst>
    <dgm:txEffectClrLst/>
  </dgm:styleLbl>
  <dgm:styleLbl name="alignAccFollowNode1">
    <dgm:fillClrLst>
      <a:schemeClr val="accent4">
        <a:tint val="40000"/>
        <a:alpha val="90000"/>
      </a:schemeClr>
      <a:schemeClr val="accent5">
        <a:tint val="40000"/>
        <a:alpha val="90000"/>
      </a:schemeClr>
    </dgm:fillClrLst>
    <dgm:linClrLst>
      <a:schemeClr val="accent4">
        <a:tint val="40000"/>
        <a:alpha val="90000"/>
      </a:schemeClr>
      <a:schemeClr val="accent5">
        <a:tint val="40000"/>
        <a:alpha val="90000"/>
      </a:schemeClr>
    </dgm:linClrLst>
    <dgm:effectClrLst/>
    <dgm:txLinClrLst/>
    <dgm:txFillClrLst meth="repeat">
      <a:schemeClr val="dk1"/>
    </dgm:txFillClrLst>
    <dgm:txEffectClrLst/>
  </dgm:styleLbl>
  <dgm:styleLbl name="bgAccFollowNode1">
    <dgm:fillClrLst>
      <a:schemeClr val="accent4">
        <a:tint val="40000"/>
        <a:alpha val="90000"/>
      </a:schemeClr>
      <a:schemeClr val="accent5">
        <a:tint val="40000"/>
        <a:alpha val="90000"/>
      </a:schemeClr>
    </dgm:fillClrLst>
    <dgm:linClrLst>
      <a:schemeClr val="accent4">
        <a:tint val="40000"/>
        <a:alpha val="90000"/>
      </a:schemeClr>
      <a:schemeClr val="accent5">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3"/>
    </dgm:linClrLst>
    <dgm:effectClrLst/>
    <dgm:txLinClrLst/>
    <dgm:txFillClrLst meth="repeat">
      <a:schemeClr val="dk1"/>
    </dgm:txFillClrLst>
    <dgm:txEffectClrLst/>
  </dgm:styleLbl>
  <dgm:styleLbl name="fgAcc2">
    <dgm:fillClrLst meth="repeat">
      <a:schemeClr val="lt1">
        <a:alpha val="90000"/>
      </a:schemeClr>
    </dgm:fillClrLst>
    <dgm:linClrLst>
      <a:schemeClr val="accent5"/>
    </dgm:linClrLst>
    <dgm:effectClrLst/>
    <dgm:txLinClrLst/>
    <dgm:txFillClrLst meth="repeat">
      <a:schemeClr val="dk1"/>
    </dgm:txFillClrLst>
    <dgm:txEffectClrLst/>
  </dgm:styleLbl>
  <dgm:styleLbl name="fgAcc3">
    <dgm:fillClrLst meth="repeat">
      <a:schemeClr val="lt1">
        <a:alpha val="90000"/>
      </a:schemeClr>
    </dgm:fillClrLst>
    <dgm:linClrLst>
      <a:schemeClr val="accent6"/>
    </dgm:linClrLst>
    <dgm:effectClrLst/>
    <dgm:txLinClrLst/>
    <dgm:txFillClrLst meth="repeat">
      <a:schemeClr val="dk1"/>
    </dgm:txFillClrLst>
    <dgm:txEffectClrLst/>
  </dgm:styleLbl>
  <dgm:styleLbl name="fgAcc4">
    <dgm:fillClrLst meth="repeat">
      <a:schemeClr val="lt1">
        <a:alpha val="90000"/>
      </a:schemeClr>
    </dgm:fillClrLst>
    <dgm:linClrLst>
      <a:schemeClr val="accent1"/>
    </dgm:linClrLst>
    <dgm:effectClrLst/>
    <dgm:txLinClrLst/>
    <dgm:txFillClrLst meth="repeat">
      <a:schemeClr val="dk1"/>
    </dgm:txFillClrLst>
    <dgm:txEffectClrLst/>
  </dgm:styleLbl>
  <dgm:styleLbl name="bgShp">
    <dgm:fillClrLst meth="repeat">
      <a:schemeClr val="accent4">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4">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4">
        <a:tint val="50000"/>
        <a:alpha val="40000"/>
      </a:schemeClr>
    </dgm:fillClrLst>
    <dgm:linClrLst meth="repeat">
      <a:schemeClr val="accent4"/>
    </dgm:linClrLst>
    <dgm:effectClrLst/>
    <dgm:txLinClrLst/>
    <dgm:txFillClrLst meth="repeat">
      <a:schemeClr val="lt1"/>
    </dgm:txFillClrLst>
    <dgm:txEffectClrLst/>
  </dgm:styleLbl>
  <dgm:styleLbl name="fgShp">
    <dgm:fillClrLst meth="repeat">
      <a:schemeClr val="accent4">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C2FD5728-B809-8E40-8364-C6EBE7CCA79B}" type="doc">
      <dgm:prSet loTypeId="urn:microsoft.com/office/officeart/2008/layout/VerticalCurvedList" loCatId="" qsTypeId="urn:microsoft.com/office/officeart/2005/8/quickstyle/3d7" qsCatId="3D" csTypeId="urn:microsoft.com/office/officeart/2005/8/colors/colorful4" csCatId="colorful" phldr="1"/>
      <dgm:spPr/>
      <dgm:t>
        <a:bodyPr/>
        <a:lstStyle/>
        <a:p>
          <a:endParaRPr lang="en-US"/>
        </a:p>
      </dgm:t>
    </dgm:pt>
    <dgm:pt modelId="{3CF79871-F667-3845-BAA2-4A38A9DE46AE}">
      <dgm:prSet phldrT="[Text]" custT="1"/>
      <dgm:spPr/>
      <dgm:t>
        <a:bodyPr lIns="1088417"/>
        <a:lstStyle/>
        <a:p>
          <a:r>
            <a:rPr lang="vi-VN" sz="3600">
              <a:latin typeface="Times New Roman" panose="02020603050405020304" pitchFamily="18" charset="0"/>
              <a:cs typeface="Times New Roman" panose="02020603050405020304" pitchFamily="18" charset="0"/>
            </a:rPr>
            <a:t>Khám phá Website</a:t>
          </a:r>
          <a:endParaRPr lang="en-US" sz="3600">
            <a:latin typeface="Times New Roman" panose="02020603050405020304" pitchFamily="18" charset="0"/>
            <a:cs typeface="Times New Roman" panose="02020603050405020304" pitchFamily="18" charset="0"/>
          </a:endParaRPr>
        </a:p>
      </dgm:t>
    </dgm:pt>
    <dgm:pt modelId="{1507328E-1423-BF4D-8BFB-F6BFD27498EC}" type="parTrans" cxnId="{04167C82-9772-F34F-BA40-81C165C80A35}">
      <dgm:prSet/>
      <dgm:spPr/>
      <dgm:t>
        <a:bodyPr/>
        <a:lstStyle/>
        <a:p>
          <a:endParaRPr lang="en-US">
            <a:latin typeface="Times New Roman" panose="02020603050405020304" pitchFamily="18" charset="0"/>
            <a:cs typeface="Times New Roman" panose="02020603050405020304" pitchFamily="18" charset="0"/>
          </a:endParaRPr>
        </a:p>
      </dgm:t>
    </dgm:pt>
    <dgm:pt modelId="{E9FD41C6-8901-E143-9BFB-DCC6B80A3E24}" type="sibTrans" cxnId="{04167C82-9772-F34F-BA40-81C165C80A35}">
      <dgm:prSet/>
      <dgm:spPr/>
      <dgm:t>
        <a:bodyPr/>
        <a:lstStyle/>
        <a:p>
          <a:endParaRPr lang="en-US">
            <a:latin typeface="Times New Roman" panose="02020603050405020304" pitchFamily="18" charset="0"/>
            <a:cs typeface="Times New Roman" panose="02020603050405020304" pitchFamily="18" charset="0"/>
          </a:endParaRPr>
        </a:p>
      </dgm:t>
    </dgm:pt>
    <dgm:pt modelId="{9E83F79F-C7D7-9F41-AD66-B0C04C37CC4E}">
      <dgm:prSet phldrT="[Text]" custT="1"/>
      <dgm:spPr/>
      <dgm:t>
        <a:bodyPr/>
        <a:lstStyle/>
        <a:p>
          <a:r>
            <a:rPr lang="vi-VN" sz="3600">
              <a:latin typeface="Times New Roman" panose="02020603050405020304" pitchFamily="18" charset="0"/>
              <a:cs typeface="Times New Roman" panose="02020603050405020304" pitchFamily="18" charset="0"/>
            </a:rPr>
            <a:t>Siêu văn bản và siêu liên kết</a:t>
          </a:r>
          <a:endParaRPr lang="en-US" sz="3600">
            <a:latin typeface="Times New Roman" panose="02020603050405020304" pitchFamily="18" charset="0"/>
            <a:cs typeface="Times New Roman" panose="02020603050405020304" pitchFamily="18" charset="0"/>
          </a:endParaRPr>
        </a:p>
      </dgm:t>
    </dgm:pt>
    <dgm:pt modelId="{E0649431-DB6E-174E-AD0E-0B87D957139E}" type="parTrans" cxnId="{82DA1915-9E07-5849-9843-0505AC0C53B2}">
      <dgm:prSet/>
      <dgm:spPr/>
      <dgm:t>
        <a:bodyPr/>
        <a:lstStyle/>
        <a:p>
          <a:endParaRPr lang="en-US">
            <a:latin typeface="Times New Roman" panose="02020603050405020304" pitchFamily="18" charset="0"/>
            <a:cs typeface="Times New Roman" panose="02020603050405020304" pitchFamily="18" charset="0"/>
          </a:endParaRPr>
        </a:p>
      </dgm:t>
    </dgm:pt>
    <dgm:pt modelId="{4CD2B903-6EF4-CD4D-B47D-6404B9130410}" type="sibTrans" cxnId="{82DA1915-9E07-5849-9843-0505AC0C53B2}">
      <dgm:prSet/>
      <dgm:spPr/>
      <dgm:t>
        <a:bodyPr/>
        <a:lstStyle/>
        <a:p>
          <a:endParaRPr lang="en-US">
            <a:latin typeface="Times New Roman" panose="02020603050405020304" pitchFamily="18" charset="0"/>
            <a:cs typeface="Times New Roman" panose="02020603050405020304" pitchFamily="18" charset="0"/>
          </a:endParaRPr>
        </a:p>
      </dgm:t>
    </dgm:pt>
    <dgm:pt modelId="{AC879AA7-2814-A74D-9D30-E8694ECEB470}" type="pres">
      <dgm:prSet presAssocID="{C2FD5728-B809-8E40-8364-C6EBE7CCA79B}" presName="Name0" presStyleCnt="0">
        <dgm:presLayoutVars>
          <dgm:chMax val="7"/>
          <dgm:chPref val="7"/>
          <dgm:dir/>
        </dgm:presLayoutVars>
      </dgm:prSet>
      <dgm:spPr/>
    </dgm:pt>
    <dgm:pt modelId="{D7E7001D-FC15-C141-82A2-858B07611420}" type="pres">
      <dgm:prSet presAssocID="{C2FD5728-B809-8E40-8364-C6EBE7CCA79B}" presName="Name1" presStyleCnt="0"/>
      <dgm:spPr/>
    </dgm:pt>
    <dgm:pt modelId="{FCB8A3C6-599C-B342-B72F-009BAC61CF5F}" type="pres">
      <dgm:prSet presAssocID="{C2FD5728-B809-8E40-8364-C6EBE7CCA79B}" presName="cycle" presStyleCnt="0"/>
      <dgm:spPr/>
    </dgm:pt>
    <dgm:pt modelId="{588B504F-9604-0C45-8963-3BB8DBE33A1C}" type="pres">
      <dgm:prSet presAssocID="{C2FD5728-B809-8E40-8364-C6EBE7CCA79B}" presName="srcNode" presStyleLbl="node1" presStyleIdx="0" presStyleCnt="2"/>
      <dgm:spPr/>
    </dgm:pt>
    <dgm:pt modelId="{7F125C3C-E5C1-DB44-9718-258760E56BF2}" type="pres">
      <dgm:prSet presAssocID="{C2FD5728-B809-8E40-8364-C6EBE7CCA79B}" presName="conn" presStyleLbl="parChTrans1D2" presStyleIdx="0" presStyleCnt="1"/>
      <dgm:spPr/>
    </dgm:pt>
    <dgm:pt modelId="{DD196E41-5FA6-F44B-B490-92D4D53868F4}" type="pres">
      <dgm:prSet presAssocID="{C2FD5728-B809-8E40-8364-C6EBE7CCA79B}" presName="extraNode" presStyleLbl="node1" presStyleIdx="0" presStyleCnt="2"/>
      <dgm:spPr/>
    </dgm:pt>
    <dgm:pt modelId="{3AB865AC-B103-5946-85CA-8D0A641CD7C5}" type="pres">
      <dgm:prSet presAssocID="{C2FD5728-B809-8E40-8364-C6EBE7CCA79B}" presName="dstNode" presStyleLbl="node1" presStyleIdx="0" presStyleCnt="2"/>
      <dgm:spPr/>
    </dgm:pt>
    <dgm:pt modelId="{39281ED5-A931-4C41-9BFB-635AD63B8D02}" type="pres">
      <dgm:prSet presAssocID="{3CF79871-F667-3845-BAA2-4A38A9DE46AE}" presName="text_1" presStyleLbl="node1" presStyleIdx="0" presStyleCnt="2" custLinFactNeighborX="-2414" custLinFactNeighborY="-9375">
        <dgm:presLayoutVars>
          <dgm:bulletEnabled val="1"/>
        </dgm:presLayoutVars>
      </dgm:prSet>
      <dgm:spPr/>
    </dgm:pt>
    <dgm:pt modelId="{EE56F422-6DBC-B64A-BF43-7EA0586EC55D}" type="pres">
      <dgm:prSet presAssocID="{3CF79871-F667-3845-BAA2-4A38A9DE46AE}" presName="accent_1" presStyleCnt="0"/>
      <dgm:spPr/>
    </dgm:pt>
    <dgm:pt modelId="{CC9C2025-5BBB-5340-935C-938BFCD6225A}" type="pres">
      <dgm:prSet presAssocID="{3CF79871-F667-3845-BAA2-4A38A9DE46AE}" presName="accentRepeatNode" presStyleLbl="solidFgAcc1" presStyleIdx="0" presStyleCnt="2"/>
      <dgm:spPr/>
    </dgm:pt>
    <dgm:pt modelId="{9F28520A-AEBC-6645-88B2-C769CC724ED8}" type="pres">
      <dgm:prSet presAssocID="{9E83F79F-C7D7-9F41-AD66-B0C04C37CC4E}" presName="text_2" presStyleLbl="node1" presStyleIdx="1" presStyleCnt="2">
        <dgm:presLayoutVars>
          <dgm:bulletEnabled val="1"/>
        </dgm:presLayoutVars>
      </dgm:prSet>
      <dgm:spPr/>
    </dgm:pt>
    <dgm:pt modelId="{B90B0478-65DC-C147-8E57-FC16B9264EB5}" type="pres">
      <dgm:prSet presAssocID="{9E83F79F-C7D7-9F41-AD66-B0C04C37CC4E}" presName="accent_2" presStyleCnt="0"/>
      <dgm:spPr/>
    </dgm:pt>
    <dgm:pt modelId="{796F350C-6529-3F44-8B57-B3FBEB4BBB83}" type="pres">
      <dgm:prSet presAssocID="{9E83F79F-C7D7-9F41-AD66-B0C04C37CC4E}" presName="accentRepeatNode" presStyleLbl="solidFgAcc1" presStyleIdx="1" presStyleCnt="2" custLinFactNeighborX="926" custLinFactNeighborY="-1122"/>
      <dgm:spPr/>
    </dgm:pt>
  </dgm:ptLst>
  <dgm:cxnLst>
    <dgm:cxn modelId="{82DA1915-9E07-5849-9843-0505AC0C53B2}" srcId="{C2FD5728-B809-8E40-8364-C6EBE7CCA79B}" destId="{9E83F79F-C7D7-9F41-AD66-B0C04C37CC4E}" srcOrd="1" destOrd="0" parTransId="{E0649431-DB6E-174E-AD0E-0B87D957139E}" sibTransId="{4CD2B903-6EF4-CD4D-B47D-6404B9130410}"/>
    <dgm:cxn modelId="{72026D3A-4E70-AD41-BF93-AEAE3480E6F3}" type="presOf" srcId="{3CF79871-F667-3845-BAA2-4A38A9DE46AE}" destId="{39281ED5-A931-4C41-9BFB-635AD63B8D02}" srcOrd="0" destOrd="0" presId="urn:microsoft.com/office/officeart/2008/layout/VerticalCurvedList"/>
    <dgm:cxn modelId="{4060E65D-6DB6-7A4B-9256-71B0392473F8}" type="presOf" srcId="{C2FD5728-B809-8E40-8364-C6EBE7CCA79B}" destId="{AC879AA7-2814-A74D-9D30-E8694ECEB470}" srcOrd="0" destOrd="0" presId="urn:microsoft.com/office/officeart/2008/layout/VerticalCurvedList"/>
    <dgm:cxn modelId="{C4D2D841-DD82-1046-B264-8D0A74549801}" type="presOf" srcId="{9E83F79F-C7D7-9F41-AD66-B0C04C37CC4E}" destId="{9F28520A-AEBC-6645-88B2-C769CC724ED8}" srcOrd="0" destOrd="0" presId="urn:microsoft.com/office/officeart/2008/layout/VerticalCurvedList"/>
    <dgm:cxn modelId="{04167C82-9772-F34F-BA40-81C165C80A35}" srcId="{C2FD5728-B809-8E40-8364-C6EBE7CCA79B}" destId="{3CF79871-F667-3845-BAA2-4A38A9DE46AE}" srcOrd="0" destOrd="0" parTransId="{1507328E-1423-BF4D-8BFB-F6BFD27498EC}" sibTransId="{E9FD41C6-8901-E143-9BFB-DCC6B80A3E24}"/>
    <dgm:cxn modelId="{58D4F2A7-B05A-8941-B778-E5C3B15F220D}" type="presOf" srcId="{E9FD41C6-8901-E143-9BFB-DCC6B80A3E24}" destId="{7F125C3C-E5C1-DB44-9718-258760E56BF2}" srcOrd="0" destOrd="0" presId="urn:microsoft.com/office/officeart/2008/layout/VerticalCurvedList"/>
    <dgm:cxn modelId="{CB11F06D-256B-304A-A2AF-449DC96B04C8}" type="presParOf" srcId="{AC879AA7-2814-A74D-9D30-E8694ECEB470}" destId="{D7E7001D-FC15-C141-82A2-858B07611420}" srcOrd="0" destOrd="0" presId="urn:microsoft.com/office/officeart/2008/layout/VerticalCurvedList"/>
    <dgm:cxn modelId="{6483B40D-662B-F447-84C4-438EF73E8B72}" type="presParOf" srcId="{D7E7001D-FC15-C141-82A2-858B07611420}" destId="{FCB8A3C6-599C-B342-B72F-009BAC61CF5F}" srcOrd="0" destOrd="0" presId="urn:microsoft.com/office/officeart/2008/layout/VerticalCurvedList"/>
    <dgm:cxn modelId="{8E275FCD-7B32-A44C-B64C-040DA7400960}" type="presParOf" srcId="{FCB8A3C6-599C-B342-B72F-009BAC61CF5F}" destId="{588B504F-9604-0C45-8963-3BB8DBE33A1C}" srcOrd="0" destOrd="0" presId="urn:microsoft.com/office/officeart/2008/layout/VerticalCurvedList"/>
    <dgm:cxn modelId="{EE6BBD7B-3447-2C41-BC4D-A7E82170AD66}" type="presParOf" srcId="{FCB8A3C6-599C-B342-B72F-009BAC61CF5F}" destId="{7F125C3C-E5C1-DB44-9718-258760E56BF2}" srcOrd="1" destOrd="0" presId="urn:microsoft.com/office/officeart/2008/layout/VerticalCurvedList"/>
    <dgm:cxn modelId="{89A4D757-BD76-554B-A83D-39B622971F3F}" type="presParOf" srcId="{FCB8A3C6-599C-B342-B72F-009BAC61CF5F}" destId="{DD196E41-5FA6-F44B-B490-92D4D53868F4}" srcOrd="2" destOrd="0" presId="urn:microsoft.com/office/officeart/2008/layout/VerticalCurvedList"/>
    <dgm:cxn modelId="{E4F9F178-14DD-7440-92F3-4B29DA7277C8}" type="presParOf" srcId="{FCB8A3C6-599C-B342-B72F-009BAC61CF5F}" destId="{3AB865AC-B103-5946-85CA-8D0A641CD7C5}" srcOrd="3" destOrd="0" presId="urn:microsoft.com/office/officeart/2008/layout/VerticalCurvedList"/>
    <dgm:cxn modelId="{F81C4422-09DD-1149-925E-D386C36815F5}" type="presParOf" srcId="{D7E7001D-FC15-C141-82A2-858B07611420}" destId="{39281ED5-A931-4C41-9BFB-635AD63B8D02}" srcOrd="1" destOrd="0" presId="urn:microsoft.com/office/officeart/2008/layout/VerticalCurvedList"/>
    <dgm:cxn modelId="{BFBF0E4C-F6AB-E648-9963-7018D639A761}" type="presParOf" srcId="{D7E7001D-FC15-C141-82A2-858B07611420}" destId="{EE56F422-6DBC-B64A-BF43-7EA0586EC55D}" srcOrd="2" destOrd="0" presId="urn:microsoft.com/office/officeart/2008/layout/VerticalCurvedList"/>
    <dgm:cxn modelId="{ABFC9FAA-B09B-1F41-950F-A3D6B83E3E40}" type="presParOf" srcId="{EE56F422-6DBC-B64A-BF43-7EA0586EC55D}" destId="{CC9C2025-5BBB-5340-935C-938BFCD6225A}" srcOrd="0" destOrd="0" presId="urn:microsoft.com/office/officeart/2008/layout/VerticalCurvedList"/>
    <dgm:cxn modelId="{782893BE-B858-BA48-A60D-5081E6449336}" type="presParOf" srcId="{D7E7001D-FC15-C141-82A2-858B07611420}" destId="{9F28520A-AEBC-6645-88B2-C769CC724ED8}" srcOrd="3" destOrd="0" presId="urn:microsoft.com/office/officeart/2008/layout/VerticalCurvedList"/>
    <dgm:cxn modelId="{710A1A1D-8993-0A48-B46A-AD136533BD4F}" type="presParOf" srcId="{D7E7001D-FC15-C141-82A2-858B07611420}" destId="{B90B0478-65DC-C147-8E57-FC16B9264EB5}" srcOrd="4" destOrd="0" presId="urn:microsoft.com/office/officeart/2008/layout/VerticalCurvedList"/>
    <dgm:cxn modelId="{B41DB62D-A288-E449-B98B-C69FE0B2D83A}" type="presParOf" srcId="{B90B0478-65DC-C147-8E57-FC16B9264EB5}" destId="{796F350C-6529-3F44-8B57-B3FBEB4BBB83}" srcOrd="0" destOrd="0" presId="urn:microsoft.com/office/officeart/2008/layout/VerticalCurvedList"/>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F125C3C-E5C1-DB44-9718-258760E56BF2}">
      <dsp:nvSpPr>
        <dsp:cNvPr id="0" name=""/>
        <dsp:cNvSpPr/>
      </dsp:nvSpPr>
      <dsp:spPr>
        <a:xfrm>
          <a:off x="-5385424" y="-830981"/>
          <a:ext cx="6461858" cy="6461858"/>
        </a:xfrm>
        <a:prstGeom prst="blockArc">
          <a:avLst>
            <a:gd name="adj1" fmla="val 18900000"/>
            <a:gd name="adj2" fmla="val 2700000"/>
            <a:gd name="adj3" fmla="val 334"/>
          </a:avLst>
        </a:prstGeom>
        <a:noFill/>
        <a:ln w="25400" cap="flat" cmpd="sng" algn="ctr">
          <a:solidFill>
            <a:schemeClr val="accent5">
              <a:hueOff val="0"/>
              <a:satOff val="0"/>
              <a:lumOff val="0"/>
              <a:alphaOff val="0"/>
            </a:schemeClr>
          </a:solidFill>
          <a:prstDash val="solid"/>
        </a:ln>
        <a:effectLst/>
        <a:sp3d z="-110000"/>
      </dsp:spPr>
      <dsp:style>
        <a:lnRef idx="2">
          <a:scrgbClr r="0" g="0" b="0"/>
        </a:lnRef>
        <a:fillRef idx="0">
          <a:scrgbClr r="0" g="0" b="0"/>
        </a:fillRef>
        <a:effectRef idx="0">
          <a:scrgbClr r="0" g="0" b="0"/>
        </a:effectRef>
        <a:fontRef idx="minor"/>
      </dsp:style>
    </dsp:sp>
    <dsp:sp modelId="{39281ED5-A931-4C41-9BFB-635AD63B8D02}">
      <dsp:nvSpPr>
        <dsp:cNvPr id="0" name=""/>
        <dsp:cNvSpPr/>
      </dsp:nvSpPr>
      <dsp:spPr>
        <a:xfrm>
          <a:off x="721901" y="557159"/>
          <a:ext cx="6646200" cy="1371234"/>
        </a:xfrm>
        <a:prstGeom prst="rect">
          <a:avLst/>
        </a:prstGeom>
        <a:solidFill>
          <a:schemeClr val="accent4">
            <a:hueOff val="0"/>
            <a:satOff val="0"/>
            <a:lumOff val="0"/>
            <a:alphaOff val="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1088417" tIns="91440" rIns="91440" bIns="91440" numCol="1" spcCol="1270" anchor="ctr" anchorCtr="0">
          <a:noAutofit/>
        </a:bodyPr>
        <a:lstStyle/>
        <a:p>
          <a:pPr marL="0" lvl="0" indent="0" algn="l" defTabSz="1600200">
            <a:lnSpc>
              <a:spcPct val="90000"/>
            </a:lnSpc>
            <a:spcBef>
              <a:spcPct val="0"/>
            </a:spcBef>
            <a:spcAft>
              <a:spcPct val="35000"/>
            </a:spcAft>
            <a:buNone/>
          </a:pPr>
          <a:r>
            <a:rPr lang="vi-VN" sz="3600" kern="1200">
              <a:latin typeface="Times New Roman" panose="02020603050405020304" pitchFamily="18" charset="0"/>
              <a:cs typeface="Times New Roman" panose="02020603050405020304" pitchFamily="18" charset="0"/>
            </a:rPr>
            <a:t>Khám phá Website</a:t>
          </a:r>
          <a:endParaRPr lang="en-US" sz="3600" kern="1200">
            <a:latin typeface="Times New Roman" panose="02020603050405020304" pitchFamily="18" charset="0"/>
            <a:cs typeface="Times New Roman" panose="02020603050405020304" pitchFamily="18" charset="0"/>
          </a:endParaRPr>
        </a:p>
      </dsp:txBody>
      <dsp:txXfrm>
        <a:off x="721901" y="557159"/>
        <a:ext cx="6646200" cy="1371234"/>
      </dsp:txXfrm>
    </dsp:sp>
    <dsp:sp modelId="{CC9C2025-5BBB-5340-935C-938BFCD6225A}">
      <dsp:nvSpPr>
        <dsp:cNvPr id="0" name=""/>
        <dsp:cNvSpPr/>
      </dsp:nvSpPr>
      <dsp:spPr>
        <a:xfrm>
          <a:off x="25319" y="514308"/>
          <a:ext cx="1714042" cy="1714042"/>
        </a:xfrm>
        <a:prstGeom prst="ellipse">
          <a:avLst/>
        </a:prstGeom>
        <a:solidFill>
          <a:schemeClr val="lt1">
            <a:hueOff val="0"/>
            <a:satOff val="0"/>
            <a:lumOff val="0"/>
            <a:alphaOff val="0"/>
          </a:schemeClr>
        </a:solidFill>
        <a:ln>
          <a:noFill/>
        </a:ln>
        <a:effectLst/>
        <a:sp3d z="57200" extrusionH="600" contourW="3000">
          <a:bevelT w="48600" h="18600" prst="relaxedInset"/>
          <a:bevelB w="48600" h="8600" prst="relaxedInset"/>
        </a:sp3d>
      </dsp:spPr>
      <dsp:style>
        <a:lnRef idx="0">
          <a:scrgbClr r="0" g="0" b="0"/>
        </a:lnRef>
        <a:fillRef idx="1">
          <a:scrgbClr r="0" g="0" b="0"/>
        </a:fillRef>
        <a:effectRef idx="0">
          <a:scrgbClr r="0" g="0" b="0"/>
        </a:effectRef>
        <a:fontRef idx="minor"/>
      </dsp:style>
    </dsp:sp>
    <dsp:sp modelId="{9F28520A-AEBC-6645-88B2-C769CC724ED8}">
      <dsp:nvSpPr>
        <dsp:cNvPr id="0" name=""/>
        <dsp:cNvSpPr/>
      </dsp:nvSpPr>
      <dsp:spPr>
        <a:xfrm>
          <a:off x="882340" y="2742947"/>
          <a:ext cx="6646200" cy="1371234"/>
        </a:xfrm>
        <a:prstGeom prst="rect">
          <a:avLst/>
        </a:prstGeom>
        <a:solidFill>
          <a:schemeClr val="accent4">
            <a:hueOff val="-10019756"/>
            <a:satOff val="-8696"/>
            <a:lumOff val="-11178"/>
            <a:alphaOff val="0"/>
          </a:schemeClr>
        </a:solidFill>
        <a:ln>
          <a:noFill/>
        </a:ln>
        <a:effectLst>
          <a:outerShdw blurRad="40000" dist="20000" dir="5400000" rotWithShape="0">
            <a:srgbClr val="000000">
              <a:alpha val="38000"/>
            </a:srgbClr>
          </a:outerShdw>
        </a:effectLst>
        <a:sp3d extrusionH="50600" prstMaterial="metal">
          <a:bevelT w="101600" h="80600" prst="relaxedInset"/>
          <a:bevelB w="80600" h="80600" prst="relaxedInset"/>
        </a:sp3d>
      </dsp:spPr>
      <dsp:style>
        <a:lnRef idx="0">
          <a:scrgbClr r="0" g="0" b="0"/>
        </a:lnRef>
        <a:fillRef idx="1">
          <a:scrgbClr r="0" g="0" b="0"/>
        </a:fillRef>
        <a:effectRef idx="1">
          <a:scrgbClr r="0" g="0" b="0"/>
        </a:effectRef>
        <a:fontRef idx="minor">
          <a:schemeClr val="dk1"/>
        </a:fontRef>
      </dsp:style>
      <dsp:txBody>
        <a:bodyPr spcFirstLastPara="0" vert="horz" wrap="square" lIns="1088417" tIns="91440" rIns="91440" bIns="91440" numCol="1" spcCol="1270" anchor="ctr" anchorCtr="0">
          <a:noAutofit/>
        </a:bodyPr>
        <a:lstStyle/>
        <a:p>
          <a:pPr marL="0" lvl="0" indent="0" algn="l" defTabSz="1600200">
            <a:lnSpc>
              <a:spcPct val="90000"/>
            </a:lnSpc>
            <a:spcBef>
              <a:spcPct val="0"/>
            </a:spcBef>
            <a:spcAft>
              <a:spcPct val="35000"/>
            </a:spcAft>
            <a:buNone/>
          </a:pPr>
          <a:r>
            <a:rPr lang="vi-VN" sz="3600" kern="1200">
              <a:latin typeface="Times New Roman" panose="02020603050405020304" pitchFamily="18" charset="0"/>
              <a:cs typeface="Times New Roman" panose="02020603050405020304" pitchFamily="18" charset="0"/>
            </a:rPr>
            <a:t>Siêu văn bản và siêu liên kết</a:t>
          </a:r>
          <a:endParaRPr lang="en-US" sz="3600" kern="1200">
            <a:latin typeface="Times New Roman" panose="02020603050405020304" pitchFamily="18" charset="0"/>
            <a:cs typeface="Times New Roman" panose="02020603050405020304" pitchFamily="18" charset="0"/>
          </a:endParaRPr>
        </a:p>
      </dsp:txBody>
      <dsp:txXfrm>
        <a:off x="882340" y="2742947"/>
        <a:ext cx="6646200" cy="1371234"/>
      </dsp:txXfrm>
    </dsp:sp>
    <dsp:sp modelId="{796F350C-6529-3F44-8B57-B3FBEB4BBB83}">
      <dsp:nvSpPr>
        <dsp:cNvPr id="0" name=""/>
        <dsp:cNvSpPr/>
      </dsp:nvSpPr>
      <dsp:spPr>
        <a:xfrm>
          <a:off x="41191" y="2552312"/>
          <a:ext cx="1714042" cy="1714042"/>
        </a:xfrm>
        <a:prstGeom prst="ellipse">
          <a:avLst/>
        </a:prstGeom>
        <a:solidFill>
          <a:schemeClr val="lt1">
            <a:hueOff val="0"/>
            <a:satOff val="0"/>
            <a:lumOff val="0"/>
            <a:alphaOff val="0"/>
          </a:schemeClr>
        </a:solidFill>
        <a:ln>
          <a:noFill/>
        </a:ln>
        <a:effectLst/>
        <a:sp3d z="57200" extrusionH="600" contourW="3000">
          <a:bevelT w="48600" h="18600" prst="relaxedInset"/>
          <a:bevelB w="48600" h="8600" prst="relaxedInset"/>
        </a:sp3d>
      </dsp:spPr>
      <dsp:style>
        <a:lnRef idx="0">
          <a:scrgbClr r="0" g="0" b="0"/>
        </a:lnRef>
        <a:fillRef idx="1">
          <a:scrgbClr r="0" g="0" b="0"/>
        </a:fillRef>
        <a:effectRef idx="0">
          <a:scrgbClr r="0" g="0" b="0"/>
        </a:effectRef>
        <a:fontRef idx="minor"/>
      </dsp:style>
    </dsp:sp>
  </dsp:spTree>
</dsp:drawing>
</file>

<file path=ppt/diagrams/layout1.xml><?xml version="1.0" encoding="utf-8"?>
<dgm:layoutDef xmlns:dgm="http://schemas.openxmlformats.org/drawingml/2006/diagram" xmlns:a="http://schemas.openxmlformats.org/drawingml/2006/main" uniqueId="urn:microsoft.com/office/officeart/2008/layout/VerticalCurvedList">
  <dgm:title val=""/>
  <dgm:desc val=""/>
  <dgm:catLst>
    <dgm:cat type="list" pri="20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chMax val="7"/>
      <dgm:chPref val="7"/>
      <dgm:dir/>
    </dgm:varLst>
    <dgm:alg type="composite"/>
    <dgm:shape xmlns:r="http://schemas.openxmlformats.org/officeDocument/2006/relationships" r:blip="">
      <dgm:adjLst/>
    </dgm:shape>
    <dgm:constrLst>
      <dgm:constr type="w" for="ch" refType="h" refFor="ch" op="gte" fact="0.8"/>
    </dgm:constrLst>
    <dgm:layoutNode name="Name1">
      <dgm:alg type="composite"/>
      <dgm:shape xmlns:r="http://schemas.openxmlformats.org/officeDocument/2006/relationships" r:blip="">
        <dgm:adjLst/>
      </dgm:shape>
      <dgm:choose name="Name2">
        <dgm:if name="Name3" func="var" arg="dir" op="equ" val="norm">
          <dgm:choose name="Name4">
            <dgm:if name="Name5" axis="ch" ptType="node" func="cnt" op="equ" val="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h" fact="0.225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primFontSz" for="ch" ptType="node" op="equ" val="65"/>
              </dgm:constrLst>
            </dgm:if>
            <dgm:if name="Name6" axis="ch" ptType="node" func="cnt" op="equ" val="2">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h" fact="0.1891"/>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h" fact="0.1891"/>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primFontSz" for="ch" ptType="node" op="equ" val="65"/>
              </dgm:constrLst>
            </dgm:if>
            <dgm:if name="Name7" axis="ch" ptType="node" func="cnt" op="equ" val="3">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h" fact="0.1526"/>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h" fact="0.2253"/>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h" fact="0.1526"/>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primFontSz" for="ch" ptType="node" op="equ" val="65"/>
              </dgm:constrLst>
            </dgm:if>
            <dgm:if name="Name8" axis="ch" ptType="node" func="cnt" op="equ" val="4">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h" fact="0.1268"/>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h" fact="0.215"/>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h" fact="0.21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h" fact="0.126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primFontSz" for="ch" ptType="node" op="equ" val="65"/>
              </dgm:constrLst>
            </dgm:if>
            <dgm:if name="Name9" axis="ch" ptType="node" func="cnt" op="equ" val="5">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h" fact="0.1082"/>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h" fact="0.197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h" fact="0.2253"/>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h" fact="0.1978"/>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h" fact="0.1082"/>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primFontSz" for="ch" ptType="node" op="equ" val="65"/>
              </dgm:constrLst>
            </dgm:if>
            <dgm:if name="Name10" axis="ch" ptType="node" func="cnt" op="equ" val="6">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h" fact="0.0943"/>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h" fact="0.1809"/>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h" fact="0.2205"/>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h" fact="0.2205"/>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h" fact="0.18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h" fact="0.0943"/>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primFontSz" for="ch" ptType="node" op="equ" val="65"/>
              </dgm:constrLst>
            </dgm:if>
            <dgm:else name="Name11">
              <dgm:constrLst>
                <dgm:constr type="h" for="ch" forName="cycle" refType="h"/>
                <dgm:constr type="w" for="ch" forName="cycle" refType="h" refFor="ch" refForName="cycle" fact="0.26"/>
                <dgm:constr type="l" for="ch" forName="cycle"/>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h" fact="0.0835"/>
                <dgm:constr type="l" for="ch" forName="text_1" refType="ctrX" refFor="ch" refForName="accent_1"/>
                <dgm:constr type="r" for="ch" forName="text_1" refType="w"/>
                <dgm:constr type="w" for="ch" forName="text_1" refType="h" refFor="ch" refForName="text_1" op="gte"/>
                <dgm:constr type="h" for="ch" forName="text_1" refType="h" refFor="ch" refForName="accent_1" fact="0.8"/>
                <dgm:constr type="ctrY" for="ch" forName="text_1" refType="ctrY" refFor="ch" refForName="accent_1"/>
                <dgm:constr type="l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h" fact="0.1658"/>
                <dgm:constr type="l" for="ch" forName="text_2" refType="ctrX" refFor="ch" refForName="accent_2"/>
                <dgm:constr type="r" for="ch" forName="text_2" refType="w"/>
                <dgm:constr type="w" for="ch" forName="text_2" refType="h" refFor="ch" refForName="text_2" op="gte"/>
                <dgm:constr type="h" for="ch" forName="text_2" refType="h" refFor="ch" refForName="accent_2" fact="0.8"/>
                <dgm:constr type="ctrY" for="ch" forName="text_2" refType="ctrY" refFor="ch" refForName="accent_2"/>
                <dgm:constr type="l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h" fact="0.2109"/>
                <dgm:constr type="l" for="ch" forName="text_3" refType="ctrX" refFor="ch" refForName="accent_3"/>
                <dgm:constr type="r" for="ch" forName="text_3" refType="w"/>
                <dgm:constr type="w" for="ch" forName="text_3" refType="h" refFor="ch" refForName="text_3" op="gte"/>
                <dgm:constr type="h" for="ch" forName="text_3" refType="h" refFor="ch" refForName="accent_3" fact="0.8"/>
                <dgm:constr type="ctrY" for="ch" forName="text_3" refType="ctrY" refFor="ch" refForName="accent_3"/>
                <dgm:constr type="l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h" fact="0.2253"/>
                <dgm:constr type="l" for="ch" forName="text_4" refType="ctrX" refFor="ch" refForName="accent_4"/>
                <dgm:constr type="r" for="ch" forName="text_4" refType="w"/>
                <dgm:constr type="w" for="ch" forName="text_4" refType="h" refFor="ch" refForName="text_4" op="gte"/>
                <dgm:constr type="h" for="ch" forName="text_4" refType="h" refFor="ch" refForName="accent_4" fact="0.8"/>
                <dgm:constr type="ctrY" for="ch" forName="text_4" refType="ctrY" refFor="ch" refForName="accent_4"/>
                <dgm:constr type="l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h" fact="0.2109"/>
                <dgm:constr type="l" for="ch" forName="text_5" refType="ctrX" refFor="ch" refForName="accent_5"/>
                <dgm:constr type="r" for="ch" forName="text_5" refType="w"/>
                <dgm:constr type="w" for="ch" forName="text_5" refType="h" refFor="ch" refForName="text_5" op="gte"/>
                <dgm:constr type="h" for="ch" forName="text_5" refType="h" refFor="ch" refForName="accent_5" fact="0.8"/>
                <dgm:constr type="ctrY" for="ch" forName="text_5" refType="ctrY" refFor="ch" refForName="accent_5"/>
                <dgm:constr type="l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h" fact="0.1658"/>
                <dgm:constr type="l" for="ch" forName="text_6" refType="ctrX" refFor="ch" refForName="accent_6"/>
                <dgm:constr type="r" for="ch" forName="text_6" refType="w"/>
                <dgm:constr type="w" for="ch" forName="text_6" refType="h" refFor="ch" refForName="text_6" op="gte"/>
                <dgm:constr type="h" for="ch" forName="text_6" refType="h" refFor="ch" refForName="accent_6" fact="0.8"/>
                <dgm:constr type="ctrY" for="ch" forName="text_6" refType="ctrY" refFor="ch" refForName="accent_6"/>
                <dgm:constr type="l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h" fact="0.0835"/>
                <dgm:constr type="l" for="ch" forName="text_7" refType="ctrX" refFor="ch" refForName="accent_7"/>
                <dgm:constr type="r" for="ch" forName="text_7" refType="w"/>
                <dgm:constr type="w" for="ch" forName="text_7" refType="h" refFor="ch" refForName="text_7" op="gte"/>
                <dgm:constr type="h" for="ch" forName="text_7" refType="h" refFor="ch" refForName="accent_7" fact="0.8"/>
                <dgm:constr type="ctrY" for="ch" forName="text_7" refType="ctrY" refFor="ch" refForName="accent_7"/>
                <dgm:constr type="lMarg" for="ch" forName="text_7" refType="w" refFor="ch" refForName="accent_7" fact="1.8"/>
                <dgm:constr type="primFontSz" for="ch" ptType="node" op="equ" val="65"/>
              </dgm:constrLst>
            </dgm:else>
          </dgm:choose>
        </dgm:if>
        <dgm:else name="Name12">
          <dgm:choose name="Name13">
            <dgm:if name="Name14" axis="ch" ptType="node" func="cnt" op="equ" val="1">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625"/>
                <dgm:constr type="w" for="ch" forName="accent_1" refType="h" refFor="ch" refForName="accent_1" op="equ"/>
                <dgm:constr type="ctrY" for="ch" forName="accent_1" refType="h" fact="0.5"/>
                <dgm:constr type="ctrX" for="ch" forName="accent_1" refType="w"/>
                <dgm:constr type="ctrXOff" for="ch" forName="accent_1" refType="h" fact="-0.225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primFontSz" for="ch" ptType="node" op="equ" val="65"/>
              </dgm:constrLst>
            </dgm:if>
            <dgm:if name="Name15" axis="ch" ptType="node" func="cnt" op="equ" val="2">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3571"/>
                <dgm:constr type="w" for="ch" forName="accent_1" refType="h" refFor="ch" refForName="accent_1" op="equ"/>
                <dgm:constr type="ctrY" for="ch" forName="accent_1" refType="h" fact="0.2857"/>
                <dgm:constr type="ctrX" for="ch" forName="accent_1" refType="w"/>
                <dgm:constr type="ctrXOff" for="ch" forName="accent_1" refType="h" fact="-0.1891"/>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3571"/>
                <dgm:constr type="w" for="ch" forName="accent_2" refType="h" refFor="ch" refForName="accent_2" op="equ"/>
                <dgm:constr type="ctrY" for="ch" forName="accent_2" refType="h" fact="0.7143"/>
                <dgm:constr type="ctrX" for="ch" forName="accent_2" refType="w"/>
                <dgm:constr type="ctrXOff" for="ch" forName="accent_2" refType="h" fact="-0.1891"/>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primFontSz" for="ch" ptType="node" op="equ" val="65"/>
              </dgm:constrLst>
            </dgm:if>
            <dgm:if name="Name16" axis="ch" ptType="node" func="cnt" op="equ" val="3">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25"/>
                <dgm:constr type="w" for="ch" forName="accent_1" refType="h" refFor="ch" refForName="accent_1" op="equ"/>
                <dgm:constr type="ctrY" for="ch" forName="accent_1" refType="h" fact="0.2"/>
                <dgm:constr type="ctrX" for="ch" forName="accent_1" refType="w"/>
                <dgm:constr type="ctrXOff" for="ch" forName="accent_1" refType="h" fact="-0.1526"/>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25"/>
                <dgm:constr type="w" for="ch" forName="accent_2" refType="h" refFor="ch" refForName="accent_2" op="equ"/>
                <dgm:constr type="ctrY" for="ch" forName="accent_2" refType="h" fact="0.5"/>
                <dgm:constr type="ctrX" for="ch" forName="accent_2" refType="w"/>
                <dgm:constr type="ctrXOff" for="ch" forName="accent_2" refType="h" fact="-0.2253"/>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25"/>
                <dgm:constr type="w" for="ch" forName="accent_3" refType="h" refFor="ch" refForName="accent_3" op="equ"/>
                <dgm:constr type="ctrY" for="ch" forName="accent_3" refType="h" fact="0.8"/>
                <dgm:constr type="ctrX" for="ch" forName="accent_3" refType="w"/>
                <dgm:constr type="ctrXOff" for="ch" forName="accent_3" refType="h" fact="-0.1526"/>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primFontSz" for="ch" ptType="node" op="equ" val="65"/>
              </dgm:constrLst>
            </dgm:if>
            <dgm:if name="Name17" axis="ch" ptType="node" func="cnt" op="equ" val="4">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923"/>
                <dgm:constr type="w" for="ch" forName="accent_1" refType="h" refFor="ch" refForName="accent_1" op="equ"/>
                <dgm:constr type="ctrY" for="ch" forName="accent_1" refType="h" fact="0.1538"/>
                <dgm:constr type="ctrX" for="ch" forName="accent_1" refType="w"/>
                <dgm:constr type="ctrXOff" for="ch" forName="accent_1" refType="h" fact="-0.1268"/>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923"/>
                <dgm:constr type="w" for="ch" forName="accent_2" refType="h" refFor="ch" refForName="accent_2" op="equ"/>
                <dgm:constr type="ctrY" for="ch" forName="accent_2" refType="h" fact="0.3846"/>
                <dgm:constr type="ctrX" for="ch" forName="accent_2" refType="w"/>
                <dgm:constr type="ctrXOff" for="ch" forName="accent_2" refType="h" fact="-0.215"/>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923"/>
                <dgm:constr type="w" for="ch" forName="accent_3" refType="h" refFor="ch" refForName="accent_3" op="equ"/>
                <dgm:constr type="ctrY" for="ch" forName="accent_3" refType="h" fact="0.6154"/>
                <dgm:constr type="ctrX" for="ch" forName="accent_3" refType="w"/>
                <dgm:constr type="ctrXOff" for="ch" forName="accent_3" refType="h" fact="-0.21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923"/>
                <dgm:constr type="w" for="ch" forName="accent_4" refType="h" refFor="ch" refForName="accent_4" op="equ"/>
                <dgm:constr type="ctrY" for="ch" forName="accent_4" refType="h" fact="0.8462"/>
                <dgm:constr type="ctrX" for="ch" forName="accent_4" refType="w"/>
                <dgm:constr type="ctrXOff" for="ch" forName="accent_4" refType="h" fact="-0.126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primFontSz" for="ch" ptType="node" op="equ" val="65"/>
              </dgm:constrLst>
            </dgm:if>
            <dgm:if name="Name18" axis="ch" ptType="node" func="cnt" op="equ" val="5">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563"/>
                <dgm:constr type="w" for="ch" forName="accent_1" refType="h" refFor="ch" refForName="accent_1" op="equ"/>
                <dgm:constr type="ctrY" for="ch" forName="accent_1" refType="h" fact="0.125"/>
                <dgm:constr type="ctrX" for="ch" forName="accent_1" refType="w"/>
                <dgm:constr type="ctrXOff" for="ch" forName="accent_1" refType="h" fact="-0.1082"/>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563"/>
                <dgm:constr type="w" for="ch" forName="accent_2" refType="h" refFor="ch" refForName="accent_2" op="equ"/>
                <dgm:constr type="ctrY" for="ch" forName="accent_2" refType="h" fact="0.3125"/>
                <dgm:constr type="ctrX" for="ch" forName="accent_2" refType="w"/>
                <dgm:constr type="ctrXOff" for="ch" forName="accent_2" refType="h" fact="-0.197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563"/>
                <dgm:constr type="w" for="ch" forName="accent_3" refType="h" refFor="ch" refForName="accent_3" op="equ"/>
                <dgm:constr type="ctrY" for="ch" forName="accent_3" refType="h" fact="0.5"/>
                <dgm:constr type="ctrX" for="ch" forName="accent_3" refType="w"/>
                <dgm:constr type="ctrXOff" for="ch" forName="accent_3" refType="h" fact="-0.2253"/>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563"/>
                <dgm:constr type="w" for="ch" forName="accent_4" refType="h" refFor="ch" refForName="accent_4" op="equ"/>
                <dgm:constr type="ctrY" for="ch" forName="accent_4" refType="h" fact="0.6875"/>
                <dgm:constr type="ctrX" for="ch" forName="accent_4" refType="w"/>
                <dgm:constr type="ctrXOff" for="ch" forName="accent_4" refType="h" fact="-0.1978"/>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563"/>
                <dgm:constr type="w" for="ch" forName="accent_5" refType="h" refFor="ch" refForName="accent_5" op="equ"/>
                <dgm:constr type="ctrY" for="ch" forName="accent_5" refType="h" fact="0.875"/>
                <dgm:constr type="ctrX" for="ch" forName="accent_5" refType="w"/>
                <dgm:constr type="ctrXOff" for="ch" forName="accent_5" refType="h" fact="-0.1082"/>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primFontSz" for="ch" ptType="node" op="equ" val="65"/>
              </dgm:constrLst>
            </dgm:if>
            <dgm:if name="Name19" axis="ch" ptType="node" func="cnt" op="equ" val="6">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316"/>
                <dgm:constr type="w" for="ch" forName="accent_1" refType="h" refFor="ch" refForName="accent_1" op="equ"/>
                <dgm:constr type="ctrY" for="ch" forName="accent_1" refType="h" fact="0.1053"/>
                <dgm:constr type="ctrX" for="ch" forName="accent_1" refType="w"/>
                <dgm:constr type="ctrXOff" for="ch" forName="accent_1" refType="h" fact="-0.0943"/>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316"/>
                <dgm:constr type="w" for="ch" forName="accent_2" refType="h" refFor="ch" refForName="accent_2" op="equ"/>
                <dgm:constr type="ctrY" for="ch" forName="accent_2" refType="h" fact="0.2632"/>
                <dgm:constr type="ctrX" for="ch" forName="accent_2" refType="w"/>
                <dgm:constr type="ctrXOff" for="ch" forName="accent_2" refType="h" fact="-0.1809"/>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316"/>
                <dgm:constr type="w" for="ch" forName="accent_3" refType="h" refFor="ch" refForName="accent_3" op="equ"/>
                <dgm:constr type="ctrY" for="ch" forName="accent_3" refType="h" fact="0.4211"/>
                <dgm:constr type="ctrX" for="ch" forName="accent_3" refType="w"/>
                <dgm:constr type="ctrXOff" for="ch" forName="accent_3" refType="h" fact="-0.2205"/>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316"/>
                <dgm:constr type="w" for="ch" forName="accent_4" refType="h" refFor="ch" refForName="accent_4" op="equ"/>
                <dgm:constr type="ctrY" for="ch" forName="accent_4" refType="h" fact="0.5789"/>
                <dgm:constr type="ctrX" for="ch" forName="accent_4" refType="w"/>
                <dgm:constr type="ctrXOff" for="ch" forName="accent_4" refType="h" fact="-0.2205"/>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316"/>
                <dgm:constr type="w" for="ch" forName="accent_5" refType="h" refFor="ch" refForName="accent_5" op="equ"/>
                <dgm:constr type="ctrY" for="ch" forName="accent_5" refType="h" fact="0.7368"/>
                <dgm:constr type="ctrX" for="ch" forName="accent_5" refType="w"/>
                <dgm:constr type="ctrXOff" for="ch" forName="accent_5" refType="h" fact="-0.18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316"/>
                <dgm:constr type="w" for="ch" forName="accent_6" refType="h" refFor="ch" refForName="accent_6" op="equ"/>
                <dgm:constr type="ctrY" for="ch" forName="accent_6" refType="h" fact="0.8947"/>
                <dgm:constr type="ctrX" for="ch" forName="accent_6" refType="w"/>
                <dgm:constr type="ctrXOff" for="ch" forName="accent_6" refType="h" fact="-0.0943"/>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primFontSz" for="ch" ptType="node" op="equ" val="65"/>
              </dgm:constrLst>
            </dgm:if>
            <dgm:else name="Name20">
              <dgm:constrLst>
                <dgm:constr type="h" for="ch" forName="cycle" refType="h"/>
                <dgm:constr type="w" for="ch" forName="cycle" refType="h" refFor="ch" refForName="cycle" fact="0.26"/>
                <dgm:constr type="r" for="ch" forName="cycle" refType="w"/>
                <dgm:constr type="ctrY" for="ch" forName="cycle" refType="h" fact="0.5"/>
                <dgm:constr type="diam" for="ch" forName="cycle" refType="h" fact="1.344"/>
                <dgm:constr type="h" for="ch" forName="accent_1" refType="h" fact="0.1136"/>
                <dgm:constr type="w" for="ch" forName="accent_1" refType="h" refFor="ch" refForName="accent_1" op="equ"/>
                <dgm:constr type="ctrY" for="ch" forName="accent_1" refType="h" fact="0.0909"/>
                <dgm:constr type="ctrX" for="ch" forName="accent_1" refType="w"/>
                <dgm:constr type="ctrXOff" for="ch" forName="accent_1" refType="h" fact="-0.0835"/>
                <dgm:constr type="r" for="ch" forName="text_1" refType="ctrX" refFor="ch" refForName="accent_1"/>
                <dgm:constr type="rOff" for="ch" forName="text_1" refType="ctrXOff" refFor="ch" refForName="accent_1"/>
                <dgm:constr type="l" for="ch" forName="text_1"/>
                <dgm:constr type="w" for="ch" forName="text_1" refType="h" refFor="ch" refForName="text_1" op="gte"/>
                <dgm:constr type="h" for="ch" forName="text_1" refType="h" refFor="ch" refForName="accent_1" fact="0.8"/>
                <dgm:constr type="ctrY" for="ch" forName="text_1" refType="ctrY" refFor="ch" refForName="accent_1"/>
                <dgm:constr type="rMarg" for="ch" forName="text_1" refType="w" refFor="ch" refForName="accent_1" fact="1.8"/>
                <dgm:constr type="h" for="ch" forName="accent_2" refType="h" fact="0.1136"/>
                <dgm:constr type="w" for="ch" forName="accent_2" refType="h" refFor="ch" refForName="accent_2" op="equ"/>
                <dgm:constr type="ctrY" for="ch" forName="accent_2" refType="h" fact="0.2273"/>
                <dgm:constr type="ctrX" for="ch" forName="accent_2" refType="w"/>
                <dgm:constr type="ctrXOff" for="ch" forName="accent_2" refType="h" fact="-0.1658"/>
                <dgm:constr type="r" for="ch" forName="text_2" refType="ctrX" refFor="ch" refForName="accent_2"/>
                <dgm:constr type="rOff" for="ch" forName="text_2" refType="ctrXOff" refFor="ch" refForName="accent_2"/>
                <dgm:constr type="l" for="ch" forName="text_2"/>
                <dgm:constr type="w" for="ch" forName="text_2" refType="h" refFor="ch" refForName="text_2" op="gte"/>
                <dgm:constr type="h" for="ch" forName="text_2" refType="h" refFor="ch" refForName="accent_2" fact="0.8"/>
                <dgm:constr type="ctrY" for="ch" forName="text_2" refType="ctrY" refFor="ch" refForName="accent_2"/>
                <dgm:constr type="rMarg" for="ch" forName="text_2" refType="w" refFor="ch" refForName="accent_2" fact="1.8"/>
                <dgm:constr type="h" for="ch" forName="accent_3" refType="h" fact="0.1136"/>
                <dgm:constr type="w" for="ch" forName="accent_3" refType="h" refFor="ch" refForName="accent_3" op="equ"/>
                <dgm:constr type="ctrY" for="ch" forName="accent_3" refType="h" fact="0.3636"/>
                <dgm:constr type="ctrX" for="ch" forName="accent_3" refType="w"/>
                <dgm:constr type="ctrXOff" for="ch" forName="accent_3" refType="h" fact="-0.2109"/>
                <dgm:constr type="r" for="ch" forName="text_3" refType="ctrX" refFor="ch" refForName="accent_3"/>
                <dgm:constr type="rOff" for="ch" forName="text_3" refType="ctrXOff" refFor="ch" refForName="accent_3"/>
                <dgm:constr type="l" for="ch" forName="text_3"/>
                <dgm:constr type="w" for="ch" forName="text_3" refType="h" refFor="ch" refForName="text_3" op="gte"/>
                <dgm:constr type="h" for="ch" forName="text_3" refType="h" refFor="ch" refForName="accent_3" fact="0.8"/>
                <dgm:constr type="ctrY" for="ch" forName="text_3" refType="ctrY" refFor="ch" refForName="accent_3"/>
                <dgm:constr type="rMarg" for="ch" forName="text_3" refType="w" refFor="ch" refForName="accent_3" fact="1.8"/>
                <dgm:constr type="h" for="ch" forName="accent_4" refType="h" fact="0.1136"/>
                <dgm:constr type="w" for="ch" forName="accent_4" refType="h" refFor="ch" refForName="accent_4" op="equ"/>
                <dgm:constr type="ctrY" for="ch" forName="accent_4" refType="h" fact="0.5"/>
                <dgm:constr type="ctrX" for="ch" forName="accent_4" refType="w"/>
                <dgm:constr type="ctrXOff" for="ch" forName="accent_4" refType="h" fact="-0.2253"/>
                <dgm:constr type="r" for="ch" forName="text_4" refType="ctrX" refFor="ch" refForName="accent_4"/>
                <dgm:constr type="rOff" for="ch" forName="text_4" refType="ctrXOff" refFor="ch" refForName="accent_4"/>
                <dgm:constr type="l" for="ch" forName="text_4"/>
                <dgm:constr type="w" for="ch" forName="text_4" refType="h" refFor="ch" refForName="text_4" op="gte"/>
                <dgm:constr type="h" for="ch" forName="text_4" refType="h" refFor="ch" refForName="accent_4" fact="0.8"/>
                <dgm:constr type="ctrY" for="ch" forName="text_4" refType="ctrY" refFor="ch" refForName="accent_4"/>
                <dgm:constr type="rMarg" for="ch" forName="text_4" refType="w" refFor="ch" refForName="accent_4" fact="1.8"/>
                <dgm:constr type="h" for="ch" forName="accent_5" refType="h" fact="0.1136"/>
                <dgm:constr type="w" for="ch" forName="accent_5" refType="h" refFor="ch" refForName="accent_5" op="equ"/>
                <dgm:constr type="ctrY" for="ch" forName="accent_5" refType="h" fact="0.6364"/>
                <dgm:constr type="ctrX" for="ch" forName="accent_5" refType="w"/>
                <dgm:constr type="ctrXOff" for="ch" forName="accent_5" refType="h" fact="-0.2109"/>
                <dgm:constr type="r" for="ch" forName="text_5" refType="ctrX" refFor="ch" refForName="accent_5"/>
                <dgm:constr type="rOff" for="ch" forName="text_5" refType="ctrXOff" refFor="ch" refForName="accent_5"/>
                <dgm:constr type="l" for="ch" forName="text_5"/>
                <dgm:constr type="w" for="ch" forName="text_5" refType="h" refFor="ch" refForName="text_5" op="gte"/>
                <dgm:constr type="h" for="ch" forName="text_5" refType="h" refFor="ch" refForName="accent_5" fact="0.8"/>
                <dgm:constr type="ctrY" for="ch" forName="text_5" refType="ctrY" refFor="ch" refForName="accent_5"/>
                <dgm:constr type="rMarg" for="ch" forName="text_5" refType="w" refFor="ch" refForName="accent_5" fact="1.8"/>
                <dgm:constr type="h" for="ch" forName="accent_6" refType="h" fact="0.1136"/>
                <dgm:constr type="w" for="ch" forName="accent_6" refType="h" refFor="ch" refForName="accent_6" op="equ"/>
                <dgm:constr type="ctrY" for="ch" forName="accent_6" refType="h" fact="0.7727"/>
                <dgm:constr type="ctrX" for="ch" forName="accent_6" refType="w"/>
                <dgm:constr type="ctrXOff" for="ch" forName="accent_6" refType="h" fact="-0.1658"/>
                <dgm:constr type="r" for="ch" forName="text_6" refType="ctrX" refFor="ch" refForName="accent_6"/>
                <dgm:constr type="rOff" for="ch" forName="text_6" refType="ctrXOff" refFor="ch" refForName="accent_6"/>
                <dgm:constr type="l" for="ch" forName="text_6"/>
                <dgm:constr type="w" for="ch" forName="text_6" refType="h" refFor="ch" refForName="text_6" op="gte"/>
                <dgm:constr type="h" for="ch" forName="text_6" refType="h" refFor="ch" refForName="accent_6" fact="0.8"/>
                <dgm:constr type="ctrY" for="ch" forName="text_6" refType="ctrY" refFor="ch" refForName="accent_6"/>
                <dgm:constr type="rMarg" for="ch" forName="text_6" refType="w" refFor="ch" refForName="accent_6" fact="1.8"/>
                <dgm:constr type="h" for="ch" forName="accent_7" refType="h" fact="0.1136"/>
                <dgm:constr type="w" for="ch" forName="accent_7" refType="h" refFor="ch" refForName="accent_7" op="equ"/>
                <dgm:constr type="ctrY" for="ch" forName="accent_7" refType="h" fact="0.9091"/>
                <dgm:constr type="ctrX" for="ch" forName="accent_7" refType="w"/>
                <dgm:constr type="ctrXOff" for="ch" forName="accent_7" refType="h" fact="-0.0835"/>
                <dgm:constr type="r" for="ch" forName="text_7" refType="ctrX" refFor="ch" refForName="accent_7"/>
                <dgm:constr type="rOff" for="ch" forName="text_7" refType="ctrXOff" refFor="ch" refForName="accent_7"/>
                <dgm:constr type="l" for="ch" forName="text_7"/>
                <dgm:constr type="w" for="ch" forName="text_7" refType="h" refFor="ch" refForName="text_7" op="gte"/>
                <dgm:constr type="h" for="ch" forName="text_7" refType="h" refFor="ch" refForName="accent_7" fact="0.8"/>
                <dgm:constr type="ctrY" for="ch" forName="text_7" refType="ctrY" refFor="ch" refForName="accent_7"/>
                <dgm:constr type="rMarg" for="ch" forName="text_7" refType="w" refFor="ch" refForName="accent_7" fact="1.8"/>
                <dgm:constr type="primFontSz" for="ch" ptType="node" op="equ" val="65"/>
              </dgm:constrLst>
            </dgm:else>
          </dgm:choose>
        </dgm:else>
      </dgm:choose>
      <dgm:layoutNode name="cycle">
        <dgm:choose name="Name21">
          <dgm:if name="Name22" func="var" arg="dir" op="equ" val="norm">
            <dgm:alg type="cycle">
              <dgm:param type="stAng" val="45"/>
              <dgm:param type="spanAng" val="90"/>
            </dgm:alg>
          </dgm:if>
          <dgm:else name="Name23">
            <dgm:alg type="cycle">
              <dgm:param type="stAng" val="225"/>
              <dgm:param type="spanAng" val="90"/>
            </dgm:alg>
          </dgm:else>
        </dgm:choose>
        <dgm:shape xmlns:r="http://schemas.openxmlformats.org/officeDocument/2006/relationships" r:blip="">
          <dgm:adjLst/>
        </dgm:shape>
        <dgm:presOf/>
        <dgm:constrLst>
          <dgm:constr type="w" for="ch" val="1"/>
          <dgm:constr type="h" for="ch" val="1"/>
          <dgm:constr type="diam" for="ch" forName="conn" refType="diam"/>
        </dgm:constrLst>
        <dgm:layoutNode name="srcNode">
          <dgm:alg type="sp"/>
          <dgm:shape xmlns:r="http://schemas.openxmlformats.org/officeDocument/2006/relationships" type="rect" r:blip="" hideGeom="1">
            <dgm:adjLst/>
          </dgm:shape>
          <dgm:presOf/>
        </dgm:layoutNode>
        <dgm:layoutNode name="conn" styleLbl="parChTrans1D2">
          <dgm:alg type="conn">
            <dgm:param type="connRout" val="curve"/>
            <dgm:param type="srcNode" val="srcNode"/>
            <dgm:param type="dstNode" val="dstNode"/>
            <dgm:param type="begPts" val="ctr"/>
            <dgm:param type="endPts" val="ctr"/>
            <dgm:param type="endSty" val="noArr"/>
          </dgm:alg>
          <dgm:shape xmlns:r="http://schemas.openxmlformats.org/officeDocument/2006/relationships" type="conn" r:blip="">
            <dgm:adjLst/>
          </dgm:shape>
          <dgm:presOf axis="desOrSelf" ptType="sibTrans" hideLastTrans="0" st="0" cnt="1"/>
          <dgm:constrLst>
            <dgm:constr type="begPad"/>
            <dgm:constr type="endPad"/>
          </dgm:constrLst>
        </dgm:layoutNode>
        <dgm:layoutNode name="extraNode">
          <dgm:alg type="sp"/>
          <dgm:shape xmlns:r="http://schemas.openxmlformats.org/officeDocument/2006/relationships" type="rect" r:blip="" hideGeom="1">
            <dgm:adjLst/>
          </dgm:shape>
          <dgm:presOf/>
        </dgm:layoutNode>
        <dgm:layoutNode name="dstNode">
          <dgm:alg type="sp"/>
          <dgm:shape xmlns:r="http://schemas.openxmlformats.org/officeDocument/2006/relationships" type="rect" r:blip="" hideGeom="1">
            <dgm:adjLst/>
          </dgm:shape>
          <dgm:presOf/>
        </dgm:layoutNode>
      </dgm:layoutNode>
      <dgm:forEach name="wrapper" axis="self" ptType="parTrans">
        <dgm:forEach name="wrapper2" axis="self" ptType="sibTrans" st="2">
          <dgm:forEach name="accentRepeat" axis="self">
            <dgm:layoutNode name="accentRepeatNode" styleLbl="solidFgAcc1">
              <dgm:alg type="sp"/>
              <dgm:shape xmlns:r="http://schemas.openxmlformats.org/officeDocument/2006/relationships" type="ellipse" r:blip="">
                <dgm:adjLst/>
              </dgm:shape>
              <dgm:presOf/>
            </dgm:layoutNode>
          </dgm:forEach>
        </dgm:forEach>
      </dgm:forEach>
      <dgm:forEach name="Name24" axis="ch" ptType="node" cnt="1">
        <dgm:layoutNode name="text_1" styleLbl="node1">
          <dgm:varLst>
            <dgm:bulletEnabled val="1"/>
          </dgm:varLst>
          <dgm:choose name="Name25">
            <dgm:if name="Name26" func="var" arg="dir" op="equ" val="norm">
              <dgm:alg type="tx">
                <dgm:param type="parTxLTRAlign" val="l"/>
                <dgm:param type="shpTxLTRAlignCh" val="l"/>
                <dgm:param type="parTxRTLAlign" val="l"/>
                <dgm:param type="shpTxRTLAlignCh" val="l"/>
              </dgm:alg>
            </dgm:if>
            <dgm:else name="Name2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1">
          <dgm:alg type="sp"/>
          <dgm:shape xmlns:r="http://schemas.openxmlformats.org/officeDocument/2006/relationships" r:blip="">
            <dgm:adjLst/>
          </dgm:shape>
          <dgm:presOf/>
          <dgm:constrLst/>
          <dgm:forEach name="Name28" ref="accentRepeat"/>
        </dgm:layoutNode>
      </dgm:forEach>
      <dgm:forEach name="Name29" axis="ch" ptType="node" st="2" cnt="1">
        <dgm:layoutNode name="text_2" styleLbl="node1">
          <dgm:varLst>
            <dgm:bulletEnabled val="1"/>
          </dgm:varLst>
          <dgm:choose name="Name30">
            <dgm:if name="Name31" func="var" arg="dir" op="equ" val="norm">
              <dgm:alg type="tx">
                <dgm:param type="parTxLTRAlign" val="l"/>
                <dgm:param type="shpTxLTRAlignCh" val="l"/>
                <dgm:param type="parTxRTLAlign" val="l"/>
                <dgm:param type="shpTxRTLAlignCh" val="l"/>
              </dgm:alg>
            </dgm:if>
            <dgm:else name="Name3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2">
          <dgm:alg type="sp"/>
          <dgm:shape xmlns:r="http://schemas.openxmlformats.org/officeDocument/2006/relationships" r:blip="">
            <dgm:adjLst/>
          </dgm:shape>
          <dgm:presOf/>
          <dgm:constrLst/>
          <dgm:forEach name="Name33" ref="accentRepeat"/>
        </dgm:layoutNode>
      </dgm:forEach>
      <dgm:forEach name="Name34" axis="ch" ptType="node" st="3" cnt="1">
        <dgm:layoutNode name="text_3" styleLbl="node1">
          <dgm:varLst>
            <dgm:bulletEnabled val="1"/>
          </dgm:varLst>
          <dgm:choose name="Name35">
            <dgm:if name="Name36" func="var" arg="dir" op="equ" val="norm">
              <dgm:alg type="tx">
                <dgm:param type="parTxLTRAlign" val="l"/>
                <dgm:param type="shpTxLTRAlignCh" val="l"/>
                <dgm:param type="parTxRTLAlign" val="l"/>
                <dgm:param type="shpTxRTLAlignCh" val="l"/>
              </dgm:alg>
            </dgm:if>
            <dgm:else name="Name3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3">
          <dgm:alg type="sp"/>
          <dgm:shape xmlns:r="http://schemas.openxmlformats.org/officeDocument/2006/relationships" r:blip="">
            <dgm:adjLst/>
          </dgm:shape>
          <dgm:presOf/>
          <dgm:constrLst/>
          <dgm:forEach name="Name38" ref="accentRepeat"/>
        </dgm:layoutNode>
      </dgm:forEach>
      <dgm:forEach name="Name39" axis="ch" ptType="node" st="4" cnt="1">
        <dgm:layoutNode name="text_4" styleLbl="node1">
          <dgm:varLst>
            <dgm:bulletEnabled val="1"/>
          </dgm:varLst>
          <dgm:choose name="Name40">
            <dgm:if name="Name41" func="var" arg="dir" op="equ" val="norm">
              <dgm:alg type="tx">
                <dgm:param type="parTxLTRAlign" val="l"/>
                <dgm:param type="shpTxLTRAlignCh" val="l"/>
                <dgm:param type="parTxRTLAlign" val="l"/>
                <dgm:param type="shpTxRTLAlignCh" val="l"/>
              </dgm:alg>
            </dgm:if>
            <dgm:else name="Name4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4">
          <dgm:alg type="sp"/>
          <dgm:shape xmlns:r="http://schemas.openxmlformats.org/officeDocument/2006/relationships" r:blip="">
            <dgm:adjLst/>
          </dgm:shape>
          <dgm:presOf/>
          <dgm:constrLst/>
          <dgm:forEach name="Name43" ref="accentRepeat"/>
        </dgm:layoutNode>
      </dgm:forEach>
      <dgm:forEach name="Name44" axis="ch" ptType="node" st="5" cnt="1">
        <dgm:layoutNode name="text_5" styleLbl="node1">
          <dgm:varLst>
            <dgm:bulletEnabled val="1"/>
          </dgm:varLst>
          <dgm:choose name="Name45">
            <dgm:if name="Name46" func="var" arg="dir" op="equ" val="norm">
              <dgm:alg type="tx">
                <dgm:param type="parTxLTRAlign" val="l"/>
                <dgm:param type="shpTxLTRAlignCh" val="l"/>
                <dgm:param type="parTxRTLAlign" val="l"/>
                <dgm:param type="shpTxRTLAlignCh" val="l"/>
              </dgm:alg>
            </dgm:if>
            <dgm:else name="Name4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5">
          <dgm:alg type="sp"/>
          <dgm:shape xmlns:r="http://schemas.openxmlformats.org/officeDocument/2006/relationships" r:blip="">
            <dgm:adjLst/>
          </dgm:shape>
          <dgm:presOf/>
          <dgm:constrLst/>
          <dgm:forEach name="Name48" ref="accentRepeat"/>
        </dgm:layoutNode>
      </dgm:forEach>
      <dgm:forEach name="Name49" axis="ch" ptType="node" st="6" cnt="1">
        <dgm:layoutNode name="text_6" styleLbl="node1">
          <dgm:varLst>
            <dgm:bulletEnabled val="1"/>
          </dgm:varLst>
          <dgm:choose name="Name50">
            <dgm:if name="Name51" func="var" arg="dir" op="equ" val="norm">
              <dgm:alg type="tx">
                <dgm:param type="parTxLTRAlign" val="l"/>
                <dgm:param type="shpTxLTRAlignCh" val="l"/>
                <dgm:param type="parTxRTLAlign" val="l"/>
                <dgm:param type="shpTxRTLAlignCh" val="l"/>
              </dgm:alg>
            </dgm:if>
            <dgm:else name="Name52">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6">
          <dgm:alg type="sp"/>
          <dgm:shape xmlns:r="http://schemas.openxmlformats.org/officeDocument/2006/relationships" r:blip="">
            <dgm:adjLst/>
          </dgm:shape>
          <dgm:presOf/>
          <dgm:constrLst/>
          <dgm:forEach name="Name53" ref="accentRepeat"/>
        </dgm:layoutNode>
      </dgm:forEach>
      <dgm:forEach name="Name54" axis="ch" ptType="node" st="7" cnt="1">
        <dgm:layoutNode name="text_7" styleLbl="node1">
          <dgm:varLst>
            <dgm:bulletEnabled val="1"/>
          </dgm:varLst>
          <dgm:choose name="Name55">
            <dgm:if name="Name56" func="var" arg="dir" op="equ" val="norm">
              <dgm:alg type="tx">
                <dgm:param type="parTxLTRAlign" val="l"/>
                <dgm:param type="shpTxLTRAlignCh" val="l"/>
                <dgm:param type="parTxRTLAlign" val="l"/>
                <dgm:param type="shpTxRTLAlignCh" val="l"/>
              </dgm:alg>
            </dgm:if>
            <dgm:else name="Name57">
              <dgm:alg type="tx">
                <dgm:param type="parTxLTRAlign" val="r"/>
                <dgm:param type="shpTxLTRAlignCh" val="r"/>
                <dgm:param type="parTxRTLAlign" val="r"/>
                <dgm:param type="shpTxRTLAlignCh" val="r"/>
              </dgm:alg>
            </dgm:else>
          </dgm:choose>
          <dgm:shape xmlns:r="http://schemas.openxmlformats.org/officeDocument/2006/relationships" type="rect" r:blip="">
            <dgm:adjLst/>
          </dgm:shape>
          <dgm:presOf axis="desOrSelf" ptType="node"/>
          <dgm:constrLst>
            <dgm:constr type="primFontSz" val="65"/>
            <dgm:constr type="lMarg" refType="primFontSz" fact="0.2"/>
            <dgm:constr type="rMarg" refType="primFontSz" fact="0.2"/>
            <dgm:constr type="tMarg" refType="primFontSz" fact="0.2"/>
            <dgm:constr type="bMarg" refType="primFontSz" fact="0.2"/>
          </dgm:constrLst>
          <dgm:ruleLst>
            <dgm:rule type="primFontSz" val="5" fact="NaN" max="NaN"/>
          </dgm:ruleLst>
        </dgm:layoutNode>
        <dgm:layoutNode name="accent_7">
          <dgm:alg type="sp"/>
          <dgm:shape xmlns:r="http://schemas.openxmlformats.org/officeDocument/2006/relationships" r:blip="">
            <dgm:adjLst/>
          </dgm:shape>
          <dgm:presOf/>
          <dgm:constrLst/>
          <dgm:forEach name="Name58" ref="accentRepeat"/>
        </dgm:layoutNode>
      </dgm:forEach>
    </dgm:layoutNode>
  </dgm:layoutNode>
</dgm:layoutDef>
</file>

<file path=ppt/diagrams/quickStyle1.xml><?xml version="1.0" encoding="utf-8"?>
<dgm:styleDef xmlns:dgm="http://schemas.openxmlformats.org/drawingml/2006/diagram" xmlns:a="http://schemas.openxmlformats.org/drawingml/2006/main" uniqueId="urn:microsoft.com/office/officeart/2005/8/quickstyle/3d7">
  <dgm:title val=""/>
  <dgm:desc val=""/>
  <dgm:catLst>
    <dgm:cat type="3D" pri="11700"/>
  </dgm:catLst>
  <dgm:scene3d>
    <a:camera prst="perspectiveLeft" zoom="91000"/>
    <a:lightRig rig="threePt" dir="t">
      <a:rot lat="0" lon="0" rev="20640000"/>
    </a:lightRig>
  </dgm:scene3d>
  <dgm:styleLbl name="node0">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lnNode1">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vennNode1">
    <dgm:scene3d>
      <a:camera prst="orthographicFront"/>
      <a:lightRig rig="threePt" dir="t"/>
    </dgm:scene3d>
    <dgm:sp3d extrusionH="50600" prstMaterial="clear">
      <a:bevelT w="101600" h="80600" prst="relaxedInset"/>
      <a:bevelB w="80600" h="80600" prst="relaxedInset"/>
    </dgm:sp3d>
    <dgm:txPr/>
    <dgm:style>
      <a:lnRef idx="0">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extrusionH="50600" prstMaterial="metal">
      <a:bevelT w="101600" h="80600" prst="relaxedInset"/>
      <a:bevelB w="80600" h="80600" prst="relaxedInset"/>
    </dgm:sp3d>
    <dgm:txPr/>
    <dgm:style>
      <a:lnRef idx="1">
        <a:scrgbClr r="0" g="0" b="0"/>
      </a:lnRef>
      <a:fillRef idx="1">
        <a:scrgbClr r="0" g="0" b="0"/>
      </a:fillRef>
      <a:effectRef idx="1">
        <a:scrgbClr r="0" g="0" b="0"/>
      </a:effectRef>
      <a:fontRef idx="minor">
        <a:schemeClr val="dk1"/>
      </a:fontRef>
    </dgm:style>
  </dgm:styleLbl>
  <dgm:styleLbl name="node1">
    <dgm:scene3d>
      <a:camera prst="orthographicFront"/>
      <a:lightRig rig="threePt" dir="t"/>
    </dgm:scene3d>
    <dgm:sp3d extrusionH="50600" prstMaterial="metal">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node2">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node3">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node4">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fgImgPlace1">
    <dgm:scene3d>
      <a:camera prst="orthographicFront"/>
      <a:lightRig rig="threePt" dir="t"/>
    </dgm:scene3d>
    <dgm:sp3d z="57200" extrusionH="10600" prstMaterial="plastic">
      <a:bevelT w="101600" h="8600" prst="relaxedInset"/>
      <a:bevelB w="8600" h="8600" prst="relaxedInset"/>
    </dgm:sp3d>
    <dgm:txPr/>
    <dgm:style>
      <a:lnRef idx="0">
        <a:scrgbClr r="0" g="0" b="0"/>
      </a:lnRef>
      <a:fillRef idx="1">
        <a:scrgbClr r="0" g="0" b="0"/>
      </a:fillRef>
      <a:effectRef idx="1">
        <a:scrgbClr r="0" g="0" b="0"/>
      </a:effectRef>
      <a:fontRef idx="minor"/>
    </dgm:style>
  </dgm:styleLbl>
  <dgm:styleLbl name="alignImgPlace1">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dgm:style>
  </dgm:styleLbl>
  <dgm:styleLbl name="bgImgPlace1">
    <dgm:scene3d>
      <a:camera prst="orthographicFront"/>
      <a:lightRig rig="threePt" dir="t"/>
    </dgm:scene3d>
    <dgm:sp3d z="-211800" extrusionH="10600" prstMaterial="plastic">
      <a:bevelT w="101600" h="8600" prst="relaxedInset"/>
      <a:bevelB w="8600" h="8600" prst="relaxedInset"/>
    </dgm:sp3d>
    <dgm:txPr/>
    <dgm:style>
      <a:lnRef idx="0">
        <a:scrgbClr r="0" g="0" b="0"/>
      </a:lnRef>
      <a:fillRef idx="1">
        <a:scrgbClr r="0" g="0" b="0"/>
      </a:fillRef>
      <a:effectRef idx="1">
        <a:scrgbClr r="0" g="0" b="0"/>
      </a:effectRef>
      <a:fontRef idx="minor"/>
    </dgm:style>
  </dgm:styleLbl>
  <dgm:styleLbl name="sibTrans2D1">
    <dgm:scene3d>
      <a:camera prst="orthographicFront"/>
      <a:lightRig rig="threePt" dir="t"/>
    </dgm:scene3d>
    <dgm:sp3d z="-110000">
      <a:bevelT w="40600" h="20600" prst="relaxedInset"/>
    </dgm:sp3d>
    <dgm:txPr/>
    <dgm:style>
      <a:lnRef idx="0">
        <a:scrgbClr r="0" g="0" b="0"/>
      </a:lnRef>
      <a:fillRef idx="1">
        <a:scrgbClr r="0" g="0" b="0"/>
      </a:fillRef>
      <a:effectRef idx="2">
        <a:scrgbClr r="0" g="0" b="0"/>
      </a:effectRef>
      <a:fontRef idx="minor"/>
    </dgm:style>
  </dgm:styleLbl>
  <dgm:styleLbl name="fgSibTrans2D1">
    <dgm:scene3d>
      <a:camera prst="orthographicFront"/>
      <a:lightRig rig="threePt" dir="t"/>
    </dgm:scene3d>
    <dgm:sp3d z="10600">
      <a:bevelT w="40600" h="20600" prst="relaxedInset"/>
    </dgm:sp3d>
    <dgm:txPr/>
    <dgm:style>
      <a:lnRef idx="0">
        <a:scrgbClr r="0" g="0" b="0"/>
      </a:lnRef>
      <a:fillRef idx="1">
        <a:scrgbClr r="0" g="0" b="0"/>
      </a:fillRef>
      <a:effectRef idx="2">
        <a:scrgbClr r="0" g="0" b="0"/>
      </a:effectRef>
      <a:fontRef idx="minor"/>
    </dgm:style>
  </dgm:styleLbl>
  <dgm:styleLbl name="bgSibTrans2D1">
    <dgm:scene3d>
      <a:camera prst="orthographicFront"/>
      <a:lightRig rig="threePt" dir="t"/>
    </dgm:scene3d>
    <dgm:sp3d z="-211800">
      <a:bevelT w="40600" h="20600" prst="relaxedInset"/>
    </dgm:sp3d>
    <dgm:txPr/>
    <dgm:style>
      <a:lnRef idx="0">
        <a:scrgbClr r="0" g="0" b="0"/>
      </a:lnRef>
      <a:fillRef idx="1">
        <a:scrgbClr r="0" g="0" b="0"/>
      </a:fillRef>
      <a:effectRef idx="2">
        <a:scrgbClr r="0" g="0" b="0"/>
      </a:effectRef>
      <a:fontRef idx="minor"/>
    </dgm:style>
  </dgm:styleLbl>
  <dgm:styleLbl name="sibTrans1D1">
    <dgm:scene3d>
      <a:camera prst="orthographicFront"/>
      <a:lightRig rig="threePt" dir="t"/>
    </dgm:scene3d>
    <dgm:sp3d z="-110000"/>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z="10000"/>
    <dgm:txPr/>
    <dgm:style>
      <a:lnRef idx="1">
        <a:scrgbClr r="0" g="0" b="0"/>
      </a:lnRef>
      <a:fillRef idx="1">
        <a:scrgbClr r="0" g="0" b="0"/>
      </a:fillRef>
      <a:effectRef idx="0">
        <a:scrgbClr r="0" g="0" b="0"/>
      </a:effectRef>
      <a:fontRef idx="minor"/>
    </dgm:style>
  </dgm:styleLbl>
  <dgm:styleLbl name="asst0">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asst1">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asst2">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asst3">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asst4">
    <dgm:scene3d>
      <a:camera prst="orthographicFront"/>
      <a:lightRig rig="threePt" dir="t"/>
    </dgm:scene3d>
    <dgm:sp3d extrusionH="50600" prstMaterial="plastic">
      <a:bevelT w="101600" h="80600" prst="relaxedInset"/>
      <a:bevelB w="80600" h="80600" prst="relaxedInset"/>
    </dgm:sp3d>
    <dgm:txPr/>
    <dgm:style>
      <a:lnRef idx="0">
        <a:scrgbClr r="0" g="0" b="0"/>
      </a:lnRef>
      <a:fillRef idx="1">
        <a:scrgbClr r="0" g="0" b="0"/>
      </a:fillRef>
      <a:effectRef idx="1">
        <a:scrgbClr r="0" g="0" b="0"/>
      </a:effectRef>
      <a:fontRef idx="minor">
        <a:schemeClr val="dk1"/>
      </a:fontRef>
    </dgm:style>
  </dgm:styleLbl>
  <dgm:styleLbl name="parChTrans2D1">
    <dgm:scene3d>
      <a:camera prst="orthographicFront"/>
      <a:lightRig rig="threePt" dir="t"/>
    </dgm:scene3d>
    <dgm:sp3d z="-110000">
      <a:bevelT w="40600" h="20600" prst="relaxedInset"/>
    </dgm:sp3d>
    <dgm:txPr/>
    <dgm:style>
      <a:lnRef idx="0">
        <a:scrgbClr r="0" g="0" b="0"/>
      </a:lnRef>
      <a:fillRef idx="1">
        <a:scrgbClr r="0" g="0" b="0"/>
      </a:fillRef>
      <a:effectRef idx="0">
        <a:scrgbClr r="0" g="0" b="0"/>
      </a:effectRef>
      <a:fontRef idx="minor"/>
    </dgm:style>
  </dgm:styleLbl>
  <dgm:styleLbl name="parChTrans2D2">
    <dgm:scene3d>
      <a:camera prst="orthographicFront"/>
      <a:lightRig rig="threePt" dir="t"/>
    </dgm:scene3d>
    <dgm:sp3d z="-110000">
      <a:bevelT w="40600" h="20600" prst="relaxedInset"/>
    </dgm:sp3d>
    <dgm:txPr/>
    <dgm:style>
      <a:lnRef idx="0">
        <a:scrgbClr r="0" g="0" b="0"/>
      </a:lnRef>
      <a:fillRef idx="1">
        <a:scrgbClr r="0" g="0" b="0"/>
      </a:fillRef>
      <a:effectRef idx="0">
        <a:scrgbClr r="0" g="0" b="0"/>
      </a:effectRef>
      <a:fontRef idx="minor"/>
    </dgm:style>
  </dgm:styleLbl>
  <dgm:styleLbl name="parChTrans2D3">
    <dgm:scene3d>
      <a:camera prst="orthographicFront"/>
      <a:lightRig rig="threePt" dir="t"/>
    </dgm:scene3d>
    <dgm:sp3d z="-110000"/>
    <dgm:txPr/>
    <dgm:style>
      <a:lnRef idx="0">
        <a:scrgbClr r="0" g="0" b="0"/>
      </a:lnRef>
      <a:fillRef idx="1">
        <a:scrgbClr r="0" g="0" b="0"/>
      </a:fillRef>
      <a:effectRef idx="0">
        <a:scrgbClr r="0" g="0" b="0"/>
      </a:effectRef>
      <a:fontRef idx="minor"/>
    </dgm:style>
  </dgm:styleLbl>
  <dgm:styleLbl name="parChTrans2D4">
    <dgm:scene3d>
      <a:camera prst="orthographicFront"/>
      <a:lightRig rig="threePt" dir="t"/>
    </dgm:scene3d>
    <dgm:sp3d z="-110000"/>
    <dgm:txPr/>
    <dgm:style>
      <a:lnRef idx="0">
        <a:scrgbClr r="0" g="0" b="0"/>
      </a:lnRef>
      <a:fillRef idx="1">
        <a:scrgbClr r="0" g="0" b="0"/>
      </a:fillRef>
      <a:effectRef idx="0">
        <a:scrgbClr r="0" g="0" b="0"/>
      </a:effectRef>
      <a:fontRef idx="minor"/>
    </dgm:style>
  </dgm:styleLbl>
  <dgm:styleLbl name="parChTrans1D1">
    <dgm:scene3d>
      <a:camera prst="orthographicFront"/>
      <a:lightRig rig="threePt" dir="t"/>
    </dgm:scene3d>
    <dgm:sp3d z="-110000"/>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z="-110000"/>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z="-110000"/>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z="-110000"/>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z="57200" extrusionH="600" contourW="3000">
      <a:bevelT w="48600" h="18600" prst="relaxedInset"/>
      <a:bevelB w="48600" h="8600" prst="relaxedInset"/>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z="-161800" extrusionH="10600" prstMaterial="matte">
      <a:bevelT w="90600" h="18600" prst="softRound"/>
      <a:bevelB w="48600" h="8600" prst="relaxedInset"/>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extrusionH="50600">
      <a:bevelT w="101600" h="80600"/>
      <a:bevelB w="80600" h="80600"/>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extrusionH="50600">
      <a:bevelT w="101600" h="80600"/>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z="-161800" extrusionH="10600" prstMaterial="matte">
      <a:bevelT w="90600" h="18600" prst="softRound"/>
      <a:bevelB w="48600" h="8600" prst="relaxedInset"/>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z="57200" extrusionH="600" contourW="3000">
      <a:bevelT w="48600" h="18600" prst="relaxedInset"/>
      <a:bevelB w="48600" h="8600" prst="relaxedInset"/>
    </dgm:sp3d>
    <dgm:txPr/>
    <dgm:style>
      <a:lnRef idx="0">
        <a:scrgbClr r="0" g="0" b="0"/>
      </a:lnRef>
      <a:fillRef idx="1">
        <a:scrgbClr r="0" g="0" b="0"/>
      </a:fillRef>
      <a:effectRef idx="0">
        <a:scrgbClr r="0" g="0" b="0"/>
      </a:effectRef>
      <a:fontRef idx="minor"/>
    </dgm:style>
  </dgm:styleLbl>
  <dgm:styleLbl name="solidAlignAcc1">
    <dgm:scene3d>
      <a:camera prst="orthographicFront"/>
      <a:lightRig rig="threePt" dir="t"/>
    </dgm:scene3d>
    <dgm:sp3d extrusionH="50600" contourW="3000">
      <a:bevelT w="101600" h="80600" prst="relaxedInset"/>
      <a:bevelB w="80600" h="80600" prst="relaxedInset"/>
    </dgm:sp3d>
    <dgm:txPr/>
    <dgm:style>
      <a:lnRef idx="0">
        <a:scrgbClr r="0" g="0" b="0"/>
      </a:lnRef>
      <a:fillRef idx="1">
        <a:scrgbClr r="0" g="0" b="0"/>
      </a:fillRef>
      <a:effectRef idx="0">
        <a:scrgbClr r="0" g="0" b="0"/>
      </a:effectRef>
      <a:fontRef idx="minor"/>
    </dgm:style>
  </dgm:styleLbl>
  <dgm:styleLbl name="solidBgAcc1">
    <dgm:scene3d>
      <a:camera prst="orthographicFront"/>
      <a:lightRig rig="threePt" dir="t"/>
    </dgm:scene3d>
    <dgm:sp3d z="-161800" extrusionH="10600" contourW="3000">
      <a:bevelT w="48600" h="8600" prst="softRound"/>
      <a:bevelB w="48600" h="8600" prst="relaxedInset"/>
    </dgm:sp3d>
    <dgm:txPr/>
    <dgm:style>
      <a:lnRef idx="0">
        <a:scrgbClr r="0" g="0" b="0"/>
      </a:lnRef>
      <a:fillRef idx="1">
        <a:scrgbClr r="0" g="0" b="0"/>
      </a:fillRef>
      <a:effectRef idx="0">
        <a:scrgbClr r="0" g="0" b="0"/>
      </a:effectRef>
      <a:fontRef idx="minor"/>
    </dgm:style>
  </dgm:styleLbl>
  <dgm:styleLbl name="fgAccFollowNode1">
    <dgm:scene3d>
      <a:camera prst="orthographicFront"/>
      <a:lightRig rig="threePt" dir="t"/>
    </dgm:scene3d>
    <dgm:sp3d z="57200" extrusionH="600" contourW="3000">
      <a:bevelT w="48600" h="18600" prst="relaxedInset"/>
      <a:bevelB w="48600" h="8600" prst="relaxedInset"/>
    </dgm:sp3d>
    <dgm:txPr/>
    <dgm:style>
      <a:lnRef idx="0">
        <a:scrgbClr r="0" g="0" b="0"/>
      </a:lnRef>
      <a:fillRef idx="1">
        <a:scrgbClr r="0" g="0" b="0"/>
      </a:fillRef>
      <a:effectRef idx="0">
        <a:scrgbClr r="0" g="0" b="0"/>
      </a:effectRef>
      <a:fontRef idx="minor"/>
    </dgm:style>
  </dgm:styleLbl>
  <dgm:styleLbl name="alignAccFollowNode1">
    <dgm:scene3d>
      <a:camera prst="orthographicFront"/>
      <a:lightRig rig="threePt" dir="t"/>
    </dgm:scene3d>
    <dgm:sp3d extrusionH="50600" contourW="3000">
      <a:bevelT w="101600" h="80600" prst="relaxedInset"/>
      <a:bevelB w="80600" h="80600" prst="relaxedInset"/>
    </dgm:sp3d>
    <dgm:txPr/>
    <dgm:style>
      <a:lnRef idx="0">
        <a:scrgbClr r="0" g="0" b="0"/>
      </a:lnRef>
      <a:fillRef idx="1">
        <a:scrgbClr r="0" g="0" b="0"/>
      </a:fillRef>
      <a:effectRef idx="0">
        <a:scrgbClr r="0" g="0" b="0"/>
      </a:effectRef>
      <a:fontRef idx="minor"/>
    </dgm:style>
  </dgm:styleLbl>
  <dgm:styleLbl name="bgAccFollowNode1">
    <dgm:scene3d>
      <a:camera prst="orthographicFront"/>
      <a:lightRig rig="threePt" dir="t"/>
    </dgm:scene3d>
    <dgm:sp3d z="-161800" extrusionH="10600" contourW="3000">
      <a:bevelT w="48600" h="8600" prst="relaxedInset"/>
      <a:bevelB w="48600" h="8600" prst="relaxedInset"/>
    </dgm:sp3d>
    <dgm:txPr/>
    <dgm:style>
      <a:lnRef idx="0">
        <a:scrgbClr r="0" g="0" b="0"/>
      </a:lnRef>
      <a:fillRef idx="1">
        <a:scrgbClr r="0" g="0" b="0"/>
      </a:fillRef>
      <a:effectRef idx="0">
        <a:scrgbClr r="0" g="0" b="0"/>
      </a:effectRef>
      <a:fontRef idx="minor"/>
    </dgm:style>
  </dgm:styleLbl>
  <dgm:styleLbl name="fgAcc0">
    <dgm:scene3d>
      <a:camera prst="orthographicFront"/>
      <a:lightRig rig="threePt" dir="t"/>
    </dgm:scene3d>
    <dgm:sp3d z="57200" extrusionH="600" contourW="3000">
      <a:bevelT w="48600" h="18600" prst="relaxedInset"/>
      <a:bevelB w="48600" h="8600" prst="relaxedInset"/>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z="57200" extrusionH="600" contourW="3000">
      <a:bevelT w="48600" h="18600" prst="relaxedInset"/>
      <a:bevelB w="48600" h="8600" prst="relaxedInset"/>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z="57200" extrusionH="600" contourW="3000">
      <a:bevelT w="48600" h="18600" prst="relaxedInset"/>
      <a:bevelB w="48600" h="8600" prst="relaxedInset"/>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z="57200" extrusionH="600" contourW="3000">
      <a:bevelT w="48600" h="18600" prst="relaxedInset"/>
      <a:bevelB w="48600" h="8600" prst="relaxedInset"/>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z="-161800" extrusionH="600" contourW="3000">
      <a:bevelT w="48600" h="18600" prst="relaxedInset"/>
      <a:bevelB w="48600" h="8600" prst="relaxedInset"/>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extrusionH="50600">
      <a:bevelT w="80600" h="80600" prst="relaxedInset"/>
      <a:bevelB w="80600" h="80600" prst="relaxedInset"/>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z="57200" extrusionH="600" contourW="3000" prstMaterial="plastic">
      <a:bevelT w="80600" h="18600" prst="relaxedInset"/>
      <a:bevelB w="80600" h="8600" prst="relaxedInset"/>
    </dgm:sp3d>
    <dgm:txPr/>
    <dgm:style>
      <a:lnRef idx="0">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lvl="0" indent="-298450">
              <a:spcBef>
                <a:spcPts val="0"/>
              </a:spcBef>
              <a:spcAft>
                <a:spcPts val="0"/>
              </a:spcAft>
              <a:buSzPts val="1100"/>
              <a:buChar char="●"/>
              <a:defRPr sz="1100"/>
            </a:lvl1pPr>
            <a:lvl2pPr marL="914400" lvl="1" indent="-298450">
              <a:spcBef>
                <a:spcPts val="0"/>
              </a:spcBef>
              <a:spcAft>
                <a:spcPts val="0"/>
              </a:spcAft>
              <a:buSzPts val="1100"/>
              <a:buChar char="○"/>
              <a:defRPr sz="1100"/>
            </a:lvl2pPr>
            <a:lvl3pPr marL="1371600" lvl="2" indent="-298450">
              <a:spcBef>
                <a:spcPts val="0"/>
              </a:spcBef>
              <a:spcAft>
                <a:spcPts val="0"/>
              </a:spcAft>
              <a:buSzPts val="1100"/>
              <a:buChar char="■"/>
              <a:defRPr sz="1100"/>
            </a:lvl3pPr>
            <a:lvl4pPr marL="1828800" lvl="3" indent="-298450">
              <a:spcBef>
                <a:spcPts val="0"/>
              </a:spcBef>
              <a:spcAft>
                <a:spcPts val="0"/>
              </a:spcAft>
              <a:buSzPts val="1100"/>
              <a:buChar char="●"/>
              <a:defRPr sz="1100"/>
            </a:lvl4pPr>
            <a:lvl5pPr marL="2286000" lvl="4" indent="-298450">
              <a:spcBef>
                <a:spcPts val="0"/>
              </a:spcBef>
              <a:spcAft>
                <a:spcPts val="0"/>
              </a:spcAft>
              <a:buSzPts val="1100"/>
              <a:buChar char="○"/>
              <a:defRPr sz="1100"/>
            </a:lvl5pPr>
            <a:lvl6pPr marL="2743200" lvl="5" indent="-298450">
              <a:spcBef>
                <a:spcPts val="0"/>
              </a:spcBef>
              <a:spcAft>
                <a:spcPts val="0"/>
              </a:spcAft>
              <a:buSzPts val="1100"/>
              <a:buChar char="■"/>
              <a:defRPr sz="1100"/>
            </a:lvl6pPr>
            <a:lvl7pPr marL="3200400" lvl="6" indent="-298450">
              <a:spcBef>
                <a:spcPts val="0"/>
              </a:spcBef>
              <a:spcAft>
                <a:spcPts val="0"/>
              </a:spcAft>
              <a:buSzPts val="1100"/>
              <a:buChar char="●"/>
              <a:defRPr sz="1100"/>
            </a:lvl7pPr>
            <a:lvl8pPr marL="3657600" lvl="7" indent="-298450">
              <a:spcBef>
                <a:spcPts val="0"/>
              </a:spcBef>
              <a:spcAft>
                <a:spcPts val="0"/>
              </a:spcAft>
              <a:buSzPts val="1100"/>
              <a:buChar char="○"/>
              <a:defRPr sz="1100"/>
            </a:lvl8pPr>
            <a:lvl9pPr marL="4114800" lvl="8" indent="-298450">
              <a:spcBef>
                <a:spcPts val="0"/>
              </a:spcBef>
              <a:spcAft>
                <a:spcPts val="0"/>
              </a:spcAft>
              <a:buSzPts val="1100"/>
              <a:buChar char="■"/>
              <a:defRPr sz="1100"/>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693"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184683230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18082820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5"/>
        <p:cNvGrpSpPr/>
        <p:nvPr/>
      </p:nvGrpSpPr>
      <p:grpSpPr>
        <a:xfrm>
          <a:off x="0" y="0"/>
          <a:ext cx="0" cy="0"/>
          <a:chOff x="0" y="0"/>
          <a:chExt cx="0" cy="0"/>
        </a:xfrm>
      </p:grpSpPr>
      <p:sp>
        <p:nvSpPr>
          <p:cNvPr id="146" name="Google Shape;146;p: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47" name="Google Shape;147;p: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41978570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5"/>
        <p:cNvGrpSpPr/>
        <p:nvPr/>
      </p:nvGrpSpPr>
      <p:grpSpPr>
        <a:xfrm>
          <a:off x="0" y="0"/>
          <a:ext cx="0" cy="0"/>
          <a:chOff x="0" y="0"/>
          <a:chExt cx="0" cy="0"/>
        </a:xfrm>
      </p:grpSpPr>
      <p:sp>
        <p:nvSpPr>
          <p:cNvPr id="146" name="Google Shape;146;p: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147" name="Google Shape;147;p: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57991408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hỗ dành sẵn cho Hình ảnh của Bản chiếu 1"/>
          <p:cNvSpPr>
            <a:spLocks noGrp="1" noRot="1" noChangeAspect="1"/>
          </p:cNvSpPr>
          <p:nvPr>
            <p:ph type="sldImg"/>
          </p:nvPr>
        </p:nvSpPr>
        <p:spPr/>
      </p:sp>
      <p:sp>
        <p:nvSpPr>
          <p:cNvPr id="3" name="Chỗ dành sẵn cho Ghi chú 2"/>
          <p:cNvSpPr>
            <a:spLocks noGrp="1"/>
          </p:cNvSpPr>
          <p:nvPr>
            <p:ph type="body" idx="1"/>
          </p:nvPr>
        </p:nvSpPr>
        <p:spPr/>
        <p:txBody>
          <a:bodyPr/>
          <a:lstStyle/>
          <a:p>
            <a:endParaRPr lang="en-US"/>
          </a:p>
        </p:txBody>
      </p:sp>
    </p:spTree>
    <p:extLst>
      <p:ext uri="{BB962C8B-B14F-4D97-AF65-F5344CB8AC3E}">
        <p14:creationId xmlns:p14="http://schemas.microsoft.com/office/powerpoint/2010/main" val="13549129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5"/>
        <p:cNvGrpSpPr/>
        <p:nvPr/>
      </p:nvGrpSpPr>
      <p:grpSpPr>
        <a:xfrm>
          <a:off x="0" y="0"/>
          <a:ext cx="0" cy="0"/>
          <a:chOff x="0" y="0"/>
          <a:chExt cx="0" cy="0"/>
        </a:xfrm>
      </p:grpSpPr>
      <p:sp>
        <p:nvSpPr>
          <p:cNvPr id="356" name="Google Shape;356;gacae539fd4_4_608: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7" name="Google Shape;357;gacae539fd4_4_60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06449533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5"/>
        <p:cNvGrpSpPr/>
        <p:nvPr/>
      </p:nvGrpSpPr>
      <p:grpSpPr>
        <a:xfrm>
          <a:off x="0" y="0"/>
          <a:ext cx="0" cy="0"/>
          <a:chOff x="0" y="0"/>
          <a:chExt cx="0" cy="0"/>
        </a:xfrm>
      </p:grpSpPr>
      <p:sp>
        <p:nvSpPr>
          <p:cNvPr id="356" name="Google Shape;356;gacae539fd4_4_608: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7" name="Google Shape;357;gacae539fd4_4_60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15981250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5"/>
        <p:cNvGrpSpPr/>
        <p:nvPr/>
      </p:nvGrpSpPr>
      <p:grpSpPr>
        <a:xfrm>
          <a:off x="0" y="0"/>
          <a:ext cx="0" cy="0"/>
          <a:chOff x="0" y="0"/>
          <a:chExt cx="0" cy="0"/>
        </a:xfrm>
      </p:grpSpPr>
      <p:sp>
        <p:nvSpPr>
          <p:cNvPr id="356" name="Google Shape;356;gacae539fd4_4_608: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7" name="Google Shape;357;gacae539fd4_4_60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57515905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5"/>
        <p:cNvGrpSpPr/>
        <p:nvPr/>
      </p:nvGrpSpPr>
      <p:grpSpPr>
        <a:xfrm>
          <a:off x="0" y="0"/>
          <a:ext cx="0" cy="0"/>
          <a:chOff x="0" y="0"/>
          <a:chExt cx="0" cy="0"/>
        </a:xfrm>
      </p:grpSpPr>
      <p:sp>
        <p:nvSpPr>
          <p:cNvPr id="356" name="Google Shape;356;gacae539fd4_4_608: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7" name="Google Shape;357;gacae539fd4_4_60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171125016"/>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5"/>
        <p:cNvGrpSpPr/>
        <p:nvPr/>
      </p:nvGrpSpPr>
      <p:grpSpPr>
        <a:xfrm>
          <a:off x="0" y="0"/>
          <a:ext cx="0" cy="0"/>
          <a:chOff x="0" y="0"/>
          <a:chExt cx="0" cy="0"/>
        </a:xfrm>
      </p:grpSpPr>
      <p:sp>
        <p:nvSpPr>
          <p:cNvPr id="356" name="Google Shape;356;gacae539fd4_4_608: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7" name="Google Shape;357;gacae539fd4_4_60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706107713"/>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5"/>
        <p:cNvGrpSpPr/>
        <p:nvPr/>
      </p:nvGrpSpPr>
      <p:grpSpPr>
        <a:xfrm>
          <a:off x="0" y="0"/>
          <a:ext cx="0" cy="0"/>
          <a:chOff x="0" y="0"/>
          <a:chExt cx="0" cy="0"/>
        </a:xfrm>
      </p:grpSpPr>
      <p:sp>
        <p:nvSpPr>
          <p:cNvPr id="356" name="Google Shape;356;gacae539fd4_4_608: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7" name="Google Shape;357;gacae539fd4_4_60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30020826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2713247836"/>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5"/>
        <p:cNvGrpSpPr/>
        <p:nvPr/>
      </p:nvGrpSpPr>
      <p:grpSpPr>
        <a:xfrm>
          <a:off x="0" y="0"/>
          <a:ext cx="0" cy="0"/>
          <a:chOff x="0" y="0"/>
          <a:chExt cx="0" cy="0"/>
        </a:xfrm>
      </p:grpSpPr>
      <p:sp>
        <p:nvSpPr>
          <p:cNvPr id="356" name="Google Shape;356;gacae539fd4_4_608: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7" name="Google Shape;357;gacae539fd4_4_60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4037161591"/>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5"/>
        <p:cNvGrpSpPr/>
        <p:nvPr/>
      </p:nvGrpSpPr>
      <p:grpSpPr>
        <a:xfrm>
          <a:off x="0" y="0"/>
          <a:ext cx="0" cy="0"/>
          <a:chOff x="0" y="0"/>
          <a:chExt cx="0" cy="0"/>
        </a:xfrm>
      </p:grpSpPr>
      <p:sp>
        <p:nvSpPr>
          <p:cNvPr id="356" name="Google Shape;356;gacae539fd4_4_608: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7" name="Google Shape;357;gacae539fd4_4_60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923452471"/>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5"/>
        <p:cNvGrpSpPr/>
        <p:nvPr/>
      </p:nvGrpSpPr>
      <p:grpSpPr>
        <a:xfrm>
          <a:off x="0" y="0"/>
          <a:ext cx="0" cy="0"/>
          <a:chOff x="0" y="0"/>
          <a:chExt cx="0" cy="0"/>
        </a:xfrm>
      </p:grpSpPr>
      <p:sp>
        <p:nvSpPr>
          <p:cNvPr id="356" name="Google Shape;356;gacae539fd4_4_608: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7" name="Google Shape;357;gacae539fd4_4_60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605078770"/>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5"/>
        <p:cNvGrpSpPr/>
        <p:nvPr/>
      </p:nvGrpSpPr>
      <p:grpSpPr>
        <a:xfrm>
          <a:off x="0" y="0"/>
          <a:ext cx="0" cy="0"/>
          <a:chOff x="0" y="0"/>
          <a:chExt cx="0" cy="0"/>
        </a:xfrm>
      </p:grpSpPr>
      <p:sp>
        <p:nvSpPr>
          <p:cNvPr id="356" name="Google Shape;356;gacae539fd4_4_608: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7" name="Google Shape;357;gacae539fd4_4_608: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28195103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4"/>
        <p:cNvGrpSpPr/>
        <p:nvPr/>
      </p:nvGrpSpPr>
      <p:grpSpPr>
        <a:xfrm>
          <a:off x="0" y="0"/>
          <a:ext cx="0" cy="0"/>
          <a:chOff x="0" y="0"/>
          <a:chExt cx="0" cy="0"/>
        </a:xfrm>
      </p:grpSpPr>
      <p:sp>
        <p:nvSpPr>
          <p:cNvPr id="845" name="Google Shape;845;gacae539fd4_4_697: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846" name="Google Shape;846;gacae539fd4_4_69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230037216"/>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4"/>
        <p:cNvGrpSpPr/>
        <p:nvPr/>
      </p:nvGrpSpPr>
      <p:grpSpPr>
        <a:xfrm>
          <a:off x="0" y="0"/>
          <a:ext cx="0" cy="0"/>
          <a:chOff x="0" y="0"/>
          <a:chExt cx="0" cy="0"/>
        </a:xfrm>
      </p:grpSpPr>
      <p:sp>
        <p:nvSpPr>
          <p:cNvPr id="845" name="Google Shape;845;gacae539fd4_4_697: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846" name="Google Shape;846;gacae539fd4_4_69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658636343"/>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4"/>
        <p:cNvGrpSpPr/>
        <p:nvPr/>
      </p:nvGrpSpPr>
      <p:grpSpPr>
        <a:xfrm>
          <a:off x="0" y="0"/>
          <a:ext cx="0" cy="0"/>
          <a:chOff x="0" y="0"/>
          <a:chExt cx="0" cy="0"/>
        </a:xfrm>
      </p:grpSpPr>
      <p:sp>
        <p:nvSpPr>
          <p:cNvPr id="845" name="Google Shape;845;gacae539fd4_4_697: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846" name="Google Shape;846;gacae539fd4_4_69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984486819"/>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4"/>
        <p:cNvGrpSpPr/>
        <p:nvPr/>
      </p:nvGrpSpPr>
      <p:grpSpPr>
        <a:xfrm>
          <a:off x="0" y="0"/>
          <a:ext cx="0" cy="0"/>
          <a:chOff x="0" y="0"/>
          <a:chExt cx="0" cy="0"/>
        </a:xfrm>
      </p:grpSpPr>
      <p:sp>
        <p:nvSpPr>
          <p:cNvPr id="845" name="Google Shape;845;gacae539fd4_4_697: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846" name="Google Shape;846;gacae539fd4_4_697: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917660269"/>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4161730734"/>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206872703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2287973371"/>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48"/>
        <p:cNvGrpSpPr/>
        <p:nvPr/>
      </p:nvGrpSpPr>
      <p:grpSpPr>
        <a:xfrm>
          <a:off x="0" y="0"/>
          <a:ext cx="0" cy="0"/>
          <a:chOff x="0" y="0"/>
          <a:chExt cx="0" cy="0"/>
        </a:xfrm>
      </p:grpSpPr>
      <p:sp>
        <p:nvSpPr>
          <p:cNvPr id="2249" name="Google Shape;2249;gac839c9b35_0_1436:notes"/>
          <p:cNvSpPr>
            <a:spLocks noGrp="1" noRot="1" noChangeAspect="1"/>
          </p:cNvSpPr>
          <p:nvPr>
            <p:ph type="sldImg" idx="2"/>
          </p:nvPr>
        </p:nvSpPr>
        <p:spPr>
          <a:xfrm>
            <a:off x="571500" y="685800"/>
            <a:ext cx="5715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2250" name="Google Shape;2250;gac839c9b35_0_1436: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123251471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177795006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216187160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286795527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379507844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Tree>
    <p:extLst>
      <p:ext uri="{BB962C8B-B14F-4D97-AF65-F5344CB8AC3E}">
        <p14:creationId xmlns:p14="http://schemas.microsoft.com/office/powerpoint/2010/main" val="2087793585"/>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13"/>
        <p:cNvGrpSpPr/>
        <p:nvPr/>
      </p:nvGrpSpPr>
      <p:grpSpPr>
        <a:xfrm>
          <a:off x="0" y="0"/>
          <a:ext cx="0" cy="0"/>
          <a:chOff x="0" y="0"/>
          <a:chExt cx="0" cy="0"/>
        </a:xfrm>
      </p:grpSpPr>
      <p:sp>
        <p:nvSpPr>
          <p:cNvPr id="14" name="Google Shape;14;p3"/>
          <p:cNvSpPr txBox="1">
            <a:spLocks noGrp="1"/>
          </p:cNvSpPr>
          <p:nvPr>
            <p:ph type="title"/>
          </p:nvPr>
        </p:nvSpPr>
        <p:spPr>
          <a:xfrm>
            <a:off x="1891376" y="3068618"/>
            <a:ext cx="7017011" cy="1060564"/>
          </a:xfrm>
          <a:prstGeom prst="rect">
            <a:avLst/>
          </a:prstGeom>
        </p:spPr>
        <p:txBody>
          <a:bodyPr spcFirstLastPara="1" wrap="square" lIns="91425" tIns="91425" rIns="91425" bIns="91425" anchor="ctr" anchorCtr="0">
            <a:noAutofit/>
          </a:bodyPr>
          <a:lstStyle>
            <a:lvl1pPr lvl="0" algn="ctr">
              <a:spcBef>
                <a:spcPts val="0"/>
              </a:spcBef>
              <a:spcAft>
                <a:spcPts val="0"/>
              </a:spcAft>
              <a:buClr>
                <a:schemeClr val="accent3"/>
              </a:buClr>
              <a:buSzPts val="3600"/>
              <a:buNone/>
              <a:defRPr sz="4500">
                <a:solidFill>
                  <a:schemeClr val="accent3"/>
                </a:solidFill>
              </a:defRPr>
            </a:lvl1pPr>
            <a:lvl2pPr lvl="1" algn="ctr">
              <a:spcBef>
                <a:spcPts val="0"/>
              </a:spcBef>
              <a:spcAft>
                <a:spcPts val="0"/>
              </a:spcAft>
              <a:buClr>
                <a:schemeClr val="accent3"/>
              </a:buClr>
              <a:buSzPts val="3600"/>
              <a:buNone/>
              <a:defRPr sz="3600">
                <a:solidFill>
                  <a:schemeClr val="accent3"/>
                </a:solidFill>
              </a:defRPr>
            </a:lvl2pPr>
            <a:lvl3pPr lvl="2" algn="ctr">
              <a:spcBef>
                <a:spcPts val="0"/>
              </a:spcBef>
              <a:spcAft>
                <a:spcPts val="0"/>
              </a:spcAft>
              <a:buClr>
                <a:schemeClr val="accent3"/>
              </a:buClr>
              <a:buSzPts val="3600"/>
              <a:buNone/>
              <a:defRPr sz="3600">
                <a:solidFill>
                  <a:schemeClr val="accent3"/>
                </a:solidFill>
              </a:defRPr>
            </a:lvl3pPr>
            <a:lvl4pPr lvl="3" algn="ctr">
              <a:spcBef>
                <a:spcPts val="0"/>
              </a:spcBef>
              <a:spcAft>
                <a:spcPts val="0"/>
              </a:spcAft>
              <a:buClr>
                <a:schemeClr val="accent3"/>
              </a:buClr>
              <a:buSzPts val="3600"/>
              <a:buNone/>
              <a:defRPr sz="3600">
                <a:solidFill>
                  <a:schemeClr val="accent3"/>
                </a:solidFill>
              </a:defRPr>
            </a:lvl4pPr>
            <a:lvl5pPr lvl="4" algn="ctr">
              <a:spcBef>
                <a:spcPts val="0"/>
              </a:spcBef>
              <a:spcAft>
                <a:spcPts val="0"/>
              </a:spcAft>
              <a:buClr>
                <a:schemeClr val="accent3"/>
              </a:buClr>
              <a:buSzPts val="3600"/>
              <a:buNone/>
              <a:defRPr sz="3600">
                <a:solidFill>
                  <a:schemeClr val="accent3"/>
                </a:solidFill>
              </a:defRPr>
            </a:lvl5pPr>
            <a:lvl6pPr lvl="5" algn="ctr">
              <a:spcBef>
                <a:spcPts val="0"/>
              </a:spcBef>
              <a:spcAft>
                <a:spcPts val="0"/>
              </a:spcAft>
              <a:buClr>
                <a:schemeClr val="accent3"/>
              </a:buClr>
              <a:buSzPts val="3600"/>
              <a:buNone/>
              <a:defRPr sz="3600">
                <a:solidFill>
                  <a:schemeClr val="accent3"/>
                </a:solidFill>
              </a:defRPr>
            </a:lvl6pPr>
            <a:lvl7pPr lvl="6" algn="ctr">
              <a:spcBef>
                <a:spcPts val="0"/>
              </a:spcBef>
              <a:spcAft>
                <a:spcPts val="0"/>
              </a:spcAft>
              <a:buClr>
                <a:schemeClr val="accent3"/>
              </a:buClr>
              <a:buSzPts val="3600"/>
              <a:buNone/>
              <a:defRPr sz="3600">
                <a:solidFill>
                  <a:schemeClr val="accent3"/>
                </a:solidFill>
              </a:defRPr>
            </a:lvl7pPr>
            <a:lvl8pPr lvl="7" algn="ctr">
              <a:spcBef>
                <a:spcPts val="0"/>
              </a:spcBef>
              <a:spcAft>
                <a:spcPts val="0"/>
              </a:spcAft>
              <a:buClr>
                <a:schemeClr val="accent3"/>
              </a:buClr>
              <a:buSzPts val="3600"/>
              <a:buNone/>
              <a:defRPr sz="3600">
                <a:solidFill>
                  <a:schemeClr val="accent3"/>
                </a:solidFill>
              </a:defRPr>
            </a:lvl8pPr>
            <a:lvl9pPr lvl="8" algn="ctr">
              <a:spcBef>
                <a:spcPts val="0"/>
              </a:spcBef>
              <a:spcAft>
                <a:spcPts val="0"/>
              </a:spcAft>
              <a:buClr>
                <a:schemeClr val="accent3"/>
              </a:buClr>
              <a:buSzPts val="3600"/>
              <a:buNone/>
              <a:defRPr sz="3600">
                <a:solidFill>
                  <a:schemeClr val="accent3"/>
                </a:solidFill>
              </a:defRPr>
            </a:lvl9pPr>
          </a:lstStyle>
          <a:p>
            <a:endParaRPr/>
          </a:p>
        </p:txBody>
      </p:sp>
      <p:sp>
        <p:nvSpPr>
          <p:cNvPr id="15" name="Google Shape;15;p3"/>
          <p:cNvSpPr txBox="1">
            <a:spLocks noGrp="1"/>
          </p:cNvSpPr>
          <p:nvPr>
            <p:ph type="subTitle" idx="1"/>
          </p:nvPr>
        </p:nvSpPr>
        <p:spPr>
          <a:xfrm>
            <a:off x="2812616" y="3979320"/>
            <a:ext cx="5174532" cy="54729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600"/>
            </a:lvl1pPr>
            <a:lvl2pPr lvl="1" algn="ctr" rtl="0">
              <a:spcBef>
                <a:spcPts val="1600"/>
              </a:spcBef>
              <a:spcAft>
                <a:spcPts val="0"/>
              </a:spcAft>
              <a:buSzPts val="1400"/>
              <a:buNone/>
              <a:defRPr/>
            </a:lvl2pPr>
            <a:lvl3pPr lvl="2" algn="ctr" rtl="0">
              <a:spcBef>
                <a:spcPts val="1600"/>
              </a:spcBef>
              <a:spcAft>
                <a:spcPts val="0"/>
              </a:spcAft>
              <a:buSzPts val="1400"/>
              <a:buNone/>
              <a:defRPr/>
            </a:lvl3pPr>
            <a:lvl4pPr lvl="3" algn="ctr" rtl="0">
              <a:spcBef>
                <a:spcPts val="1600"/>
              </a:spcBef>
              <a:spcAft>
                <a:spcPts val="0"/>
              </a:spcAft>
              <a:buSzPts val="1400"/>
              <a:buNone/>
              <a:defRPr/>
            </a:lvl4pPr>
            <a:lvl5pPr lvl="4" algn="ctr" rtl="0">
              <a:spcBef>
                <a:spcPts val="1600"/>
              </a:spcBef>
              <a:spcAft>
                <a:spcPts val="0"/>
              </a:spcAft>
              <a:buSzPts val="1400"/>
              <a:buNone/>
              <a:defRPr/>
            </a:lvl5pPr>
            <a:lvl6pPr lvl="5" algn="ctr" rtl="0">
              <a:spcBef>
                <a:spcPts val="1600"/>
              </a:spcBef>
              <a:spcAft>
                <a:spcPts val="0"/>
              </a:spcAft>
              <a:buSzPts val="1400"/>
              <a:buNone/>
              <a:defRPr/>
            </a:lvl6pPr>
            <a:lvl7pPr lvl="6" algn="ctr" rtl="0">
              <a:spcBef>
                <a:spcPts val="1600"/>
              </a:spcBef>
              <a:spcAft>
                <a:spcPts val="0"/>
              </a:spcAft>
              <a:buSzPts val="1400"/>
              <a:buNone/>
              <a:defRPr/>
            </a:lvl7pPr>
            <a:lvl8pPr lvl="7" algn="ctr" rtl="0">
              <a:spcBef>
                <a:spcPts val="1600"/>
              </a:spcBef>
              <a:spcAft>
                <a:spcPts val="0"/>
              </a:spcAft>
              <a:buSzPts val="1400"/>
              <a:buNone/>
              <a:defRPr/>
            </a:lvl8pPr>
            <a:lvl9pPr lvl="8" algn="ctr" rtl="0">
              <a:spcBef>
                <a:spcPts val="1600"/>
              </a:spcBef>
              <a:spcAft>
                <a:spcPts val="1600"/>
              </a:spcAft>
              <a:buSzPts val="1400"/>
              <a:buNone/>
              <a:defRPr/>
            </a:lvl9pPr>
          </a:lstStyle>
          <a:p>
            <a:endParaRPr/>
          </a:p>
        </p:txBody>
      </p:sp>
      <p:sp>
        <p:nvSpPr>
          <p:cNvPr id="16" name="Google Shape;16;p3"/>
          <p:cNvSpPr txBox="1">
            <a:spLocks noGrp="1"/>
          </p:cNvSpPr>
          <p:nvPr>
            <p:ph type="title" idx="2" hasCustomPrompt="1"/>
          </p:nvPr>
        </p:nvSpPr>
        <p:spPr>
          <a:xfrm>
            <a:off x="4644820" y="1947486"/>
            <a:ext cx="1510124" cy="967585"/>
          </a:xfrm>
          <a:prstGeom prst="rect">
            <a:avLst/>
          </a:prstGeom>
        </p:spPr>
        <p:txBody>
          <a:bodyPr spcFirstLastPara="1" wrap="square" lIns="91425" tIns="91425" rIns="91425" bIns="91425" anchor="ctr" anchorCtr="0">
            <a:noAutofit/>
          </a:bodyPr>
          <a:lstStyle>
            <a:lvl1pPr lvl="0" algn="ctr" rtl="0">
              <a:spcBef>
                <a:spcPts val="0"/>
              </a:spcBef>
              <a:spcAft>
                <a:spcPts val="0"/>
              </a:spcAft>
              <a:buClr>
                <a:schemeClr val="accent4"/>
              </a:buClr>
              <a:buSzPts val="5000"/>
              <a:buNone/>
              <a:defRPr sz="7000">
                <a:solidFill>
                  <a:schemeClr val="accent3"/>
                </a:solidFill>
              </a:defRPr>
            </a:lvl1pPr>
            <a:lvl2pPr lvl="1" algn="ctr" rtl="0">
              <a:spcBef>
                <a:spcPts val="0"/>
              </a:spcBef>
              <a:spcAft>
                <a:spcPts val="0"/>
              </a:spcAft>
              <a:buClr>
                <a:schemeClr val="accent4"/>
              </a:buClr>
              <a:buSzPts val="5000"/>
              <a:buNone/>
              <a:defRPr sz="5000">
                <a:solidFill>
                  <a:schemeClr val="accent4"/>
                </a:solidFill>
              </a:defRPr>
            </a:lvl2pPr>
            <a:lvl3pPr lvl="2" algn="ctr" rtl="0">
              <a:spcBef>
                <a:spcPts val="0"/>
              </a:spcBef>
              <a:spcAft>
                <a:spcPts val="0"/>
              </a:spcAft>
              <a:buClr>
                <a:schemeClr val="accent4"/>
              </a:buClr>
              <a:buSzPts val="5000"/>
              <a:buNone/>
              <a:defRPr sz="5000">
                <a:solidFill>
                  <a:schemeClr val="accent4"/>
                </a:solidFill>
              </a:defRPr>
            </a:lvl3pPr>
            <a:lvl4pPr lvl="3" algn="ctr" rtl="0">
              <a:spcBef>
                <a:spcPts val="0"/>
              </a:spcBef>
              <a:spcAft>
                <a:spcPts val="0"/>
              </a:spcAft>
              <a:buClr>
                <a:schemeClr val="accent4"/>
              </a:buClr>
              <a:buSzPts val="5000"/>
              <a:buNone/>
              <a:defRPr sz="5000">
                <a:solidFill>
                  <a:schemeClr val="accent4"/>
                </a:solidFill>
              </a:defRPr>
            </a:lvl4pPr>
            <a:lvl5pPr lvl="4" algn="ctr" rtl="0">
              <a:spcBef>
                <a:spcPts val="0"/>
              </a:spcBef>
              <a:spcAft>
                <a:spcPts val="0"/>
              </a:spcAft>
              <a:buClr>
                <a:schemeClr val="accent4"/>
              </a:buClr>
              <a:buSzPts val="5000"/>
              <a:buNone/>
              <a:defRPr sz="5000">
                <a:solidFill>
                  <a:schemeClr val="accent4"/>
                </a:solidFill>
              </a:defRPr>
            </a:lvl5pPr>
            <a:lvl6pPr lvl="5" algn="ctr" rtl="0">
              <a:spcBef>
                <a:spcPts val="0"/>
              </a:spcBef>
              <a:spcAft>
                <a:spcPts val="0"/>
              </a:spcAft>
              <a:buClr>
                <a:schemeClr val="accent4"/>
              </a:buClr>
              <a:buSzPts val="5000"/>
              <a:buNone/>
              <a:defRPr sz="5000">
                <a:solidFill>
                  <a:schemeClr val="accent4"/>
                </a:solidFill>
              </a:defRPr>
            </a:lvl6pPr>
            <a:lvl7pPr lvl="6" algn="ctr" rtl="0">
              <a:spcBef>
                <a:spcPts val="0"/>
              </a:spcBef>
              <a:spcAft>
                <a:spcPts val="0"/>
              </a:spcAft>
              <a:buClr>
                <a:schemeClr val="accent4"/>
              </a:buClr>
              <a:buSzPts val="5000"/>
              <a:buNone/>
              <a:defRPr sz="5000">
                <a:solidFill>
                  <a:schemeClr val="accent4"/>
                </a:solidFill>
              </a:defRPr>
            </a:lvl7pPr>
            <a:lvl8pPr lvl="7" algn="ctr" rtl="0">
              <a:spcBef>
                <a:spcPts val="0"/>
              </a:spcBef>
              <a:spcAft>
                <a:spcPts val="0"/>
              </a:spcAft>
              <a:buClr>
                <a:schemeClr val="accent4"/>
              </a:buClr>
              <a:buSzPts val="5000"/>
              <a:buNone/>
              <a:defRPr sz="5000">
                <a:solidFill>
                  <a:schemeClr val="accent4"/>
                </a:solidFill>
              </a:defRPr>
            </a:lvl8pPr>
            <a:lvl9pPr lvl="8" algn="ctr" rtl="0">
              <a:spcBef>
                <a:spcPts val="0"/>
              </a:spcBef>
              <a:spcAft>
                <a:spcPts val="0"/>
              </a:spcAft>
              <a:buClr>
                <a:schemeClr val="accent4"/>
              </a:buClr>
              <a:buSzPts val="5000"/>
              <a:buNone/>
              <a:defRPr sz="5000">
                <a:solidFill>
                  <a:schemeClr val="accent4"/>
                </a:solidFill>
              </a:defRPr>
            </a:lvl9pPr>
          </a:lstStyle>
          <a:p>
            <a:r>
              <a:t>xx%</a:t>
            </a:r>
          </a:p>
        </p:txBody>
      </p:sp>
    </p:spTree>
  </p:cSld>
  <p:clrMapOvr>
    <a:masterClrMapping/>
  </p:clrMapOvr>
  <mc:AlternateContent xmlns:mc="http://schemas.openxmlformats.org/markup-compatibility/2006" xmlns:p14="http://schemas.microsoft.com/office/powerpoint/2010/main">
    <mc:Choice Requires="p14">
      <p:transition spd="slow" p14:dur="1500">
        <p:randomBar dir="vert"/>
      </p:transition>
    </mc:Choice>
    <mc:Fallback xmlns="">
      <p:transition spd="slow">
        <p:randomBar dir="vert"/>
      </p:transition>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Main point">
  <p:cSld name="MAIN_POINT">
    <p:spTree>
      <p:nvGrpSpPr>
        <p:cNvPr id="1" name="Shape 31"/>
        <p:cNvGrpSpPr/>
        <p:nvPr/>
      </p:nvGrpSpPr>
      <p:grpSpPr>
        <a:xfrm>
          <a:off x="0" y="0"/>
          <a:ext cx="0" cy="0"/>
          <a:chOff x="0" y="0"/>
          <a:chExt cx="0" cy="0"/>
        </a:xfrm>
      </p:grpSpPr>
      <p:sp>
        <p:nvSpPr>
          <p:cNvPr id="32" name="Google Shape;32;p8"/>
          <p:cNvSpPr txBox="1">
            <a:spLocks noGrp="1"/>
          </p:cNvSpPr>
          <p:nvPr>
            <p:ph type="title"/>
          </p:nvPr>
        </p:nvSpPr>
        <p:spPr>
          <a:xfrm>
            <a:off x="1639452" y="1433047"/>
            <a:ext cx="7520859" cy="3614082"/>
          </a:xfrm>
          <a:prstGeom prst="rect">
            <a:avLst/>
          </a:prstGeom>
        </p:spPr>
        <p:txBody>
          <a:bodyPr spcFirstLastPara="1" wrap="square" lIns="91425" tIns="91425" rIns="91425" bIns="91425" anchor="ctr" anchorCtr="0">
            <a:noAutofit/>
          </a:bodyPr>
          <a:lstStyle>
            <a:lvl1pPr lvl="0" algn="ctr">
              <a:lnSpc>
                <a:spcPct val="80000"/>
              </a:lnSpc>
              <a:spcBef>
                <a:spcPts val="0"/>
              </a:spcBef>
              <a:spcAft>
                <a:spcPts val="0"/>
              </a:spcAft>
              <a:buSzPts val="4800"/>
              <a:buNone/>
              <a:defRPr sz="10000"/>
            </a:lvl1pPr>
            <a:lvl2pPr lvl="1" algn="ctr">
              <a:spcBef>
                <a:spcPts val="0"/>
              </a:spcBef>
              <a:spcAft>
                <a:spcPts val="0"/>
              </a:spcAft>
              <a:buSzPts val="4800"/>
              <a:buNone/>
              <a:defRPr sz="4800"/>
            </a:lvl2pPr>
            <a:lvl3pPr lvl="2" algn="ctr">
              <a:spcBef>
                <a:spcPts val="0"/>
              </a:spcBef>
              <a:spcAft>
                <a:spcPts val="0"/>
              </a:spcAft>
              <a:buSzPts val="4800"/>
              <a:buNone/>
              <a:defRPr sz="4800"/>
            </a:lvl3pPr>
            <a:lvl4pPr lvl="3" algn="ctr">
              <a:spcBef>
                <a:spcPts val="0"/>
              </a:spcBef>
              <a:spcAft>
                <a:spcPts val="0"/>
              </a:spcAft>
              <a:buSzPts val="4800"/>
              <a:buNone/>
              <a:defRPr sz="4800"/>
            </a:lvl4pPr>
            <a:lvl5pPr lvl="4" algn="ctr">
              <a:spcBef>
                <a:spcPts val="0"/>
              </a:spcBef>
              <a:spcAft>
                <a:spcPts val="0"/>
              </a:spcAft>
              <a:buSzPts val="4800"/>
              <a:buNone/>
              <a:defRPr sz="4800"/>
            </a:lvl5pPr>
            <a:lvl6pPr lvl="5" algn="ctr">
              <a:spcBef>
                <a:spcPts val="0"/>
              </a:spcBef>
              <a:spcAft>
                <a:spcPts val="0"/>
              </a:spcAft>
              <a:buSzPts val="4800"/>
              <a:buNone/>
              <a:defRPr sz="4800"/>
            </a:lvl6pPr>
            <a:lvl7pPr lvl="6" algn="ctr">
              <a:spcBef>
                <a:spcPts val="0"/>
              </a:spcBef>
              <a:spcAft>
                <a:spcPts val="0"/>
              </a:spcAft>
              <a:buSzPts val="4800"/>
              <a:buNone/>
              <a:defRPr sz="4800"/>
            </a:lvl7pPr>
            <a:lvl8pPr lvl="7" algn="ctr">
              <a:spcBef>
                <a:spcPts val="0"/>
              </a:spcBef>
              <a:spcAft>
                <a:spcPts val="0"/>
              </a:spcAft>
              <a:buSzPts val="4800"/>
              <a:buNone/>
              <a:defRPr sz="4800"/>
            </a:lvl8pPr>
            <a:lvl9pPr lvl="8" algn="ctr">
              <a:spcBef>
                <a:spcPts val="0"/>
              </a:spcBef>
              <a:spcAft>
                <a:spcPts val="0"/>
              </a:spcAft>
              <a:buSzPts val="4800"/>
              <a:buNone/>
              <a:defRPr sz="4800"/>
            </a:lvl9pPr>
          </a:lstStyle>
          <a:p>
            <a:endParaRPr/>
          </a:p>
        </p:txBody>
      </p:sp>
    </p:spTree>
  </p:cSld>
  <p:clrMapOvr>
    <a:masterClrMapping/>
  </p:clrMapOvr>
  <mc:AlternateContent xmlns:mc="http://schemas.openxmlformats.org/markup-compatibility/2006" xmlns:p14="http://schemas.microsoft.com/office/powerpoint/2010/main">
    <mc:Choice Requires="p14">
      <p:transition spd="slow" p14:dur="1500">
        <p:randomBar dir="vert"/>
      </p:transition>
    </mc:Choice>
    <mc:Fallback xmlns="">
      <p:transition spd="slow">
        <p:randomBar dir="vert"/>
      </p:transition>
    </mc:Fallback>
  </mc:AlternateConten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Quote">
  <p:cSld name="CUSTOM_16">
    <p:spTree>
      <p:nvGrpSpPr>
        <p:cNvPr id="1" name="Shape 56"/>
        <p:cNvGrpSpPr/>
        <p:nvPr/>
      </p:nvGrpSpPr>
      <p:grpSpPr>
        <a:xfrm>
          <a:off x="0" y="0"/>
          <a:ext cx="0" cy="0"/>
          <a:chOff x="0" y="0"/>
          <a:chExt cx="0" cy="0"/>
        </a:xfrm>
      </p:grpSpPr>
      <p:sp>
        <p:nvSpPr>
          <p:cNvPr id="57" name="Google Shape;57;p14"/>
          <p:cNvSpPr txBox="1">
            <a:spLocks noGrp="1"/>
          </p:cNvSpPr>
          <p:nvPr>
            <p:ph type="title"/>
          </p:nvPr>
        </p:nvSpPr>
        <p:spPr>
          <a:xfrm>
            <a:off x="5080282" y="4033196"/>
            <a:ext cx="4386164" cy="721531"/>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200"/>
              <a:buNone/>
              <a:defRPr sz="2200">
                <a:solidFill>
                  <a:schemeClr val="accent3"/>
                </a:solidFill>
              </a:defRPr>
            </a:lvl1pPr>
            <a:lvl2pPr lvl="1" algn="ctr" rtl="0">
              <a:spcBef>
                <a:spcPts val="0"/>
              </a:spcBef>
              <a:spcAft>
                <a:spcPts val="0"/>
              </a:spcAft>
              <a:buSzPts val="3500"/>
              <a:buNone/>
              <a:defRPr/>
            </a:lvl2pPr>
            <a:lvl3pPr lvl="2" algn="ctr" rtl="0">
              <a:spcBef>
                <a:spcPts val="0"/>
              </a:spcBef>
              <a:spcAft>
                <a:spcPts val="0"/>
              </a:spcAft>
              <a:buSzPts val="3500"/>
              <a:buNone/>
              <a:defRPr/>
            </a:lvl3pPr>
            <a:lvl4pPr lvl="3" algn="ctr" rtl="0">
              <a:spcBef>
                <a:spcPts val="0"/>
              </a:spcBef>
              <a:spcAft>
                <a:spcPts val="0"/>
              </a:spcAft>
              <a:buSzPts val="3500"/>
              <a:buNone/>
              <a:defRPr/>
            </a:lvl4pPr>
            <a:lvl5pPr lvl="4" algn="ctr" rtl="0">
              <a:spcBef>
                <a:spcPts val="0"/>
              </a:spcBef>
              <a:spcAft>
                <a:spcPts val="0"/>
              </a:spcAft>
              <a:buSzPts val="3500"/>
              <a:buNone/>
              <a:defRPr/>
            </a:lvl5pPr>
            <a:lvl6pPr lvl="5" algn="ctr" rtl="0">
              <a:spcBef>
                <a:spcPts val="0"/>
              </a:spcBef>
              <a:spcAft>
                <a:spcPts val="0"/>
              </a:spcAft>
              <a:buSzPts val="3500"/>
              <a:buNone/>
              <a:defRPr/>
            </a:lvl6pPr>
            <a:lvl7pPr lvl="6" algn="ctr" rtl="0">
              <a:spcBef>
                <a:spcPts val="0"/>
              </a:spcBef>
              <a:spcAft>
                <a:spcPts val="0"/>
              </a:spcAft>
              <a:buSzPts val="3500"/>
              <a:buNone/>
              <a:defRPr/>
            </a:lvl7pPr>
            <a:lvl8pPr lvl="7" algn="ctr" rtl="0">
              <a:spcBef>
                <a:spcPts val="0"/>
              </a:spcBef>
              <a:spcAft>
                <a:spcPts val="0"/>
              </a:spcAft>
              <a:buSzPts val="3500"/>
              <a:buNone/>
              <a:defRPr/>
            </a:lvl8pPr>
            <a:lvl9pPr lvl="8" algn="ctr" rtl="0">
              <a:spcBef>
                <a:spcPts val="0"/>
              </a:spcBef>
              <a:spcAft>
                <a:spcPts val="0"/>
              </a:spcAft>
              <a:buSzPts val="3500"/>
              <a:buNone/>
              <a:defRPr/>
            </a:lvl9pPr>
          </a:lstStyle>
          <a:p>
            <a:endParaRPr/>
          </a:p>
        </p:txBody>
      </p:sp>
      <p:sp>
        <p:nvSpPr>
          <p:cNvPr id="58" name="Google Shape;58;p14"/>
          <p:cNvSpPr txBox="1">
            <a:spLocks noGrp="1"/>
          </p:cNvSpPr>
          <p:nvPr>
            <p:ph type="subTitle" idx="1"/>
          </p:nvPr>
        </p:nvSpPr>
        <p:spPr>
          <a:xfrm>
            <a:off x="5080282" y="1629446"/>
            <a:ext cx="4386164" cy="2417451"/>
          </a:xfrm>
          <a:prstGeom prst="rect">
            <a:avLst/>
          </a:prstGeom>
        </p:spPr>
        <p:txBody>
          <a:bodyPr spcFirstLastPara="1" wrap="square" lIns="91425" tIns="91425" rIns="91425" bIns="91425" anchor="t" anchorCtr="0">
            <a:noAutofit/>
          </a:bodyPr>
          <a:lstStyle>
            <a:lvl1pPr lvl="0" algn="ctr" rtl="0">
              <a:spcBef>
                <a:spcPts val="0"/>
              </a:spcBef>
              <a:spcAft>
                <a:spcPts val="0"/>
              </a:spcAft>
              <a:buSzPts val="2500"/>
              <a:buNone/>
              <a:defRPr sz="2500"/>
            </a:lvl1pPr>
            <a:lvl2pPr lvl="1" algn="ctr" rtl="0">
              <a:spcBef>
                <a:spcPts val="1600"/>
              </a:spcBef>
              <a:spcAft>
                <a:spcPts val="0"/>
              </a:spcAft>
              <a:buSzPts val="1400"/>
              <a:buNone/>
              <a:defRPr/>
            </a:lvl2pPr>
            <a:lvl3pPr lvl="2" algn="ctr" rtl="0">
              <a:spcBef>
                <a:spcPts val="1600"/>
              </a:spcBef>
              <a:spcAft>
                <a:spcPts val="0"/>
              </a:spcAft>
              <a:buSzPts val="1400"/>
              <a:buNone/>
              <a:defRPr/>
            </a:lvl3pPr>
            <a:lvl4pPr lvl="3" algn="ctr" rtl="0">
              <a:spcBef>
                <a:spcPts val="1600"/>
              </a:spcBef>
              <a:spcAft>
                <a:spcPts val="0"/>
              </a:spcAft>
              <a:buSzPts val="1400"/>
              <a:buNone/>
              <a:defRPr/>
            </a:lvl4pPr>
            <a:lvl5pPr lvl="4" algn="ctr" rtl="0">
              <a:spcBef>
                <a:spcPts val="1600"/>
              </a:spcBef>
              <a:spcAft>
                <a:spcPts val="0"/>
              </a:spcAft>
              <a:buSzPts val="1400"/>
              <a:buNone/>
              <a:defRPr/>
            </a:lvl5pPr>
            <a:lvl6pPr lvl="5" algn="ctr" rtl="0">
              <a:spcBef>
                <a:spcPts val="1600"/>
              </a:spcBef>
              <a:spcAft>
                <a:spcPts val="0"/>
              </a:spcAft>
              <a:buSzPts val="1400"/>
              <a:buNone/>
              <a:defRPr/>
            </a:lvl6pPr>
            <a:lvl7pPr lvl="6" algn="ctr" rtl="0">
              <a:spcBef>
                <a:spcPts val="1600"/>
              </a:spcBef>
              <a:spcAft>
                <a:spcPts val="0"/>
              </a:spcAft>
              <a:buSzPts val="1400"/>
              <a:buNone/>
              <a:defRPr/>
            </a:lvl7pPr>
            <a:lvl8pPr lvl="7" algn="ctr" rtl="0">
              <a:spcBef>
                <a:spcPts val="1600"/>
              </a:spcBef>
              <a:spcAft>
                <a:spcPts val="0"/>
              </a:spcAft>
              <a:buSzPts val="1400"/>
              <a:buNone/>
              <a:defRPr/>
            </a:lvl8pPr>
            <a:lvl9pPr lvl="8" algn="ctr" rtl="0">
              <a:spcBef>
                <a:spcPts val="1600"/>
              </a:spcBef>
              <a:spcAft>
                <a:spcPts val="1600"/>
              </a:spcAft>
              <a:buSzPts val="1400"/>
              <a:buNone/>
              <a:defRPr/>
            </a:lvl9pPr>
          </a:lstStyle>
          <a:p>
            <a:endParaRPr/>
          </a:p>
        </p:txBody>
      </p:sp>
    </p:spTree>
  </p:cSld>
  <p:clrMapOvr>
    <a:masterClrMapping/>
  </p:clrMapOvr>
  <mc:AlternateContent xmlns:mc="http://schemas.openxmlformats.org/markup-compatibility/2006" xmlns:p14="http://schemas.microsoft.com/office/powerpoint/2010/main">
    <mc:Choice Requires="p14">
      <p:transition spd="slow" p14:dur="1500">
        <p:randomBar dir="vert"/>
      </p:transition>
    </mc:Choice>
    <mc:Fallback xmlns="">
      <p:transition spd="slow">
        <p:randomBar dir="vert"/>
      </p:transition>
    </mc:Fallback>
  </mc:AlternateConten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Title only 2">
  <p:cSld name="CUSTOM_10">
    <p:spTree>
      <p:nvGrpSpPr>
        <p:cNvPr id="1" name="Shape 134"/>
        <p:cNvGrpSpPr/>
        <p:nvPr/>
      </p:nvGrpSpPr>
      <p:grpSpPr>
        <a:xfrm>
          <a:off x="0" y="0"/>
          <a:ext cx="0" cy="0"/>
          <a:chOff x="0" y="0"/>
          <a:chExt cx="0" cy="0"/>
        </a:xfrm>
      </p:grpSpPr>
      <p:sp>
        <p:nvSpPr>
          <p:cNvPr id="135" name="Google Shape;135;p28"/>
          <p:cNvSpPr txBox="1">
            <a:spLocks noGrp="1"/>
          </p:cNvSpPr>
          <p:nvPr>
            <p:ph type="title"/>
          </p:nvPr>
        </p:nvSpPr>
        <p:spPr>
          <a:xfrm>
            <a:off x="1183262" y="608111"/>
            <a:ext cx="8433240" cy="721531"/>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500"/>
              <a:buNone/>
              <a:defRPr/>
            </a:lvl1pPr>
            <a:lvl2pPr lvl="1" algn="ctr" rtl="0">
              <a:spcBef>
                <a:spcPts val="0"/>
              </a:spcBef>
              <a:spcAft>
                <a:spcPts val="0"/>
              </a:spcAft>
              <a:buSzPts val="3500"/>
              <a:buNone/>
              <a:defRPr/>
            </a:lvl2pPr>
            <a:lvl3pPr lvl="2" algn="ctr" rtl="0">
              <a:spcBef>
                <a:spcPts val="0"/>
              </a:spcBef>
              <a:spcAft>
                <a:spcPts val="0"/>
              </a:spcAft>
              <a:buSzPts val="3500"/>
              <a:buNone/>
              <a:defRPr/>
            </a:lvl3pPr>
            <a:lvl4pPr lvl="3" algn="ctr" rtl="0">
              <a:spcBef>
                <a:spcPts val="0"/>
              </a:spcBef>
              <a:spcAft>
                <a:spcPts val="0"/>
              </a:spcAft>
              <a:buSzPts val="3500"/>
              <a:buNone/>
              <a:defRPr/>
            </a:lvl4pPr>
            <a:lvl5pPr lvl="4" algn="ctr" rtl="0">
              <a:spcBef>
                <a:spcPts val="0"/>
              </a:spcBef>
              <a:spcAft>
                <a:spcPts val="0"/>
              </a:spcAft>
              <a:buSzPts val="3500"/>
              <a:buNone/>
              <a:defRPr/>
            </a:lvl5pPr>
            <a:lvl6pPr lvl="5" algn="ctr" rtl="0">
              <a:spcBef>
                <a:spcPts val="0"/>
              </a:spcBef>
              <a:spcAft>
                <a:spcPts val="0"/>
              </a:spcAft>
              <a:buSzPts val="3500"/>
              <a:buNone/>
              <a:defRPr/>
            </a:lvl6pPr>
            <a:lvl7pPr lvl="6" algn="ctr" rtl="0">
              <a:spcBef>
                <a:spcPts val="0"/>
              </a:spcBef>
              <a:spcAft>
                <a:spcPts val="0"/>
              </a:spcAft>
              <a:buSzPts val="3500"/>
              <a:buNone/>
              <a:defRPr/>
            </a:lvl7pPr>
            <a:lvl8pPr lvl="7" algn="ctr" rtl="0">
              <a:spcBef>
                <a:spcPts val="0"/>
              </a:spcBef>
              <a:spcAft>
                <a:spcPts val="0"/>
              </a:spcAft>
              <a:buSzPts val="3500"/>
              <a:buNone/>
              <a:defRPr/>
            </a:lvl8pPr>
            <a:lvl9pPr lvl="8" algn="ctr" rtl="0">
              <a:spcBef>
                <a:spcPts val="0"/>
              </a:spcBef>
              <a:spcAft>
                <a:spcPts val="0"/>
              </a:spcAft>
              <a:buSzPts val="3500"/>
              <a:buNone/>
              <a:defRPr/>
            </a:lvl9pPr>
          </a:lstStyle>
          <a:p>
            <a:endParaRPr/>
          </a:p>
        </p:txBody>
      </p:sp>
    </p:spTree>
  </p:cSld>
  <p:clrMapOvr>
    <a:masterClrMapping/>
  </p:clrMapOvr>
  <mc:AlternateContent xmlns:mc="http://schemas.openxmlformats.org/markup-compatibility/2006" xmlns:p14="http://schemas.microsoft.com/office/powerpoint/2010/main">
    <mc:Choice Requires="p14">
      <p:transition spd="slow" p14:dur="1500">
        <p:randomBar dir="vert"/>
      </p:transition>
    </mc:Choice>
    <mc:Fallback xmlns="">
      <p:transition spd="slow">
        <p:randomBar dir="vert"/>
      </p:transition>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Background">
  <p:cSld name="CUSTOM_12">
    <p:spTree>
      <p:nvGrpSpPr>
        <p:cNvPr id="1" name="Shape 140"/>
        <p:cNvGrpSpPr/>
        <p:nvPr/>
      </p:nvGrpSpPr>
      <p:grpSpPr>
        <a:xfrm>
          <a:off x="0" y="0"/>
          <a:ext cx="0" cy="0"/>
          <a:chOff x="0" y="0"/>
          <a:chExt cx="0" cy="0"/>
        </a:xfrm>
      </p:grpSpPr>
    </p:spTree>
  </p:cSld>
  <p:clrMapOvr>
    <a:masterClrMapping/>
  </p:clrMapOvr>
  <mc:AlternateContent xmlns:mc="http://schemas.openxmlformats.org/markup-compatibility/2006" xmlns:p14="http://schemas.microsoft.com/office/powerpoint/2010/main">
    <mc:Choice Requires="p14">
      <p:transition spd="slow" p14:dur="1500">
        <p:randomBar dir="vert"/>
      </p:transition>
    </mc:Choice>
    <mc:Fallback xmlns="">
      <p:transition spd="slow">
        <p:randomBar dir="vert"/>
      </p:transition>
    </mc:Fallback>
  </mc:AlternateContent>
</p:sldLayout>
</file>

<file path=ppt/slideLayouts/slideLayout6.xml><?xml version="1.0" encoding="utf-8"?>
<p:sldLayout xmlns:a="http://schemas.openxmlformats.org/drawingml/2006/main" xmlns:r="http://schemas.openxmlformats.org/officeDocument/2006/relationships" xmlns:p="http://schemas.openxmlformats.org/presentationml/2006/main" type="obj">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909AC47-647A-5B4E-9402-DE7813F453EB}"/>
              </a:ext>
            </a:extLst>
          </p:cNvPr>
          <p:cNvSpPr>
            <a:spLocks noGrp="1"/>
          </p:cNvSpPr>
          <p:nvPr>
            <p:ph type="title"/>
          </p:nvPr>
        </p:nvSpPr>
        <p:spPr/>
        <p:txBody>
          <a:bodyPr/>
          <a:lstStyle/>
          <a:p>
            <a:r>
              <a:rPr lang="en-US"/>
              <a:t>Click to edit Master title style</a:t>
            </a:r>
            <a:endParaRPr lang="en-VN"/>
          </a:p>
        </p:txBody>
      </p:sp>
      <p:sp>
        <p:nvSpPr>
          <p:cNvPr id="3" name="Content Placeholder 2">
            <a:extLst>
              <a:ext uri="{FF2B5EF4-FFF2-40B4-BE49-F238E27FC236}">
                <a16:creationId xmlns:a16="http://schemas.microsoft.com/office/drawing/2014/main" id="{D826EC98-A158-5F4E-A56B-71CD971F254E}"/>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VN"/>
          </a:p>
        </p:txBody>
      </p:sp>
      <p:sp>
        <p:nvSpPr>
          <p:cNvPr id="4" name="Date Placeholder 3">
            <a:extLst>
              <a:ext uri="{FF2B5EF4-FFF2-40B4-BE49-F238E27FC236}">
                <a16:creationId xmlns:a16="http://schemas.microsoft.com/office/drawing/2014/main" id="{FCF4461F-A661-8B47-92C6-8A0D495E97DB}"/>
              </a:ext>
            </a:extLst>
          </p:cNvPr>
          <p:cNvSpPr>
            <a:spLocks noGrp="1"/>
          </p:cNvSpPr>
          <p:nvPr>
            <p:ph type="dt" sz="half" idx="10"/>
          </p:nvPr>
        </p:nvSpPr>
        <p:spPr/>
        <p:txBody>
          <a:bodyPr/>
          <a:lstStyle/>
          <a:p>
            <a:fld id="{9EB2F956-74F9-1649-B901-3C644DED3C2E}" type="datetimeFigureOut">
              <a:t>07/04/25</a:t>
            </a:fld>
            <a:endParaRPr lang="en-VN"/>
          </a:p>
        </p:txBody>
      </p:sp>
      <p:sp>
        <p:nvSpPr>
          <p:cNvPr id="5" name="Footer Placeholder 4">
            <a:extLst>
              <a:ext uri="{FF2B5EF4-FFF2-40B4-BE49-F238E27FC236}">
                <a16:creationId xmlns:a16="http://schemas.microsoft.com/office/drawing/2014/main" id="{FD5A9608-4FC5-EA4B-80A7-75919BD3C6B1}"/>
              </a:ext>
            </a:extLst>
          </p:cNvPr>
          <p:cNvSpPr>
            <a:spLocks noGrp="1"/>
          </p:cNvSpPr>
          <p:nvPr>
            <p:ph type="ftr" sz="quarter" idx="11"/>
          </p:nvPr>
        </p:nvSpPr>
        <p:spPr/>
        <p:txBody>
          <a:bodyPr/>
          <a:lstStyle/>
          <a:p>
            <a:endParaRPr lang="en-VN"/>
          </a:p>
        </p:txBody>
      </p:sp>
      <p:sp>
        <p:nvSpPr>
          <p:cNvPr id="6" name="Slide Number Placeholder 5">
            <a:extLst>
              <a:ext uri="{FF2B5EF4-FFF2-40B4-BE49-F238E27FC236}">
                <a16:creationId xmlns:a16="http://schemas.microsoft.com/office/drawing/2014/main" id="{82F6E3D5-DCA7-F44F-AC66-326BF0AC12F5}"/>
              </a:ext>
            </a:extLst>
          </p:cNvPr>
          <p:cNvSpPr>
            <a:spLocks noGrp="1"/>
          </p:cNvSpPr>
          <p:nvPr>
            <p:ph type="sldNum" sz="quarter" idx="12"/>
          </p:nvPr>
        </p:nvSpPr>
        <p:spPr/>
        <p:txBody>
          <a:bodyPr/>
          <a:lstStyle/>
          <a:p>
            <a:fld id="{AF354D9C-5318-F340-9957-13A6A1EE7365}" type="slidenum">
              <a:rPr lang="en-VN"/>
              <a:t>‹#›</a:t>
            </a:fld>
            <a:endParaRPr lang="en-VN"/>
          </a:p>
        </p:txBody>
      </p:sp>
    </p:spTree>
    <p:extLst>
      <p:ext uri="{BB962C8B-B14F-4D97-AF65-F5344CB8AC3E}">
        <p14:creationId xmlns:p14="http://schemas.microsoft.com/office/powerpoint/2010/main" val="4096354209"/>
      </p:ext>
    </p:extLst>
  </p:cSld>
  <p:clrMapOvr>
    <a:masterClrMapping/>
  </p:clrMapOvr>
  <p:hf hdr="0" ftr="0" dt="0"/>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Title slide" type="title">
  <p:cSld name="Title slide">
    <p:spTree>
      <p:nvGrpSpPr>
        <p:cNvPr id="1" name="Shape 9"/>
        <p:cNvGrpSpPr/>
        <p:nvPr/>
      </p:nvGrpSpPr>
      <p:grpSpPr>
        <a:xfrm>
          <a:off x="0" y="0"/>
          <a:ext cx="0" cy="0"/>
          <a:chOff x="0" y="0"/>
          <a:chExt cx="0" cy="0"/>
        </a:xfrm>
      </p:grpSpPr>
      <p:sp>
        <p:nvSpPr>
          <p:cNvPr id="10" name="Google Shape;10;p2"/>
          <p:cNvSpPr/>
          <p:nvPr/>
        </p:nvSpPr>
        <p:spPr>
          <a:xfrm rot="-10664892">
            <a:off x="-226867" y="-206938"/>
            <a:ext cx="11285468" cy="6755026"/>
          </a:xfrm>
          <a:custGeom>
            <a:avLst/>
            <a:gdLst/>
            <a:ahLst/>
            <a:cxnLst/>
            <a:rect l="l" t="t" r="r" b="b"/>
            <a:pathLst>
              <a:path w="44882" h="36450" extrusionOk="0">
                <a:moveTo>
                  <a:pt x="42957" y="712"/>
                </a:moveTo>
                <a:cubicBezTo>
                  <a:pt x="42999" y="816"/>
                  <a:pt x="43041" y="858"/>
                  <a:pt x="43062" y="942"/>
                </a:cubicBezTo>
                <a:cubicBezTo>
                  <a:pt x="43271" y="2323"/>
                  <a:pt x="43522" y="3704"/>
                  <a:pt x="43689" y="5106"/>
                </a:cubicBezTo>
                <a:cubicBezTo>
                  <a:pt x="43794" y="6047"/>
                  <a:pt x="43752" y="6989"/>
                  <a:pt x="43794" y="7951"/>
                </a:cubicBezTo>
                <a:cubicBezTo>
                  <a:pt x="43815" y="8265"/>
                  <a:pt x="43815" y="8600"/>
                  <a:pt x="43919" y="8914"/>
                </a:cubicBezTo>
                <a:cubicBezTo>
                  <a:pt x="44170" y="9646"/>
                  <a:pt x="44233" y="10378"/>
                  <a:pt x="44212" y="11132"/>
                </a:cubicBezTo>
                <a:cubicBezTo>
                  <a:pt x="44170" y="12052"/>
                  <a:pt x="44233" y="12973"/>
                  <a:pt x="44526" y="13852"/>
                </a:cubicBezTo>
                <a:cubicBezTo>
                  <a:pt x="44589" y="14124"/>
                  <a:pt x="44631" y="14438"/>
                  <a:pt x="44631" y="14730"/>
                </a:cubicBezTo>
                <a:lnTo>
                  <a:pt x="44777" y="24837"/>
                </a:lnTo>
                <a:cubicBezTo>
                  <a:pt x="44798" y="27285"/>
                  <a:pt x="44861" y="29691"/>
                  <a:pt x="44882" y="32118"/>
                </a:cubicBezTo>
                <a:cubicBezTo>
                  <a:pt x="44882" y="32432"/>
                  <a:pt x="44840" y="32767"/>
                  <a:pt x="44798" y="33080"/>
                </a:cubicBezTo>
                <a:cubicBezTo>
                  <a:pt x="44756" y="33624"/>
                  <a:pt x="44694" y="34189"/>
                  <a:pt x="44652" y="34859"/>
                </a:cubicBezTo>
                <a:cubicBezTo>
                  <a:pt x="44694" y="34775"/>
                  <a:pt x="44652" y="34838"/>
                  <a:pt x="44631" y="34880"/>
                </a:cubicBezTo>
                <a:cubicBezTo>
                  <a:pt x="44380" y="35382"/>
                  <a:pt x="43940" y="35508"/>
                  <a:pt x="43501" y="35340"/>
                </a:cubicBezTo>
                <a:cubicBezTo>
                  <a:pt x="43020" y="35152"/>
                  <a:pt x="42559" y="35131"/>
                  <a:pt x="42078" y="35173"/>
                </a:cubicBezTo>
                <a:cubicBezTo>
                  <a:pt x="40760" y="35257"/>
                  <a:pt x="39463" y="35047"/>
                  <a:pt x="38207" y="34733"/>
                </a:cubicBezTo>
                <a:cubicBezTo>
                  <a:pt x="37161" y="34817"/>
                  <a:pt x="36157" y="34461"/>
                  <a:pt x="35111" y="34461"/>
                </a:cubicBezTo>
                <a:cubicBezTo>
                  <a:pt x="34190" y="34461"/>
                  <a:pt x="33248" y="34524"/>
                  <a:pt x="32328" y="34420"/>
                </a:cubicBezTo>
                <a:cubicBezTo>
                  <a:pt x="31700" y="34336"/>
                  <a:pt x="31072" y="34294"/>
                  <a:pt x="30424" y="34294"/>
                </a:cubicBezTo>
                <a:cubicBezTo>
                  <a:pt x="29398" y="34315"/>
                  <a:pt x="28373" y="34357"/>
                  <a:pt x="27369" y="34608"/>
                </a:cubicBezTo>
                <a:cubicBezTo>
                  <a:pt x="26888" y="34713"/>
                  <a:pt x="26385" y="34671"/>
                  <a:pt x="25925" y="34713"/>
                </a:cubicBezTo>
                <a:cubicBezTo>
                  <a:pt x="25109" y="34733"/>
                  <a:pt x="24335" y="34733"/>
                  <a:pt x="23519" y="34754"/>
                </a:cubicBezTo>
                <a:cubicBezTo>
                  <a:pt x="23289" y="34754"/>
                  <a:pt x="23079" y="34754"/>
                  <a:pt x="22828" y="34775"/>
                </a:cubicBezTo>
                <a:cubicBezTo>
                  <a:pt x="21615" y="34964"/>
                  <a:pt x="20359" y="35152"/>
                  <a:pt x="19125" y="35340"/>
                </a:cubicBezTo>
                <a:cubicBezTo>
                  <a:pt x="18790" y="35382"/>
                  <a:pt x="18414" y="35445"/>
                  <a:pt x="18079" y="35466"/>
                </a:cubicBezTo>
                <a:cubicBezTo>
                  <a:pt x="17765" y="35508"/>
                  <a:pt x="17430" y="35508"/>
                  <a:pt x="17137" y="35591"/>
                </a:cubicBezTo>
                <a:cubicBezTo>
                  <a:pt x="16237" y="35863"/>
                  <a:pt x="15359" y="35821"/>
                  <a:pt x="14459" y="35863"/>
                </a:cubicBezTo>
                <a:cubicBezTo>
                  <a:pt x="13141" y="35884"/>
                  <a:pt x="11781" y="35905"/>
                  <a:pt x="10442" y="35968"/>
                </a:cubicBezTo>
                <a:cubicBezTo>
                  <a:pt x="10253" y="35968"/>
                  <a:pt x="10044" y="35968"/>
                  <a:pt x="9856" y="36031"/>
                </a:cubicBezTo>
                <a:cubicBezTo>
                  <a:pt x="9270" y="36324"/>
                  <a:pt x="8600" y="36303"/>
                  <a:pt x="7973" y="36324"/>
                </a:cubicBezTo>
                <a:cubicBezTo>
                  <a:pt x="6278" y="36345"/>
                  <a:pt x="4583" y="36407"/>
                  <a:pt x="2888" y="36449"/>
                </a:cubicBezTo>
                <a:lnTo>
                  <a:pt x="2784" y="36449"/>
                </a:lnTo>
                <a:cubicBezTo>
                  <a:pt x="2072" y="36449"/>
                  <a:pt x="1884" y="36324"/>
                  <a:pt x="1863" y="35654"/>
                </a:cubicBezTo>
                <a:cubicBezTo>
                  <a:pt x="1800" y="34713"/>
                  <a:pt x="1800" y="33729"/>
                  <a:pt x="1800" y="32788"/>
                </a:cubicBezTo>
                <a:cubicBezTo>
                  <a:pt x="1800" y="31930"/>
                  <a:pt x="1800" y="31093"/>
                  <a:pt x="1570" y="30256"/>
                </a:cubicBezTo>
                <a:cubicBezTo>
                  <a:pt x="1486" y="29942"/>
                  <a:pt x="1486" y="29607"/>
                  <a:pt x="1486" y="29293"/>
                </a:cubicBezTo>
                <a:cubicBezTo>
                  <a:pt x="1465" y="28645"/>
                  <a:pt x="1465" y="27975"/>
                  <a:pt x="1256" y="27347"/>
                </a:cubicBezTo>
                <a:cubicBezTo>
                  <a:pt x="1152" y="27034"/>
                  <a:pt x="1152" y="26657"/>
                  <a:pt x="1152" y="26280"/>
                </a:cubicBezTo>
                <a:cubicBezTo>
                  <a:pt x="1131" y="23937"/>
                  <a:pt x="1131" y="21572"/>
                  <a:pt x="1110" y="19229"/>
                </a:cubicBezTo>
                <a:cubicBezTo>
                  <a:pt x="1110" y="18915"/>
                  <a:pt x="1089" y="18559"/>
                  <a:pt x="1005" y="18246"/>
                </a:cubicBezTo>
                <a:cubicBezTo>
                  <a:pt x="838" y="17702"/>
                  <a:pt x="817" y="17158"/>
                  <a:pt x="817" y="16614"/>
                </a:cubicBezTo>
                <a:cubicBezTo>
                  <a:pt x="817" y="15484"/>
                  <a:pt x="796" y="14375"/>
                  <a:pt x="775" y="13266"/>
                </a:cubicBezTo>
                <a:cubicBezTo>
                  <a:pt x="775" y="13015"/>
                  <a:pt x="733" y="12805"/>
                  <a:pt x="691" y="12575"/>
                </a:cubicBezTo>
                <a:cubicBezTo>
                  <a:pt x="524" y="11822"/>
                  <a:pt x="398" y="11027"/>
                  <a:pt x="461" y="10253"/>
                </a:cubicBezTo>
                <a:cubicBezTo>
                  <a:pt x="482" y="10064"/>
                  <a:pt x="461" y="9855"/>
                  <a:pt x="398" y="9667"/>
                </a:cubicBezTo>
                <a:cubicBezTo>
                  <a:pt x="1" y="8265"/>
                  <a:pt x="147" y="6821"/>
                  <a:pt x="105" y="5378"/>
                </a:cubicBezTo>
                <a:cubicBezTo>
                  <a:pt x="84" y="4373"/>
                  <a:pt x="84" y="3348"/>
                  <a:pt x="84" y="2344"/>
                </a:cubicBezTo>
                <a:cubicBezTo>
                  <a:pt x="84" y="1549"/>
                  <a:pt x="356" y="1193"/>
                  <a:pt x="1152" y="1151"/>
                </a:cubicBezTo>
                <a:cubicBezTo>
                  <a:pt x="1947" y="1088"/>
                  <a:pt x="2721" y="963"/>
                  <a:pt x="3537" y="1256"/>
                </a:cubicBezTo>
                <a:cubicBezTo>
                  <a:pt x="3934" y="1381"/>
                  <a:pt x="4437" y="1277"/>
                  <a:pt x="4876" y="1277"/>
                </a:cubicBezTo>
                <a:cubicBezTo>
                  <a:pt x="7052" y="1235"/>
                  <a:pt x="9249" y="1151"/>
                  <a:pt x="11404" y="1088"/>
                </a:cubicBezTo>
                <a:cubicBezTo>
                  <a:pt x="13580" y="1025"/>
                  <a:pt x="15777" y="963"/>
                  <a:pt x="17953" y="879"/>
                </a:cubicBezTo>
                <a:cubicBezTo>
                  <a:pt x="18204" y="879"/>
                  <a:pt x="18455" y="816"/>
                  <a:pt x="18706" y="774"/>
                </a:cubicBezTo>
                <a:cubicBezTo>
                  <a:pt x="19209" y="712"/>
                  <a:pt x="19732" y="628"/>
                  <a:pt x="20234" y="544"/>
                </a:cubicBezTo>
                <a:cubicBezTo>
                  <a:pt x="20380" y="523"/>
                  <a:pt x="20548" y="544"/>
                  <a:pt x="20694" y="502"/>
                </a:cubicBezTo>
                <a:cubicBezTo>
                  <a:pt x="22138" y="84"/>
                  <a:pt x="23623" y="189"/>
                  <a:pt x="25088" y="126"/>
                </a:cubicBezTo>
                <a:cubicBezTo>
                  <a:pt x="26406" y="84"/>
                  <a:pt x="27704" y="42"/>
                  <a:pt x="29043" y="21"/>
                </a:cubicBezTo>
                <a:cubicBezTo>
                  <a:pt x="29231" y="21"/>
                  <a:pt x="29440" y="0"/>
                  <a:pt x="29608" y="21"/>
                </a:cubicBezTo>
                <a:cubicBezTo>
                  <a:pt x="31554" y="419"/>
                  <a:pt x="33520" y="105"/>
                  <a:pt x="35445" y="126"/>
                </a:cubicBezTo>
                <a:cubicBezTo>
                  <a:pt x="35927" y="126"/>
                  <a:pt x="36408" y="105"/>
                  <a:pt x="36889" y="105"/>
                </a:cubicBezTo>
                <a:cubicBezTo>
                  <a:pt x="37015" y="105"/>
                  <a:pt x="37182" y="84"/>
                  <a:pt x="37245" y="126"/>
                </a:cubicBezTo>
                <a:cubicBezTo>
                  <a:pt x="37726" y="440"/>
                  <a:pt x="38249" y="314"/>
                  <a:pt x="38751" y="314"/>
                </a:cubicBezTo>
                <a:cubicBezTo>
                  <a:pt x="39191" y="335"/>
                  <a:pt x="39651" y="251"/>
                  <a:pt x="40049" y="523"/>
                </a:cubicBezTo>
                <a:cubicBezTo>
                  <a:pt x="40885" y="523"/>
                  <a:pt x="41701" y="565"/>
                  <a:pt x="42518" y="816"/>
                </a:cubicBezTo>
                <a:cubicBezTo>
                  <a:pt x="42664" y="837"/>
                  <a:pt x="42831" y="753"/>
                  <a:pt x="42957" y="712"/>
                </a:cubicBezTo>
                <a:close/>
                <a:moveTo>
                  <a:pt x="42476" y="1821"/>
                </a:moveTo>
                <a:cubicBezTo>
                  <a:pt x="41618" y="2009"/>
                  <a:pt x="40844" y="1402"/>
                  <a:pt x="39965" y="1590"/>
                </a:cubicBezTo>
                <a:cubicBezTo>
                  <a:pt x="39881" y="1611"/>
                  <a:pt x="39756" y="1590"/>
                  <a:pt x="39672" y="1549"/>
                </a:cubicBezTo>
                <a:cubicBezTo>
                  <a:pt x="39128" y="1256"/>
                  <a:pt x="38563" y="1360"/>
                  <a:pt x="37977" y="1339"/>
                </a:cubicBezTo>
                <a:cubicBezTo>
                  <a:pt x="37726" y="1339"/>
                  <a:pt x="37454" y="1360"/>
                  <a:pt x="37224" y="1256"/>
                </a:cubicBezTo>
                <a:cubicBezTo>
                  <a:pt x="36889" y="1088"/>
                  <a:pt x="36533" y="1088"/>
                  <a:pt x="36199" y="1088"/>
                </a:cubicBezTo>
                <a:cubicBezTo>
                  <a:pt x="35341" y="1130"/>
                  <a:pt x="34483" y="1130"/>
                  <a:pt x="33625" y="1151"/>
                </a:cubicBezTo>
                <a:cubicBezTo>
                  <a:pt x="32286" y="1193"/>
                  <a:pt x="30926" y="1297"/>
                  <a:pt x="29587" y="1005"/>
                </a:cubicBezTo>
                <a:cubicBezTo>
                  <a:pt x="29377" y="963"/>
                  <a:pt x="29147" y="984"/>
                  <a:pt x="28917" y="984"/>
                </a:cubicBezTo>
                <a:cubicBezTo>
                  <a:pt x="27473" y="1005"/>
                  <a:pt x="26030" y="1005"/>
                  <a:pt x="24586" y="1088"/>
                </a:cubicBezTo>
                <a:cubicBezTo>
                  <a:pt x="23310" y="1151"/>
                  <a:pt x="22033" y="1046"/>
                  <a:pt x="20778" y="1444"/>
                </a:cubicBezTo>
                <a:cubicBezTo>
                  <a:pt x="20569" y="1507"/>
                  <a:pt x="20338" y="1465"/>
                  <a:pt x="20087" y="1486"/>
                </a:cubicBezTo>
                <a:cubicBezTo>
                  <a:pt x="19794" y="1507"/>
                  <a:pt x="19522" y="1507"/>
                  <a:pt x="19230" y="1611"/>
                </a:cubicBezTo>
                <a:cubicBezTo>
                  <a:pt x="18434" y="1883"/>
                  <a:pt x="17660" y="1862"/>
                  <a:pt x="16844" y="1883"/>
                </a:cubicBezTo>
                <a:cubicBezTo>
                  <a:pt x="16007" y="1904"/>
                  <a:pt x="15170" y="1904"/>
                  <a:pt x="14354" y="1925"/>
                </a:cubicBezTo>
                <a:cubicBezTo>
                  <a:pt x="10881" y="2009"/>
                  <a:pt x="7387" y="2114"/>
                  <a:pt x="3893" y="2176"/>
                </a:cubicBezTo>
                <a:cubicBezTo>
                  <a:pt x="3579" y="2176"/>
                  <a:pt x="3265" y="2114"/>
                  <a:pt x="2951" y="2009"/>
                </a:cubicBezTo>
                <a:cubicBezTo>
                  <a:pt x="2302" y="1800"/>
                  <a:pt x="1654" y="1862"/>
                  <a:pt x="1005" y="1988"/>
                </a:cubicBezTo>
                <a:cubicBezTo>
                  <a:pt x="963" y="2176"/>
                  <a:pt x="942" y="2302"/>
                  <a:pt x="942" y="2427"/>
                </a:cubicBezTo>
                <a:cubicBezTo>
                  <a:pt x="963" y="4290"/>
                  <a:pt x="1026" y="6173"/>
                  <a:pt x="1047" y="8035"/>
                </a:cubicBezTo>
                <a:cubicBezTo>
                  <a:pt x="1340" y="9207"/>
                  <a:pt x="1319" y="10420"/>
                  <a:pt x="1465" y="11613"/>
                </a:cubicBezTo>
                <a:cubicBezTo>
                  <a:pt x="1570" y="12450"/>
                  <a:pt x="1737" y="13287"/>
                  <a:pt x="1696" y="14145"/>
                </a:cubicBezTo>
                <a:cubicBezTo>
                  <a:pt x="1696" y="14563"/>
                  <a:pt x="1696" y="15002"/>
                  <a:pt x="1737" y="15421"/>
                </a:cubicBezTo>
                <a:cubicBezTo>
                  <a:pt x="1779" y="16363"/>
                  <a:pt x="1675" y="17346"/>
                  <a:pt x="1988" y="18246"/>
                </a:cubicBezTo>
                <a:cubicBezTo>
                  <a:pt x="2072" y="18497"/>
                  <a:pt x="2072" y="18769"/>
                  <a:pt x="2072" y="19041"/>
                </a:cubicBezTo>
                <a:cubicBezTo>
                  <a:pt x="2093" y="21070"/>
                  <a:pt x="2114" y="23079"/>
                  <a:pt x="2177" y="25129"/>
                </a:cubicBezTo>
                <a:cubicBezTo>
                  <a:pt x="2177" y="25820"/>
                  <a:pt x="2156" y="26510"/>
                  <a:pt x="2302" y="27159"/>
                </a:cubicBezTo>
                <a:cubicBezTo>
                  <a:pt x="2470" y="27912"/>
                  <a:pt x="2532" y="28666"/>
                  <a:pt x="2532" y="29398"/>
                </a:cubicBezTo>
                <a:cubicBezTo>
                  <a:pt x="2532" y="29691"/>
                  <a:pt x="2574" y="30005"/>
                  <a:pt x="2679" y="30256"/>
                </a:cubicBezTo>
                <a:cubicBezTo>
                  <a:pt x="2825" y="30737"/>
                  <a:pt x="2888" y="31218"/>
                  <a:pt x="2888" y="31700"/>
                </a:cubicBezTo>
                <a:cubicBezTo>
                  <a:pt x="2888" y="32516"/>
                  <a:pt x="2888" y="33352"/>
                  <a:pt x="2909" y="34148"/>
                </a:cubicBezTo>
                <a:cubicBezTo>
                  <a:pt x="2909" y="34545"/>
                  <a:pt x="2888" y="34943"/>
                  <a:pt x="3035" y="35319"/>
                </a:cubicBezTo>
                <a:cubicBezTo>
                  <a:pt x="3160" y="35319"/>
                  <a:pt x="3307" y="35361"/>
                  <a:pt x="3432" y="35361"/>
                </a:cubicBezTo>
                <a:cubicBezTo>
                  <a:pt x="5001" y="35319"/>
                  <a:pt x="6571" y="35298"/>
                  <a:pt x="8140" y="35236"/>
                </a:cubicBezTo>
                <a:cubicBezTo>
                  <a:pt x="8579" y="35194"/>
                  <a:pt x="9019" y="35089"/>
                  <a:pt x="9479" y="35005"/>
                </a:cubicBezTo>
                <a:cubicBezTo>
                  <a:pt x="9730" y="34964"/>
                  <a:pt x="9960" y="34880"/>
                  <a:pt x="10232" y="34880"/>
                </a:cubicBezTo>
                <a:cubicBezTo>
                  <a:pt x="12053" y="34838"/>
                  <a:pt x="13894" y="34796"/>
                  <a:pt x="15693" y="34754"/>
                </a:cubicBezTo>
                <a:cubicBezTo>
                  <a:pt x="15924" y="34754"/>
                  <a:pt x="16175" y="34754"/>
                  <a:pt x="16342" y="34671"/>
                </a:cubicBezTo>
                <a:cubicBezTo>
                  <a:pt x="17012" y="34441"/>
                  <a:pt x="17681" y="34461"/>
                  <a:pt x="18330" y="34357"/>
                </a:cubicBezTo>
                <a:cubicBezTo>
                  <a:pt x="19355" y="34210"/>
                  <a:pt x="20380" y="34106"/>
                  <a:pt x="21364" y="33938"/>
                </a:cubicBezTo>
                <a:cubicBezTo>
                  <a:pt x="22138" y="33813"/>
                  <a:pt x="22891" y="33645"/>
                  <a:pt x="23644" y="33687"/>
                </a:cubicBezTo>
                <a:cubicBezTo>
                  <a:pt x="24084" y="33687"/>
                  <a:pt x="24544" y="33687"/>
                  <a:pt x="24984" y="33645"/>
                </a:cubicBezTo>
                <a:cubicBezTo>
                  <a:pt x="26113" y="33604"/>
                  <a:pt x="27243" y="33708"/>
                  <a:pt x="28331" y="33311"/>
                </a:cubicBezTo>
                <a:cubicBezTo>
                  <a:pt x="28499" y="33269"/>
                  <a:pt x="28645" y="33269"/>
                  <a:pt x="28813" y="33269"/>
                </a:cubicBezTo>
                <a:cubicBezTo>
                  <a:pt x="29712" y="33227"/>
                  <a:pt x="30654" y="33185"/>
                  <a:pt x="31595" y="33185"/>
                </a:cubicBezTo>
                <a:cubicBezTo>
                  <a:pt x="31909" y="33185"/>
                  <a:pt x="32223" y="33227"/>
                  <a:pt x="32537" y="33332"/>
                </a:cubicBezTo>
                <a:cubicBezTo>
                  <a:pt x="32997" y="33499"/>
                  <a:pt x="33416" y="33499"/>
                  <a:pt x="33876" y="33478"/>
                </a:cubicBezTo>
                <a:cubicBezTo>
                  <a:pt x="34587" y="33415"/>
                  <a:pt x="35299" y="33394"/>
                  <a:pt x="35989" y="33373"/>
                </a:cubicBezTo>
                <a:cubicBezTo>
                  <a:pt x="36157" y="33373"/>
                  <a:pt x="36345" y="33373"/>
                  <a:pt x="36471" y="33436"/>
                </a:cubicBezTo>
                <a:cubicBezTo>
                  <a:pt x="36889" y="33666"/>
                  <a:pt x="37328" y="33624"/>
                  <a:pt x="37768" y="33624"/>
                </a:cubicBezTo>
                <a:cubicBezTo>
                  <a:pt x="38019" y="33624"/>
                  <a:pt x="38249" y="33583"/>
                  <a:pt x="38437" y="33666"/>
                </a:cubicBezTo>
                <a:cubicBezTo>
                  <a:pt x="39086" y="33938"/>
                  <a:pt x="39818" y="33834"/>
                  <a:pt x="40488" y="34043"/>
                </a:cubicBezTo>
                <a:cubicBezTo>
                  <a:pt x="40739" y="34127"/>
                  <a:pt x="40990" y="34127"/>
                  <a:pt x="41262" y="34127"/>
                </a:cubicBezTo>
                <a:cubicBezTo>
                  <a:pt x="42099" y="34127"/>
                  <a:pt x="42957" y="34106"/>
                  <a:pt x="43794" y="34085"/>
                </a:cubicBezTo>
                <a:cubicBezTo>
                  <a:pt x="43731" y="33729"/>
                  <a:pt x="43689" y="33415"/>
                  <a:pt x="43689" y="33101"/>
                </a:cubicBezTo>
                <a:cubicBezTo>
                  <a:pt x="43668" y="32306"/>
                  <a:pt x="43689" y="31469"/>
                  <a:pt x="43689" y="30653"/>
                </a:cubicBezTo>
                <a:lnTo>
                  <a:pt x="43606" y="22891"/>
                </a:lnTo>
                <a:cubicBezTo>
                  <a:pt x="43585" y="20317"/>
                  <a:pt x="43564" y="17785"/>
                  <a:pt x="43564" y="15212"/>
                </a:cubicBezTo>
                <a:cubicBezTo>
                  <a:pt x="43564" y="14626"/>
                  <a:pt x="43501" y="14040"/>
                  <a:pt x="43375" y="13475"/>
                </a:cubicBezTo>
                <a:cubicBezTo>
                  <a:pt x="43292" y="13119"/>
                  <a:pt x="43208" y="12764"/>
                  <a:pt x="43208" y="12429"/>
                </a:cubicBezTo>
                <a:cubicBezTo>
                  <a:pt x="43187" y="11801"/>
                  <a:pt x="43250" y="11173"/>
                  <a:pt x="43208" y="10567"/>
                </a:cubicBezTo>
                <a:cubicBezTo>
                  <a:pt x="43208" y="10253"/>
                  <a:pt x="43208" y="9876"/>
                  <a:pt x="43103" y="9604"/>
                </a:cubicBezTo>
                <a:cubicBezTo>
                  <a:pt x="42894" y="8976"/>
                  <a:pt x="42831" y="8349"/>
                  <a:pt x="42873" y="7658"/>
                </a:cubicBezTo>
                <a:cubicBezTo>
                  <a:pt x="42894" y="7240"/>
                  <a:pt x="42894" y="6800"/>
                  <a:pt x="42894" y="6382"/>
                </a:cubicBezTo>
                <a:cubicBezTo>
                  <a:pt x="42894" y="5733"/>
                  <a:pt x="42894" y="5064"/>
                  <a:pt x="42852" y="4415"/>
                </a:cubicBezTo>
                <a:cubicBezTo>
                  <a:pt x="42748" y="3599"/>
                  <a:pt x="42622" y="2825"/>
                  <a:pt x="42476" y="182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1693"/>
          </a:p>
        </p:txBody>
      </p:sp>
      <p:sp>
        <p:nvSpPr>
          <p:cNvPr id="11" name="Google Shape;11;p2"/>
          <p:cNvSpPr txBox="1">
            <a:spLocks noGrp="1"/>
          </p:cNvSpPr>
          <p:nvPr>
            <p:ph type="ctrTitle"/>
          </p:nvPr>
        </p:nvSpPr>
        <p:spPr>
          <a:xfrm>
            <a:off x="1462467" y="1270633"/>
            <a:ext cx="7874827" cy="2586023"/>
          </a:xfrm>
          <a:prstGeom prst="rect">
            <a:avLst/>
          </a:prstGeom>
        </p:spPr>
        <p:txBody>
          <a:bodyPr spcFirstLastPara="1" wrap="square" lIns="91425" tIns="91425" rIns="91425" bIns="91425" anchor="b" anchorCtr="0">
            <a:noAutofit/>
          </a:bodyPr>
          <a:lstStyle>
            <a:lvl1pPr lvl="0" algn="ctr">
              <a:lnSpc>
                <a:spcPct val="80000"/>
              </a:lnSpc>
              <a:spcBef>
                <a:spcPts val="0"/>
              </a:spcBef>
              <a:spcAft>
                <a:spcPts val="0"/>
              </a:spcAft>
              <a:buSzPts val="5200"/>
              <a:buNone/>
              <a:defRPr sz="7500"/>
            </a:lvl1pPr>
            <a:lvl2pPr lvl="1" algn="ctr">
              <a:spcBef>
                <a:spcPts val="0"/>
              </a:spcBef>
              <a:spcAft>
                <a:spcPts val="0"/>
              </a:spcAft>
              <a:buSzPts val="5200"/>
              <a:buNone/>
              <a:defRPr sz="5200"/>
            </a:lvl2pPr>
            <a:lvl3pPr lvl="2" algn="ctr">
              <a:spcBef>
                <a:spcPts val="0"/>
              </a:spcBef>
              <a:spcAft>
                <a:spcPts val="0"/>
              </a:spcAft>
              <a:buSzPts val="5200"/>
              <a:buNone/>
              <a:defRPr sz="5200"/>
            </a:lvl3pPr>
            <a:lvl4pPr lvl="3" algn="ctr">
              <a:spcBef>
                <a:spcPts val="0"/>
              </a:spcBef>
              <a:spcAft>
                <a:spcPts val="0"/>
              </a:spcAft>
              <a:buSzPts val="5200"/>
              <a:buNone/>
              <a:defRPr sz="5200"/>
            </a:lvl4pPr>
            <a:lvl5pPr lvl="4" algn="ctr">
              <a:spcBef>
                <a:spcPts val="0"/>
              </a:spcBef>
              <a:spcAft>
                <a:spcPts val="0"/>
              </a:spcAft>
              <a:buSzPts val="5200"/>
              <a:buNone/>
              <a:defRPr sz="5200"/>
            </a:lvl5pPr>
            <a:lvl6pPr lvl="5" algn="ctr">
              <a:spcBef>
                <a:spcPts val="0"/>
              </a:spcBef>
              <a:spcAft>
                <a:spcPts val="0"/>
              </a:spcAft>
              <a:buSzPts val="5200"/>
              <a:buNone/>
              <a:defRPr sz="5200"/>
            </a:lvl6pPr>
            <a:lvl7pPr lvl="6" algn="ctr">
              <a:spcBef>
                <a:spcPts val="0"/>
              </a:spcBef>
              <a:spcAft>
                <a:spcPts val="0"/>
              </a:spcAft>
              <a:buSzPts val="5200"/>
              <a:buNone/>
              <a:defRPr sz="5200"/>
            </a:lvl7pPr>
            <a:lvl8pPr lvl="7" algn="ctr">
              <a:spcBef>
                <a:spcPts val="0"/>
              </a:spcBef>
              <a:spcAft>
                <a:spcPts val="0"/>
              </a:spcAft>
              <a:buSzPts val="5200"/>
              <a:buNone/>
              <a:defRPr sz="5200"/>
            </a:lvl8pPr>
            <a:lvl9pPr lvl="8" algn="ctr">
              <a:spcBef>
                <a:spcPts val="0"/>
              </a:spcBef>
              <a:spcAft>
                <a:spcPts val="0"/>
              </a:spcAft>
              <a:buSzPts val="5200"/>
              <a:buNone/>
              <a:defRPr sz="5200"/>
            </a:lvl9pPr>
          </a:lstStyle>
          <a:p>
            <a:endParaRPr/>
          </a:p>
        </p:txBody>
      </p:sp>
      <p:sp>
        <p:nvSpPr>
          <p:cNvPr id="12" name="Google Shape;12;p2"/>
          <p:cNvSpPr txBox="1">
            <a:spLocks noGrp="1"/>
          </p:cNvSpPr>
          <p:nvPr>
            <p:ph type="subTitle" idx="1"/>
          </p:nvPr>
        </p:nvSpPr>
        <p:spPr>
          <a:xfrm>
            <a:off x="3779917" y="4081685"/>
            <a:ext cx="3239929" cy="1127841"/>
          </a:xfrm>
          <a:prstGeom prst="rect">
            <a:avLst/>
          </a:prstGeom>
        </p:spPr>
        <p:txBody>
          <a:bodyPr spcFirstLastPara="1" wrap="square" lIns="91425" tIns="91425" rIns="91425" bIns="91425" anchor="t" anchorCtr="0">
            <a:noAutofit/>
          </a:bodyPr>
          <a:lstStyle>
            <a:lvl1pPr lvl="0" algn="ctr">
              <a:lnSpc>
                <a:spcPct val="100000"/>
              </a:lnSpc>
              <a:spcBef>
                <a:spcPts val="0"/>
              </a:spcBef>
              <a:spcAft>
                <a:spcPts val="0"/>
              </a:spcAft>
              <a:buSzPts val="2800"/>
              <a:buNone/>
              <a:defRPr sz="2200"/>
            </a:lvl1pPr>
            <a:lvl2pPr lvl="1" algn="ctr">
              <a:lnSpc>
                <a:spcPct val="100000"/>
              </a:lnSpc>
              <a:spcBef>
                <a:spcPts val="0"/>
              </a:spcBef>
              <a:spcAft>
                <a:spcPts val="0"/>
              </a:spcAft>
              <a:buSzPts val="2800"/>
              <a:buNone/>
              <a:defRPr sz="2800"/>
            </a:lvl2pPr>
            <a:lvl3pPr lvl="2" algn="ctr">
              <a:lnSpc>
                <a:spcPct val="100000"/>
              </a:lnSpc>
              <a:spcBef>
                <a:spcPts val="0"/>
              </a:spcBef>
              <a:spcAft>
                <a:spcPts val="0"/>
              </a:spcAft>
              <a:buSzPts val="2800"/>
              <a:buNone/>
              <a:defRPr sz="2800"/>
            </a:lvl3pPr>
            <a:lvl4pPr lvl="3" algn="ctr">
              <a:lnSpc>
                <a:spcPct val="100000"/>
              </a:lnSpc>
              <a:spcBef>
                <a:spcPts val="0"/>
              </a:spcBef>
              <a:spcAft>
                <a:spcPts val="0"/>
              </a:spcAft>
              <a:buSzPts val="2800"/>
              <a:buNone/>
              <a:defRPr sz="2800"/>
            </a:lvl4pPr>
            <a:lvl5pPr lvl="4" algn="ctr">
              <a:lnSpc>
                <a:spcPct val="100000"/>
              </a:lnSpc>
              <a:spcBef>
                <a:spcPts val="0"/>
              </a:spcBef>
              <a:spcAft>
                <a:spcPts val="0"/>
              </a:spcAft>
              <a:buSzPts val="2800"/>
              <a:buNone/>
              <a:defRPr sz="2800"/>
            </a:lvl5pPr>
            <a:lvl6pPr lvl="5" algn="ctr">
              <a:lnSpc>
                <a:spcPct val="100000"/>
              </a:lnSpc>
              <a:spcBef>
                <a:spcPts val="0"/>
              </a:spcBef>
              <a:spcAft>
                <a:spcPts val="0"/>
              </a:spcAft>
              <a:buSzPts val="2800"/>
              <a:buNone/>
              <a:defRPr sz="2800"/>
            </a:lvl6pPr>
            <a:lvl7pPr lvl="6" algn="ctr">
              <a:lnSpc>
                <a:spcPct val="100000"/>
              </a:lnSpc>
              <a:spcBef>
                <a:spcPts val="0"/>
              </a:spcBef>
              <a:spcAft>
                <a:spcPts val="0"/>
              </a:spcAft>
              <a:buSzPts val="2800"/>
              <a:buNone/>
              <a:defRPr sz="2800"/>
            </a:lvl7pPr>
            <a:lvl8pPr lvl="7" algn="ctr">
              <a:lnSpc>
                <a:spcPct val="100000"/>
              </a:lnSpc>
              <a:spcBef>
                <a:spcPts val="0"/>
              </a:spcBef>
              <a:spcAft>
                <a:spcPts val="0"/>
              </a:spcAft>
              <a:buSzPts val="2800"/>
              <a:buNone/>
              <a:defRPr sz="2800"/>
            </a:lvl8pPr>
            <a:lvl9pPr lvl="8" algn="ctr">
              <a:lnSpc>
                <a:spcPct val="100000"/>
              </a:lnSpc>
              <a:spcBef>
                <a:spcPts val="0"/>
              </a:spcBef>
              <a:spcAft>
                <a:spcPts val="0"/>
              </a:spcAft>
              <a:buSzPts val="2800"/>
              <a:buNone/>
              <a:defRPr sz="2800"/>
            </a:lvl9pPr>
          </a:lstStyle>
          <a:p>
            <a:endParaRPr/>
          </a:p>
        </p:txBody>
      </p:sp>
    </p:spTree>
    <p:extLst>
      <p:ext uri="{BB962C8B-B14F-4D97-AF65-F5344CB8AC3E}">
        <p14:creationId xmlns:p14="http://schemas.microsoft.com/office/powerpoint/2010/main" val="2804556514"/>
      </p:ext>
    </p:extLst>
  </p:cSld>
  <p:clrMapOvr>
    <a:masterClrMapping/>
  </p:clrMapOvr>
  <mc:AlternateContent xmlns:mc="http://schemas.openxmlformats.org/markup-compatibility/2006" xmlns:p14="http://schemas.microsoft.com/office/powerpoint/2010/main">
    <mc:Choice Requires="p14">
      <p:transition spd="slow" p14:dur="1500">
        <p:randomBar dir="vert"/>
      </p:transition>
    </mc:Choice>
    <mc:Fallback xmlns="">
      <p:transition spd="slow">
        <p:randomBar dir="vert"/>
      </p:transition>
    </mc:Fallback>
  </mc:AlternateContent>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77D2ECDD-1173-5941-9586-9FFE958500D0}"/>
              </a:ext>
            </a:extLst>
          </p:cNvPr>
          <p:cNvSpPr>
            <a:spLocks noGrp="1"/>
          </p:cNvSpPr>
          <p:nvPr>
            <p:ph type="dt" sz="half" idx="10"/>
          </p:nvPr>
        </p:nvSpPr>
        <p:spPr/>
        <p:txBody>
          <a:bodyPr/>
          <a:lstStyle/>
          <a:p>
            <a:fld id="{9EB2F956-74F9-1649-B901-3C644DED3C2E}" type="datetimeFigureOut">
              <a:t>07/04/25</a:t>
            </a:fld>
            <a:endParaRPr lang="en-VN"/>
          </a:p>
        </p:txBody>
      </p:sp>
      <p:sp>
        <p:nvSpPr>
          <p:cNvPr id="3" name="Footer Placeholder 2">
            <a:extLst>
              <a:ext uri="{FF2B5EF4-FFF2-40B4-BE49-F238E27FC236}">
                <a16:creationId xmlns:a16="http://schemas.microsoft.com/office/drawing/2014/main" id="{1EA49540-5862-8B47-B2FF-C9278CE923B1}"/>
              </a:ext>
            </a:extLst>
          </p:cNvPr>
          <p:cNvSpPr>
            <a:spLocks noGrp="1"/>
          </p:cNvSpPr>
          <p:nvPr>
            <p:ph type="ftr" sz="quarter" idx="11"/>
          </p:nvPr>
        </p:nvSpPr>
        <p:spPr/>
        <p:txBody>
          <a:bodyPr/>
          <a:lstStyle/>
          <a:p>
            <a:endParaRPr lang="en-VN"/>
          </a:p>
        </p:txBody>
      </p:sp>
      <p:sp>
        <p:nvSpPr>
          <p:cNvPr id="4" name="Slide Number Placeholder 3">
            <a:extLst>
              <a:ext uri="{FF2B5EF4-FFF2-40B4-BE49-F238E27FC236}">
                <a16:creationId xmlns:a16="http://schemas.microsoft.com/office/drawing/2014/main" id="{4DC0812E-AA6D-A14C-92C9-9424D199783F}"/>
              </a:ext>
            </a:extLst>
          </p:cNvPr>
          <p:cNvSpPr>
            <a:spLocks noGrp="1"/>
          </p:cNvSpPr>
          <p:nvPr>
            <p:ph type="sldNum" sz="quarter" idx="12"/>
          </p:nvPr>
        </p:nvSpPr>
        <p:spPr/>
        <p:txBody>
          <a:bodyPr/>
          <a:lstStyle/>
          <a:p>
            <a:fld id="{AF354D9C-5318-F340-9957-13A6A1EE7365}" type="slidenum">
              <a:rPr lang="en-VN"/>
              <a:t>‹#›</a:t>
            </a:fld>
            <a:endParaRPr lang="en-VN"/>
          </a:p>
        </p:txBody>
      </p:sp>
    </p:spTree>
    <p:extLst>
      <p:ext uri="{BB962C8B-B14F-4D97-AF65-F5344CB8AC3E}">
        <p14:creationId xmlns:p14="http://schemas.microsoft.com/office/powerpoint/2010/main" val="3142469223"/>
      </p:ext>
    </p:extLst>
  </p:cSld>
  <p:clrMapOvr>
    <a:masterClrMapping/>
  </p:clrMapOvr>
  <p:hf hdr="0" ftr="0" dt="0"/>
</p:sldLayout>
</file>

<file path=ppt/slideLayouts/slideLayout9.xml><?xml version="1.0" encoding="utf-8"?>
<p:sldLayout xmlns:a="http://schemas.openxmlformats.org/drawingml/2006/main" xmlns:r="http://schemas.openxmlformats.org/officeDocument/2006/relationships" xmlns:p="http://schemas.openxmlformats.org/presentationml/2006/main" userDrawn="1">
  <p:cSld name="Cover slide layout">
    <p:bg>
      <p:bgPr>
        <a:solidFill>
          <a:schemeClr val="accent1"/>
        </a:solidFill>
        <a:effectLst/>
      </p:bgPr>
    </p:bg>
    <p:spTree>
      <p:nvGrpSpPr>
        <p:cNvPr id="1" name=""/>
        <p:cNvGrpSpPr/>
        <p:nvPr/>
      </p:nvGrpSpPr>
      <p:grpSpPr>
        <a:xfrm>
          <a:off x="0" y="0"/>
          <a:ext cx="0" cy="0"/>
          <a:chOff x="0" y="0"/>
          <a:chExt cx="0" cy="0"/>
        </a:xfrm>
      </p:grpSpPr>
    </p:spTree>
    <p:extLst>
      <p:ext uri="{BB962C8B-B14F-4D97-AF65-F5344CB8AC3E}">
        <p14:creationId xmlns:p14="http://schemas.microsoft.com/office/powerpoint/2010/main" val="2686413949"/>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10"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name="simple-light-2">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50375" y="560677"/>
            <a:ext cx="9099013" cy="721531"/>
          </a:xfrm>
          <a:prstGeom prst="rect">
            <a:avLst/>
          </a:prstGeom>
          <a:noFill/>
          <a:ln>
            <a:noFill/>
          </a:ln>
        </p:spPr>
        <p:txBody>
          <a:bodyPr spcFirstLastPara="1" wrap="square" lIns="91425" tIns="91425" rIns="91425" bIns="91425" anchor="ctr" anchorCtr="0">
            <a:noAutofit/>
          </a:bodyPr>
          <a:lstStyle>
            <a:lvl1pPr lvl="0">
              <a:lnSpc>
                <a:spcPct val="100000"/>
              </a:lnSpc>
              <a:spcBef>
                <a:spcPts val="0"/>
              </a:spcBef>
              <a:spcAft>
                <a:spcPts val="0"/>
              </a:spcAft>
              <a:buClr>
                <a:schemeClr val="dk1"/>
              </a:buClr>
              <a:buSzPts val="3500"/>
              <a:buFont typeface="Patrick Hand SC"/>
              <a:buNone/>
              <a:defRPr sz="3500" b="1">
                <a:solidFill>
                  <a:schemeClr val="dk1"/>
                </a:solidFill>
                <a:latin typeface="Patrick Hand SC"/>
                <a:ea typeface="Patrick Hand SC"/>
                <a:cs typeface="Patrick Hand SC"/>
                <a:sym typeface="Patrick Hand SC"/>
              </a:defRPr>
            </a:lvl1pPr>
            <a:lvl2pPr lvl="1">
              <a:lnSpc>
                <a:spcPct val="100000"/>
              </a:lnSpc>
              <a:spcBef>
                <a:spcPts val="0"/>
              </a:spcBef>
              <a:spcAft>
                <a:spcPts val="0"/>
              </a:spcAft>
              <a:buClr>
                <a:schemeClr val="dk1"/>
              </a:buClr>
              <a:buSzPts val="3500"/>
              <a:buFont typeface="Patrick Hand SC"/>
              <a:buNone/>
              <a:defRPr sz="3500" b="1">
                <a:solidFill>
                  <a:schemeClr val="dk1"/>
                </a:solidFill>
                <a:latin typeface="Patrick Hand SC"/>
                <a:ea typeface="Patrick Hand SC"/>
                <a:cs typeface="Patrick Hand SC"/>
                <a:sym typeface="Patrick Hand SC"/>
              </a:defRPr>
            </a:lvl2pPr>
            <a:lvl3pPr lvl="2">
              <a:lnSpc>
                <a:spcPct val="100000"/>
              </a:lnSpc>
              <a:spcBef>
                <a:spcPts val="0"/>
              </a:spcBef>
              <a:spcAft>
                <a:spcPts val="0"/>
              </a:spcAft>
              <a:buClr>
                <a:schemeClr val="dk1"/>
              </a:buClr>
              <a:buSzPts val="3500"/>
              <a:buFont typeface="Patrick Hand SC"/>
              <a:buNone/>
              <a:defRPr sz="3500" b="1">
                <a:solidFill>
                  <a:schemeClr val="dk1"/>
                </a:solidFill>
                <a:latin typeface="Patrick Hand SC"/>
                <a:ea typeface="Patrick Hand SC"/>
                <a:cs typeface="Patrick Hand SC"/>
                <a:sym typeface="Patrick Hand SC"/>
              </a:defRPr>
            </a:lvl3pPr>
            <a:lvl4pPr lvl="3">
              <a:lnSpc>
                <a:spcPct val="100000"/>
              </a:lnSpc>
              <a:spcBef>
                <a:spcPts val="0"/>
              </a:spcBef>
              <a:spcAft>
                <a:spcPts val="0"/>
              </a:spcAft>
              <a:buClr>
                <a:schemeClr val="dk1"/>
              </a:buClr>
              <a:buSzPts val="3500"/>
              <a:buFont typeface="Patrick Hand SC"/>
              <a:buNone/>
              <a:defRPr sz="3500" b="1">
                <a:solidFill>
                  <a:schemeClr val="dk1"/>
                </a:solidFill>
                <a:latin typeface="Patrick Hand SC"/>
                <a:ea typeface="Patrick Hand SC"/>
                <a:cs typeface="Patrick Hand SC"/>
                <a:sym typeface="Patrick Hand SC"/>
              </a:defRPr>
            </a:lvl4pPr>
            <a:lvl5pPr lvl="4">
              <a:lnSpc>
                <a:spcPct val="100000"/>
              </a:lnSpc>
              <a:spcBef>
                <a:spcPts val="0"/>
              </a:spcBef>
              <a:spcAft>
                <a:spcPts val="0"/>
              </a:spcAft>
              <a:buClr>
                <a:schemeClr val="dk1"/>
              </a:buClr>
              <a:buSzPts val="3500"/>
              <a:buFont typeface="Patrick Hand SC"/>
              <a:buNone/>
              <a:defRPr sz="3500" b="1">
                <a:solidFill>
                  <a:schemeClr val="dk1"/>
                </a:solidFill>
                <a:latin typeface="Patrick Hand SC"/>
                <a:ea typeface="Patrick Hand SC"/>
                <a:cs typeface="Patrick Hand SC"/>
                <a:sym typeface="Patrick Hand SC"/>
              </a:defRPr>
            </a:lvl5pPr>
            <a:lvl6pPr lvl="5">
              <a:lnSpc>
                <a:spcPct val="100000"/>
              </a:lnSpc>
              <a:spcBef>
                <a:spcPts val="0"/>
              </a:spcBef>
              <a:spcAft>
                <a:spcPts val="0"/>
              </a:spcAft>
              <a:buClr>
                <a:schemeClr val="dk1"/>
              </a:buClr>
              <a:buSzPts val="3500"/>
              <a:buFont typeface="Patrick Hand SC"/>
              <a:buNone/>
              <a:defRPr sz="3500" b="1">
                <a:solidFill>
                  <a:schemeClr val="dk1"/>
                </a:solidFill>
                <a:latin typeface="Patrick Hand SC"/>
                <a:ea typeface="Patrick Hand SC"/>
                <a:cs typeface="Patrick Hand SC"/>
                <a:sym typeface="Patrick Hand SC"/>
              </a:defRPr>
            </a:lvl6pPr>
            <a:lvl7pPr lvl="6">
              <a:lnSpc>
                <a:spcPct val="100000"/>
              </a:lnSpc>
              <a:spcBef>
                <a:spcPts val="0"/>
              </a:spcBef>
              <a:spcAft>
                <a:spcPts val="0"/>
              </a:spcAft>
              <a:buClr>
                <a:schemeClr val="dk1"/>
              </a:buClr>
              <a:buSzPts val="3500"/>
              <a:buFont typeface="Patrick Hand SC"/>
              <a:buNone/>
              <a:defRPr sz="3500" b="1">
                <a:solidFill>
                  <a:schemeClr val="dk1"/>
                </a:solidFill>
                <a:latin typeface="Patrick Hand SC"/>
                <a:ea typeface="Patrick Hand SC"/>
                <a:cs typeface="Patrick Hand SC"/>
                <a:sym typeface="Patrick Hand SC"/>
              </a:defRPr>
            </a:lvl7pPr>
            <a:lvl8pPr lvl="7">
              <a:lnSpc>
                <a:spcPct val="100000"/>
              </a:lnSpc>
              <a:spcBef>
                <a:spcPts val="0"/>
              </a:spcBef>
              <a:spcAft>
                <a:spcPts val="0"/>
              </a:spcAft>
              <a:buClr>
                <a:schemeClr val="dk1"/>
              </a:buClr>
              <a:buSzPts val="3500"/>
              <a:buFont typeface="Patrick Hand SC"/>
              <a:buNone/>
              <a:defRPr sz="3500" b="1">
                <a:solidFill>
                  <a:schemeClr val="dk1"/>
                </a:solidFill>
                <a:latin typeface="Patrick Hand SC"/>
                <a:ea typeface="Patrick Hand SC"/>
                <a:cs typeface="Patrick Hand SC"/>
                <a:sym typeface="Patrick Hand SC"/>
              </a:defRPr>
            </a:lvl8pPr>
            <a:lvl9pPr lvl="8">
              <a:lnSpc>
                <a:spcPct val="100000"/>
              </a:lnSpc>
              <a:spcBef>
                <a:spcPts val="0"/>
              </a:spcBef>
              <a:spcAft>
                <a:spcPts val="0"/>
              </a:spcAft>
              <a:buClr>
                <a:schemeClr val="dk1"/>
              </a:buClr>
              <a:buSzPts val="3500"/>
              <a:buFont typeface="Patrick Hand SC"/>
              <a:buNone/>
              <a:defRPr sz="3500" b="1">
                <a:solidFill>
                  <a:schemeClr val="dk1"/>
                </a:solidFill>
                <a:latin typeface="Patrick Hand SC"/>
                <a:ea typeface="Patrick Hand SC"/>
                <a:cs typeface="Patrick Hand SC"/>
                <a:sym typeface="Patrick Hand SC"/>
              </a:defRPr>
            </a:lvl9pPr>
          </a:lstStyle>
          <a:p>
            <a:endParaRPr/>
          </a:p>
        </p:txBody>
      </p:sp>
      <p:sp>
        <p:nvSpPr>
          <p:cNvPr id="7" name="Google Shape;7;p1"/>
          <p:cNvSpPr txBox="1">
            <a:spLocks noGrp="1"/>
          </p:cNvSpPr>
          <p:nvPr>
            <p:ph type="body" idx="1"/>
          </p:nvPr>
        </p:nvSpPr>
        <p:spPr>
          <a:xfrm>
            <a:off x="850375" y="1451976"/>
            <a:ext cx="9099013" cy="4304242"/>
          </a:xfrm>
          <a:prstGeom prst="rect">
            <a:avLst/>
          </a:prstGeom>
          <a:noFill/>
          <a:ln>
            <a:noFill/>
          </a:ln>
        </p:spPr>
        <p:txBody>
          <a:bodyPr spcFirstLastPara="1" wrap="square" lIns="91425" tIns="91425" rIns="91425" bIns="91425" anchor="t" anchorCtr="0">
            <a:noAutofit/>
          </a:bodyPr>
          <a:lstStyle>
            <a:lvl1pPr marL="457200" lvl="0" indent="-317500">
              <a:lnSpc>
                <a:spcPct val="100000"/>
              </a:lnSpc>
              <a:spcBef>
                <a:spcPts val="0"/>
              </a:spcBef>
              <a:spcAft>
                <a:spcPts val="0"/>
              </a:spcAft>
              <a:buClr>
                <a:schemeClr val="dk2"/>
              </a:buClr>
              <a:buSzPts val="1400"/>
              <a:buFont typeface="Patrick Hand"/>
              <a:buChar char="●"/>
              <a:defRPr>
                <a:solidFill>
                  <a:schemeClr val="dk2"/>
                </a:solidFill>
                <a:latin typeface="Patrick Hand"/>
                <a:ea typeface="Patrick Hand"/>
                <a:cs typeface="Patrick Hand"/>
                <a:sym typeface="Patrick Hand"/>
              </a:defRPr>
            </a:lvl1pPr>
            <a:lvl2pPr marL="914400" lvl="1" indent="-317500">
              <a:lnSpc>
                <a:spcPct val="100000"/>
              </a:lnSpc>
              <a:spcBef>
                <a:spcPts val="1600"/>
              </a:spcBef>
              <a:spcAft>
                <a:spcPts val="0"/>
              </a:spcAft>
              <a:buClr>
                <a:schemeClr val="dk2"/>
              </a:buClr>
              <a:buSzPts val="1400"/>
              <a:buFont typeface="Patrick Hand"/>
              <a:buChar char="○"/>
              <a:defRPr>
                <a:solidFill>
                  <a:schemeClr val="dk2"/>
                </a:solidFill>
                <a:latin typeface="Patrick Hand"/>
                <a:ea typeface="Patrick Hand"/>
                <a:cs typeface="Patrick Hand"/>
                <a:sym typeface="Patrick Hand"/>
              </a:defRPr>
            </a:lvl2pPr>
            <a:lvl3pPr marL="1371600" lvl="2" indent="-317500">
              <a:lnSpc>
                <a:spcPct val="100000"/>
              </a:lnSpc>
              <a:spcBef>
                <a:spcPts val="1600"/>
              </a:spcBef>
              <a:spcAft>
                <a:spcPts val="0"/>
              </a:spcAft>
              <a:buClr>
                <a:schemeClr val="dk2"/>
              </a:buClr>
              <a:buSzPts val="1400"/>
              <a:buFont typeface="Patrick Hand"/>
              <a:buChar char="■"/>
              <a:defRPr>
                <a:solidFill>
                  <a:schemeClr val="dk2"/>
                </a:solidFill>
                <a:latin typeface="Patrick Hand"/>
                <a:ea typeface="Patrick Hand"/>
                <a:cs typeface="Patrick Hand"/>
                <a:sym typeface="Patrick Hand"/>
              </a:defRPr>
            </a:lvl3pPr>
            <a:lvl4pPr marL="1828800" lvl="3" indent="-317500">
              <a:lnSpc>
                <a:spcPct val="100000"/>
              </a:lnSpc>
              <a:spcBef>
                <a:spcPts val="1600"/>
              </a:spcBef>
              <a:spcAft>
                <a:spcPts val="0"/>
              </a:spcAft>
              <a:buClr>
                <a:schemeClr val="dk2"/>
              </a:buClr>
              <a:buSzPts val="1400"/>
              <a:buFont typeface="Patrick Hand"/>
              <a:buChar char="●"/>
              <a:defRPr>
                <a:solidFill>
                  <a:schemeClr val="dk2"/>
                </a:solidFill>
                <a:latin typeface="Patrick Hand"/>
                <a:ea typeface="Patrick Hand"/>
                <a:cs typeface="Patrick Hand"/>
                <a:sym typeface="Patrick Hand"/>
              </a:defRPr>
            </a:lvl4pPr>
            <a:lvl5pPr marL="2286000" lvl="4" indent="-317500">
              <a:lnSpc>
                <a:spcPct val="100000"/>
              </a:lnSpc>
              <a:spcBef>
                <a:spcPts val="1600"/>
              </a:spcBef>
              <a:spcAft>
                <a:spcPts val="0"/>
              </a:spcAft>
              <a:buClr>
                <a:schemeClr val="dk2"/>
              </a:buClr>
              <a:buSzPts val="1400"/>
              <a:buFont typeface="Patrick Hand"/>
              <a:buChar char="○"/>
              <a:defRPr>
                <a:solidFill>
                  <a:schemeClr val="dk2"/>
                </a:solidFill>
                <a:latin typeface="Patrick Hand"/>
                <a:ea typeface="Patrick Hand"/>
                <a:cs typeface="Patrick Hand"/>
                <a:sym typeface="Patrick Hand"/>
              </a:defRPr>
            </a:lvl5pPr>
            <a:lvl6pPr marL="2743200" lvl="5" indent="-317500">
              <a:lnSpc>
                <a:spcPct val="100000"/>
              </a:lnSpc>
              <a:spcBef>
                <a:spcPts val="1600"/>
              </a:spcBef>
              <a:spcAft>
                <a:spcPts val="0"/>
              </a:spcAft>
              <a:buClr>
                <a:schemeClr val="dk2"/>
              </a:buClr>
              <a:buSzPts val="1400"/>
              <a:buFont typeface="Patrick Hand"/>
              <a:buChar char="■"/>
              <a:defRPr>
                <a:solidFill>
                  <a:schemeClr val="dk2"/>
                </a:solidFill>
                <a:latin typeface="Patrick Hand"/>
                <a:ea typeface="Patrick Hand"/>
                <a:cs typeface="Patrick Hand"/>
                <a:sym typeface="Patrick Hand"/>
              </a:defRPr>
            </a:lvl6pPr>
            <a:lvl7pPr marL="3200400" lvl="6" indent="-317500">
              <a:lnSpc>
                <a:spcPct val="100000"/>
              </a:lnSpc>
              <a:spcBef>
                <a:spcPts val="1600"/>
              </a:spcBef>
              <a:spcAft>
                <a:spcPts val="0"/>
              </a:spcAft>
              <a:buClr>
                <a:schemeClr val="dk2"/>
              </a:buClr>
              <a:buSzPts val="1400"/>
              <a:buFont typeface="Patrick Hand"/>
              <a:buChar char="●"/>
              <a:defRPr>
                <a:solidFill>
                  <a:schemeClr val="dk2"/>
                </a:solidFill>
                <a:latin typeface="Patrick Hand"/>
                <a:ea typeface="Patrick Hand"/>
                <a:cs typeface="Patrick Hand"/>
                <a:sym typeface="Patrick Hand"/>
              </a:defRPr>
            </a:lvl7pPr>
            <a:lvl8pPr marL="3657600" lvl="7" indent="-317500">
              <a:lnSpc>
                <a:spcPct val="100000"/>
              </a:lnSpc>
              <a:spcBef>
                <a:spcPts val="1600"/>
              </a:spcBef>
              <a:spcAft>
                <a:spcPts val="0"/>
              </a:spcAft>
              <a:buClr>
                <a:schemeClr val="dk2"/>
              </a:buClr>
              <a:buSzPts val="1400"/>
              <a:buFont typeface="Patrick Hand"/>
              <a:buChar char="○"/>
              <a:defRPr>
                <a:solidFill>
                  <a:schemeClr val="dk2"/>
                </a:solidFill>
                <a:latin typeface="Patrick Hand"/>
                <a:ea typeface="Patrick Hand"/>
                <a:cs typeface="Patrick Hand"/>
                <a:sym typeface="Patrick Hand"/>
              </a:defRPr>
            </a:lvl8pPr>
            <a:lvl9pPr marL="4114800" lvl="8" indent="-317500">
              <a:lnSpc>
                <a:spcPct val="100000"/>
              </a:lnSpc>
              <a:spcBef>
                <a:spcPts val="1600"/>
              </a:spcBef>
              <a:spcAft>
                <a:spcPts val="1600"/>
              </a:spcAft>
              <a:buClr>
                <a:schemeClr val="dk2"/>
              </a:buClr>
              <a:buSzPts val="1400"/>
              <a:buFont typeface="Patrick Hand"/>
              <a:buChar char="■"/>
              <a:defRPr>
                <a:solidFill>
                  <a:schemeClr val="dk2"/>
                </a:solidFill>
                <a:latin typeface="Patrick Hand"/>
                <a:ea typeface="Patrick Hand"/>
                <a:cs typeface="Patrick Hand"/>
                <a:sym typeface="Patrick Hand"/>
              </a:defRPr>
            </a:lvl9pPr>
          </a:lstStyle>
          <a:p>
            <a:endParaRPr/>
          </a:p>
        </p:txBody>
      </p:sp>
      <p:sp>
        <p:nvSpPr>
          <p:cNvPr id="8" name="Google Shape;8;p1"/>
          <p:cNvSpPr/>
          <p:nvPr/>
        </p:nvSpPr>
        <p:spPr>
          <a:xfrm rot="-10664892">
            <a:off x="-226867" y="-206938"/>
            <a:ext cx="11285468" cy="6755026"/>
          </a:xfrm>
          <a:custGeom>
            <a:avLst/>
            <a:gdLst/>
            <a:ahLst/>
            <a:cxnLst/>
            <a:rect l="l" t="t" r="r" b="b"/>
            <a:pathLst>
              <a:path w="44882" h="36450" extrusionOk="0">
                <a:moveTo>
                  <a:pt x="42957" y="712"/>
                </a:moveTo>
                <a:cubicBezTo>
                  <a:pt x="42999" y="816"/>
                  <a:pt x="43041" y="858"/>
                  <a:pt x="43062" y="942"/>
                </a:cubicBezTo>
                <a:cubicBezTo>
                  <a:pt x="43271" y="2323"/>
                  <a:pt x="43522" y="3704"/>
                  <a:pt x="43689" y="5106"/>
                </a:cubicBezTo>
                <a:cubicBezTo>
                  <a:pt x="43794" y="6047"/>
                  <a:pt x="43752" y="6989"/>
                  <a:pt x="43794" y="7951"/>
                </a:cubicBezTo>
                <a:cubicBezTo>
                  <a:pt x="43815" y="8265"/>
                  <a:pt x="43815" y="8600"/>
                  <a:pt x="43919" y="8914"/>
                </a:cubicBezTo>
                <a:cubicBezTo>
                  <a:pt x="44170" y="9646"/>
                  <a:pt x="44233" y="10378"/>
                  <a:pt x="44212" y="11132"/>
                </a:cubicBezTo>
                <a:cubicBezTo>
                  <a:pt x="44170" y="12052"/>
                  <a:pt x="44233" y="12973"/>
                  <a:pt x="44526" y="13852"/>
                </a:cubicBezTo>
                <a:cubicBezTo>
                  <a:pt x="44589" y="14124"/>
                  <a:pt x="44631" y="14438"/>
                  <a:pt x="44631" y="14730"/>
                </a:cubicBezTo>
                <a:lnTo>
                  <a:pt x="44777" y="24837"/>
                </a:lnTo>
                <a:cubicBezTo>
                  <a:pt x="44798" y="27285"/>
                  <a:pt x="44861" y="29691"/>
                  <a:pt x="44882" y="32118"/>
                </a:cubicBezTo>
                <a:cubicBezTo>
                  <a:pt x="44882" y="32432"/>
                  <a:pt x="44840" y="32767"/>
                  <a:pt x="44798" y="33080"/>
                </a:cubicBezTo>
                <a:cubicBezTo>
                  <a:pt x="44756" y="33624"/>
                  <a:pt x="44694" y="34189"/>
                  <a:pt x="44652" y="34859"/>
                </a:cubicBezTo>
                <a:cubicBezTo>
                  <a:pt x="44694" y="34775"/>
                  <a:pt x="44652" y="34838"/>
                  <a:pt x="44631" y="34880"/>
                </a:cubicBezTo>
                <a:cubicBezTo>
                  <a:pt x="44380" y="35382"/>
                  <a:pt x="43940" y="35508"/>
                  <a:pt x="43501" y="35340"/>
                </a:cubicBezTo>
                <a:cubicBezTo>
                  <a:pt x="43020" y="35152"/>
                  <a:pt x="42559" y="35131"/>
                  <a:pt x="42078" y="35173"/>
                </a:cubicBezTo>
                <a:cubicBezTo>
                  <a:pt x="40760" y="35257"/>
                  <a:pt x="39463" y="35047"/>
                  <a:pt x="38207" y="34733"/>
                </a:cubicBezTo>
                <a:cubicBezTo>
                  <a:pt x="37161" y="34817"/>
                  <a:pt x="36157" y="34461"/>
                  <a:pt x="35111" y="34461"/>
                </a:cubicBezTo>
                <a:cubicBezTo>
                  <a:pt x="34190" y="34461"/>
                  <a:pt x="33248" y="34524"/>
                  <a:pt x="32328" y="34420"/>
                </a:cubicBezTo>
                <a:cubicBezTo>
                  <a:pt x="31700" y="34336"/>
                  <a:pt x="31072" y="34294"/>
                  <a:pt x="30424" y="34294"/>
                </a:cubicBezTo>
                <a:cubicBezTo>
                  <a:pt x="29398" y="34315"/>
                  <a:pt x="28373" y="34357"/>
                  <a:pt x="27369" y="34608"/>
                </a:cubicBezTo>
                <a:cubicBezTo>
                  <a:pt x="26888" y="34713"/>
                  <a:pt x="26385" y="34671"/>
                  <a:pt x="25925" y="34713"/>
                </a:cubicBezTo>
                <a:cubicBezTo>
                  <a:pt x="25109" y="34733"/>
                  <a:pt x="24335" y="34733"/>
                  <a:pt x="23519" y="34754"/>
                </a:cubicBezTo>
                <a:cubicBezTo>
                  <a:pt x="23289" y="34754"/>
                  <a:pt x="23079" y="34754"/>
                  <a:pt x="22828" y="34775"/>
                </a:cubicBezTo>
                <a:cubicBezTo>
                  <a:pt x="21615" y="34964"/>
                  <a:pt x="20359" y="35152"/>
                  <a:pt x="19125" y="35340"/>
                </a:cubicBezTo>
                <a:cubicBezTo>
                  <a:pt x="18790" y="35382"/>
                  <a:pt x="18414" y="35445"/>
                  <a:pt x="18079" y="35466"/>
                </a:cubicBezTo>
                <a:cubicBezTo>
                  <a:pt x="17765" y="35508"/>
                  <a:pt x="17430" y="35508"/>
                  <a:pt x="17137" y="35591"/>
                </a:cubicBezTo>
                <a:cubicBezTo>
                  <a:pt x="16237" y="35863"/>
                  <a:pt x="15359" y="35821"/>
                  <a:pt x="14459" y="35863"/>
                </a:cubicBezTo>
                <a:cubicBezTo>
                  <a:pt x="13141" y="35884"/>
                  <a:pt x="11781" y="35905"/>
                  <a:pt x="10442" y="35968"/>
                </a:cubicBezTo>
                <a:cubicBezTo>
                  <a:pt x="10253" y="35968"/>
                  <a:pt x="10044" y="35968"/>
                  <a:pt x="9856" y="36031"/>
                </a:cubicBezTo>
                <a:cubicBezTo>
                  <a:pt x="9270" y="36324"/>
                  <a:pt x="8600" y="36303"/>
                  <a:pt x="7973" y="36324"/>
                </a:cubicBezTo>
                <a:cubicBezTo>
                  <a:pt x="6278" y="36345"/>
                  <a:pt x="4583" y="36407"/>
                  <a:pt x="2888" y="36449"/>
                </a:cubicBezTo>
                <a:lnTo>
                  <a:pt x="2784" y="36449"/>
                </a:lnTo>
                <a:cubicBezTo>
                  <a:pt x="2072" y="36449"/>
                  <a:pt x="1884" y="36324"/>
                  <a:pt x="1863" y="35654"/>
                </a:cubicBezTo>
                <a:cubicBezTo>
                  <a:pt x="1800" y="34713"/>
                  <a:pt x="1800" y="33729"/>
                  <a:pt x="1800" y="32788"/>
                </a:cubicBezTo>
                <a:cubicBezTo>
                  <a:pt x="1800" y="31930"/>
                  <a:pt x="1800" y="31093"/>
                  <a:pt x="1570" y="30256"/>
                </a:cubicBezTo>
                <a:cubicBezTo>
                  <a:pt x="1486" y="29942"/>
                  <a:pt x="1486" y="29607"/>
                  <a:pt x="1486" y="29293"/>
                </a:cubicBezTo>
                <a:cubicBezTo>
                  <a:pt x="1465" y="28645"/>
                  <a:pt x="1465" y="27975"/>
                  <a:pt x="1256" y="27347"/>
                </a:cubicBezTo>
                <a:cubicBezTo>
                  <a:pt x="1152" y="27034"/>
                  <a:pt x="1152" y="26657"/>
                  <a:pt x="1152" y="26280"/>
                </a:cubicBezTo>
                <a:cubicBezTo>
                  <a:pt x="1131" y="23937"/>
                  <a:pt x="1131" y="21572"/>
                  <a:pt x="1110" y="19229"/>
                </a:cubicBezTo>
                <a:cubicBezTo>
                  <a:pt x="1110" y="18915"/>
                  <a:pt x="1089" y="18559"/>
                  <a:pt x="1005" y="18246"/>
                </a:cubicBezTo>
                <a:cubicBezTo>
                  <a:pt x="838" y="17702"/>
                  <a:pt x="817" y="17158"/>
                  <a:pt x="817" y="16614"/>
                </a:cubicBezTo>
                <a:cubicBezTo>
                  <a:pt x="817" y="15484"/>
                  <a:pt x="796" y="14375"/>
                  <a:pt x="775" y="13266"/>
                </a:cubicBezTo>
                <a:cubicBezTo>
                  <a:pt x="775" y="13015"/>
                  <a:pt x="733" y="12805"/>
                  <a:pt x="691" y="12575"/>
                </a:cubicBezTo>
                <a:cubicBezTo>
                  <a:pt x="524" y="11822"/>
                  <a:pt x="398" y="11027"/>
                  <a:pt x="461" y="10253"/>
                </a:cubicBezTo>
                <a:cubicBezTo>
                  <a:pt x="482" y="10064"/>
                  <a:pt x="461" y="9855"/>
                  <a:pt x="398" y="9667"/>
                </a:cubicBezTo>
                <a:cubicBezTo>
                  <a:pt x="1" y="8265"/>
                  <a:pt x="147" y="6821"/>
                  <a:pt x="105" y="5378"/>
                </a:cubicBezTo>
                <a:cubicBezTo>
                  <a:pt x="84" y="4373"/>
                  <a:pt x="84" y="3348"/>
                  <a:pt x="84" y="2344"/>
                </a:cubicBezTo>
                <a:cubicBezTo>
                  <a:pt x="84" y="1549"/>
                  <a:pt x="356" y="1193"/>
                  <a:pt x="1152" y="1151"/>
                </a:cubicBezTo>
                <a:cubicBezTo>
                  <a:pt x="1947" y="1088"/>
                  <a:pt x="2721" y="963"/>
                  <a:pt x="3537" y="1256"/>
                </a:cubicBezTo>
                <a:cubicBezTo>
                  <a:pt x="3934" y="1381"/>
                  <a:pt x="4437" y="1277"/>
                  <a:pt x="4876" y="1277"/>
                </a:cubicBezTo>
                <a:cubicBezTo>
                  <a:pt x="7052" y="1235"/>
                  <a:pt x="9249" y="1151"/>
                  <a:pt x="11404" y="1088"/>
                </a:cubicBezTo>
                <a:cubicBezTo>
                  <a:pt x="13580" y="1025"/>
                  <a:pt x="15777" y="963"/>
                  <a:pt x="17953" y="879"/>
                </a:cubicBezTo>
                <a:cubicBezTo>
                  <a:pt x="18204" y="879"/>
                  <a:pt x="18455" y="816"/>
                  <a:pt x="18706" y="774"/>
                </a:cubicBezTo>
                <a:cubicBezTo>
                  <a:pt x="19209" y="712"/>
                  <a:pt x="19732" y="628"/>
                  <a:pt x="20234" y="544"/>
                </a:cubicBezTo>
                <a:cubicBezTo>
                  <a:pt x="20380" y="523"/>
                  <a:pt x="20548" y="544"/>
                  <a:pt x="20694" y="502"/>
                </a:cubicBezTo>
                <a:cubicBezTo>
                  <a:pt x="22138" y="84"/>
                  <a:pt x="23623" y="189"/>
                  <a:pt x="25088" y="126"/>
                </a:cubicBezTo>
                <a:cubicBezTo>
                  <a:pt x="26406" y="84"/>
                  <a:pt x="27704" y="42"/>
                  <a:pt x="29043" y="21"/>
                </a:cubicBezTo>
                <a:cubicBezTo>
                  <a:pt x="29231" y="21"/>
                  <a:pt x="29440" y="0"/>
                  <a:pt x="29608" y="21"/>
                </a:cubicBezTo>
                <a:cubicBezTo>
                  <a:pt x="31554" y="419"/>
                  <a:pt x="33520" y="105"/>
                  <a:pt x="35445" y="126"/>
                </a:cubicBezTo>
                <a:cubicBezTo>
                  <a:pt x="35927" y="126"/>
                  <a:pt x="36408" y="105"/>
                  <a:pt x="36889" y="105"/>
                </a:cubicBezTo>
                <a:cubicBezTo>
                  <a:pt x="37015" y="105"/>
                  <a:pt x="37182" y="84"/>
                  <a:pt x="37245" y="126"/>
                </a:cubicBezTo>
                <a:cubicBezTo>
                  <a:pt x="37726" y="440"/>
                  <a:pt x="38249" y="314"/>
                  <a:pt x="38751" y="314"/>
                </a:cubicBezTo>
                <a:cubicBezTo>
                  <a:pt x="39191" y="335"/>
                  <a:pt x="39651" y="251"/>
                  <a:pt x="40049" y="523"/>
                </a:cubicBezTo>
                <a:cubicBezTo>
                  <a:pt x="40885" y="523"/>
                  <a:pt x="41701" y="565"/>
                  <a:pt x="42518" y="816"/>
                </a:cubicBezTo>
                <a:cubicBezTo>
                  <a:pt x="42664" y="837"/>
                  <a:pt x="42831" y="753"/>
                  <a:pt x="42957" y="712"/>
                </a:cubicBezTo>
                <a:close/>
                <a:moveTo>
                  <a:pt x="42476" y="1821"/>
                </a:moveTo>
                <a:cubicBezTo>
                  <a:pt x="41618" y="2009"/>
                  <a:pt x="40844" y="1402"/>
                  <a:pt x="39965" y="1590"/>
                </a:cubicBezTo>
                <a:cubicBezTo>
                  <a:pt x="39881" y="1611"/>
                  <a:pt x="39756" y="1590"/>
                  <a:pt x="39672" y="1549"/>
                </a:cubicBezTo>
                <a:cubicBezTo>
                  <a:pt x="39128" y="1256"/>
                  <a:pt x="38563" y="1360"/>
                  <a:pt x="37977" y="1339"/>
                </a:cubicBezTo>
                <a:cubicBezTo>
                  <a:pt x="37726" y="1339"/>
                  <a:pt x="37454" y="1360"/>
                  <a:pt x="37224" y="1256"/>
                </a:cubicBezTo>
                <a:cubicBezTo>
                  <a:pt x="36889" y="1088"/>
                  <a:pt x="36533" y="1088"/>
                  <a:pt x="36199" y="1088"/>
                </a:cubicBezTo>
                <a:cubicBezTo>
                  <a:pt x="35341" y="1130"/>
                  <a:pt x="34483" y="1130"/>
                  <a:pt x="33625" y="1151"/>
                </a:cubicBezTo>
                <a:cubicBezTo>
                  <a:pt x="32286" y="1193"/>
                  <a:pt x="30926" y="1297"/>
                  <a:pt x="29587" y="1005"/>
                </a:cubicBezTo>
                <a:cubicBezTo>
                  <a:pt x="29377" y="963"/>
                  <a:pt x="29147" y="984"/>
                  <a:pt x="28917" y="984"/>
                </a:cubicBezTo>
                <a:cubicBezTo>
                  <a:pt x="27473" y="1005"/>
                  <a:pt x="26030" y="1005"/>
                  <a:pt x="24586" y="1088"/>
                </a:cubicBezTo>
                <a:cubicBezTo>
                  <a:pt x="23310" y="1151"/>
                  <a:pt x="22033" y="1046"/>
                  <a:pt x="20778" y="1444"/>
                </a:cubicBezTo>
                <a:cubicBezTo>
                  <a:pt x="20569" y="1507"/>
                  <a:pt x="20338" y="1465"/>
                  <a:pt x="20087" y="1486"/>
                </a:cubicBezTo>
                <a:cubicBezTo>
                  <a:pt x="19794" y="1507"/>
                  <a:pt x="19522" y="1507"/>
                  <a:pt x="19230" y="1611"/>
                </a:cubicBezTo>
                <a:cubicBezTo>
                  <a:pt x="18434" y="1883"/>
                  <a:pt x="17660" y="1862"/>
                  <a:pt x="16844" y="1883"/>
                </a:cubicBezTo>
                <a:cubicBezTo>
                  <a:pt x="16007" y="1904"/>
                  <a:pt x="15170" y="1904"/>
                  <a:pt x="14354" y="1925"/>
                </a:cubicBezTo>
                <a:cubicBezTo>
                  <a:pt x="10881" y="2009"/>
                  <a:pt x="7387" y="2114"/>
                  <a:pt x="3893" y="2176"/>
                </a:cubicBezTo>
                <a:cubicBezTo>
                  <a:pt x="3579" y="2176"/>
                  <a:pt x="3265" y="2114"/>
                  <a:pt x="2951" y="2009"/>
                </a:cubicBezTo>
                <a:cubicBezTo>
                  <a:pt x="2302" y="1800"/>
                  <a:pt x="1654" y="1862"/>
                  <a:pt x="1005" y="1988"/>
                </a:cubicBezTo>
                <a:cubicBezTo>
                  <a:pt x="963" y="2176"/>
                  <a:pt x="942" y="2302"/>
                  <a:pt x="942" y="2427"/>
                </a:cubicBezTo>
                <a:cubicBezTo>
                  <a:pt x="963" y="4290"/>
                  <a:pt x="1026" y="6173"/>
                  <a:pt x="1047" y="8035"/>
                </a:cubicBezTo>
                <a:cubicBezTo>
                  <a:pt x="1340" y="9207"/>
                  <a:pt x="1319" y="10420"/>
                  <a:pt x="1465" y="11613"/>
                </a:cubicBezTo>
                <a:cubicBezTo>
                  <a:pt x="1570" y="12450"/>
                  <a:pt x="1737" y="13287"/>
                  <a:pt x="1696" y="14145"/>
                </a:cubicBezTo>
                <a:cubicBezTo>
                  <a:pt x="1696" y="14563"/>
                  <a:pt x="1696" y="15002"/>
                  <a:pt x="1737" y="15421"/>
                </a:cubicBezTo>
                <a:cubicBezTo>
                  <a:pt x="1779" y="16363"/>
                  <a:pt x="1675" y="17346"/>
                  <a:pt x="1988" y="18246"/>
                </a:cubicBezTo>
                <a:cubicBezTo>
                  <a:pt x="2072" y="18497"/>
                  <a:pt x="2072" y="18769"/>
                  <a:pt x="2072" y="19041"/>
                </a:cubicBezTo>
                <a:cubicBezTo>
                  <a:pt x="2093" y="21070"/>
                  <a:pt x="2114" y="23079"/>
                  <a:pt x="2177" y="25129"/>
                </a:cubicBezTo>
                <a:cubicBezTo>
                  <a:pt x="2177" y="25820"/>
                  <a:pt x="2156" y="26510"/>
                  <a:pt x="2302" y="27159"/>
                </a:cubicBezTo>
                <a:cubicBezTo>
                  <a:pt x="2470" y="27912"/>
                  <a:pt x="2532" y="28666"/>
                  <a:pt x="2532" y="29398"/>
                </a:cubicBezTo>
                <a:cubicBezTo>
                  <a:pt x="2532" y="29691"/>
                  <a:pt x="2574" y="30005"/>
                  <a:pt x="2679" y="30256"/>
                </a:cubicBezTo>
                <a:cubicBezTo>
                  <a:pt x="2825" y="30737"/>
                  <a:pt x="2888" y="31218"/>
                  <a:pt x="2888" y="31700"/>
                </a:cubicBezTo>
                <a:cubicBezTo>
                  <a:pt x="2888" y="32516"/>
                  <a:pt x="2888" y="33352"/>
                  <a:pt x="2909" y="34148"/>
                </a:cubicBezTo>
                <a:cubicBezTo>
                  <a:pt x="2909" y="34545"/>
                  <a:pt x="2888" y="34943"/>
                  <a:pt x="3035" y="35319"/>
                </a:cubicBezTo>
                <a:cubicBezTo>
                  <a:pt x="3160" y="35319"/>
                  <a:pt x="3307" y="35361"/>
                  <a:pt x="3432" y="35361"/>
                </a:cubicBezTo>
                <a:cubicBezTo>
                  <a:pt x="5001" y="35319"/>
                  <a:pt x="6571" y="35298"/>
                  <a:pt x="8140" y="35236"/>
                </a:cubicBezTo>
                <a:cubicBezTo>
                  <a:pt x="8579" y="35194"/>
                  <a:pt x="9019" y="35089"/>
                  <a:pt x="9479" y="35005"/>
                </a:cubicBezTo>
                <a:cubicBezTo>
                  <a:pt x="9730" y="34964"/>
                  <a:pt x="9960" y="34880"/>
                  <a:pt x="10232" y="34880"/>
                </a:cubicBezTo>
                <a:cubicBezTo>
                  <a:pt x="12053" y="34838"/>
                  <a:pt x="13894" y="34796"/>
                  <a:pt x="15693" y="34754"/>
                </a:cubicBezTo>
                <a:cubicBezTo>
                  <a:pt x="15924" y="34754"/>
                  <a:pt x="16175" y="34754"/>
                  <a:pt x="16342" y="34671"/>
                </a:cubicBezTo>
                <a:cubicBezTo>
                  <a:pt x="17012" y="34441"/>
                  <a:pt x="17681" y="34461"/>
                  <a:pt x="18330" y="34357"/>
                </a:cubicBezTo>
                <a:cubicBezTo>
                  <a:pt x="19355" y="34210"/>
                  <a:pt x="20380" y="34106"/>
                  <a:pt x="21364" y="33938"/>
                </a:cubicBezTo>
                <a:cubicBezTo>
                  <a:pt x="22138" y="33813"/>
                  <a:pt x="22891" y="33645"/>
                  <a:pt x="23644" y="33687"/>
                </a:cubicBezTo>
                <a:cubicBezTo>
                  <a:pt x="24084" y="33687"/>
                  <a:pt x="24544" y="33687"/>
                  <a:pt x="24984" y="33645"/>
                </a:cubicBezTo>
                <a:cubicBezTo>
                  <a:pt x="26113" y="33604"/>
                  <a:pt x="27243" y="33708"/>
                  <a:pt x="28331" y="33311"/>
                </a:cubicBezTo>
                <a:cubicBezTo>
                  <a:pt x="28499" y="33269"/>
                  <a:pt x="28645" y="33269"/>
                  <a:pt x="28813" y="33269"/>
                </a:cubicBezTo>
                <a:cubicBezTo>
                  <a:pt x="29712" y="33227"/>
                  <a:pt x="30654" y="33185"/>
                  <a:pt x="31595" y="33185"/>
                </a:cubicBezTo>
                <a:cubicBezTo>
                  <a:pt x="31909" y="33185"/>
                  <a:pt x="32223" y="33227"/>
                  <a:pt x="32537" y="33332"/>
                </a:cubicBezTo>
                <a:cubicBezTo>
                  <a:pt x="32997" y="33499"/>
                  <a:pt x="33416" y="33499"/>
                  <a:pt x="33876" y="33478"/>
                </a:cubicBezTo>
                <a:cubicBezTo>
                  <a:pt x="34587" y="33415"/>
                  <a:pt x="35299" y="33394"/>
                  <a:pt x="35989" y="33373"/>
                </a:cubicBezTo>
                <a:cubicBezTo>
                  <a:pt x="36157" y="33373"/>
                  <a:pt x="36345" y="33373"/>
                  <a:pt x="36471" y="33436"/>
                </a:cubicBezTo>
                <a:cubicBezTo>
                  <a:pt x="36889" y="33666"/>
                  <a:pt x="37328" y="33624"/>
                  <a:pt x="37768" y="33624"/>
                </a:cubicBezTo>
                <a:cubicBezTo>
                  <a:pt x="38019" y="33624"/>
                  <a:pt x="38249" y="33583"/>
                  <a:pt x="38437" y="33666"/>
                </a:cubicBezTo>
                <a:cubicBezTo>
                  <a:pt x="39086" y="33938"/>
                  <a:pt x="39818" y="33834"/>
                  <a:pt x="40488" y="34043"/>
                </a:cubicBezTo>
                <a:cubicBezTo>
                  <a:pt x="40739" y="34127"/>
                  <a:pt x="40990" y="34127"/>
                  <a:pt x="41262" y="34127"/>
                </a:cubicBezTo>
                <a:cubicBezTo>
                  <a:pt x="42099" y="34127"/>
                  <a:pt x="42957" y="34106"/>
                  <a:pt x="43794" y="34085"/>
                </a:cubicBezTo>
                <a:cubicBezTo>
                  <a:pt x="43731" y="33729"/>
                  <a:pt x="43689" y="33415"/>
                  <a:pt x="43689" y="33101"/>
                </a:cubicBezTo>
                <a:cubicBezTo>
                  <a:pt x="43668" y="32306"/>
                  <a:pt x="43689" y="31469"/>
                  <a:pt x="43689" y="30653"/>
                </a:cubicBezTo>
                <a:lnTo>
                  <a:pt x="43606" y="22891"/>
                </a:lnTo>
                <a:cubicBezTo>
                  <a:pt x="43585" y="20317"/>
                  <a:pt x="43564" y="17785"/>
                  <a:pt x="43564" y="15212"/>
                </a:cubicBezTo>
                <a:cubicBezTo>
                  <a:pt x="43564" y="14626"/>
                  <a:pt x="43501" y="14040"/>
                  <a:pt x="43375" y="13475"/>
                </a:cubicBezTo>
                <a:cubicBezTo>
                  <a:pt x="43292" y="13119"/>
                  <a:pt x="43208" y="12764"/>
                  <a:pt x="43208" y="12429"/>
                </a:cubicBezTo>
                <a:cubicBezTo>
                  <a:pt x="43187" y="11801"/>
                  <a:pt x="43250" y="11173"/>
                  <a:pt x="43208" y="10567"/>
                </a:cubicBezTo>
                <a:cubicBezTo>
                  <a:pt x="43208" y="10253"/>
                  <a:pt x="43208" y="9876"/>
                  <a:pt x="43103" y="9604"/>
                </a:cubicBezTo>
                <a:cubicBezTo>
                  <a:pt x="42894" y="8976"/>
                  <a:pt x="42831" y="8349"/>
                  <a:pt x="42873" y="7658"/>
                </a:cubicBezTo>
                <a:cubicBezTo>
                  <a:pt x="42894" y="7240"/>
                  <a:pt x="42894" y="6800"/>
                  <a:pt x="42894" y="6382"/>
                </a:cubicBezTo>
                <a:cubicBezTo>
                  <a:pt x="42894" y="5733"/>
                  <a:pt x="42894" y="5064"/>
                  <a:pt x="42852" y="4415"/>
                </a:cubicBezTo>
                <a:cubicBezTo>
                  <a:pt x="42748" y="3599"/>
                  <a:pt x="42622" y="2825"/>
                  <a:pt x="42476" y="1821"/>
                </a:cubicBezTo>
                <a:close/>
              </a:path>
            </a:pathLst>
          </a:custGeom>
          <a:solidFill>
            <a:schemeClr val="accent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1693"/>
          </a:p>
        </p:txBody>
      </p:sp>
    </p:spTree>
  </p:cSld>
  <p:clrMap bg1="lt1" tx1="dk1" bg2="dk2" tx2="lt2" accent1="accent1" accent2="accent2" accent3="accent3" accent4="accent4" accent5="accent5" accent6="accent6" hlink="hlink" folHlink="folHlink"/>
  <p:sldLayoutIdLst>
    <p:sldLayoutId id="2147483649" r:id="rId1"/>
    <p:sldLayoutId id="2147483654" r:id="rId2"/>
    <p:sldLayoutId id="2147483660" r:id="rId3"/>
    <p:sldLayoutId id="2147483674" r:id="rId4"/>
    <p:sldLayoutId id="2147483676" r:id="rId5"/>
    <p:sldLayoutId id="2147483679" r:id="rId6"/>
    <p:sldLayoutId id="2147483681" r:id="rId7"/>
    <p:sldLayoutId id="2147483682" r:id="rId8"/>
    <p:sldLayoutId id="2147483683" r:id="rId9"/>
  </p:sldLayoutIdLst>
  <mc:AlternateContent xmlns:mc="http://schemas.openxmlformats.org/markup-compatibility/2006" xmlns:p14="http://schemas.microsoft.com/office/powerpoint/2010/main">
    <mc:Choice Requires="p14">
      <p:transition spd="slow" p14:dur="1500">
        <p:randomBar dir="vert"/>
      </p:transition>
    </mc:Choice>
    <mc:Fallback xmlns="">
      <p:transition spd="slow">
        <p:randomBar dir="vert"/>
      </p:transition>
    </mc:Fallback>
  </mc:AlternateConten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slideLayout" Target="../slideLayouts/slideLayout6.xml"/><Relationship Id="rId2" Type="http://schemas.openxmlformats.org/officeDocument/2006/relationships/tags" Target="../tags/tag3.xml"/><Relationship Id="rId1" Type="http://schemas.openxmlformats.org/officeDocument/2006/relationships/tags" Target="../tags/tag2.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7" Type="http://schemas.openxmlformats.org/officeDocument/2006/relationships/image" Target="../media/image11.png"/><Relationship Id="rId2" Type="http://schemas.openxmlformats.org/officeDocument/2006/relationships/slideLayout" Target="../slideLayouts/slideLayout6.xml"/><Relationship Id="rId1" Type="http://schemas.openxmlformats.org/officeDocument/2006/relationships/tags" Target="../tags/tag12.xml"/><Relationship Id="rId6" Type="http://schemas.openxmlformats.org/officeDocument/2006/relationships/slide" Target="slide3.xml"/><Relationship Id="rId5" Type="http://schemas.openxmlformats.org/officeDocument/2006/relationships/image" Target="../media/image18.png"/><Relationship Id="rId4" Type="http://schemas.openxmlformats.org/officeDocument/2006/relationships/image" Target="../media/image9.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7.xml"/><Relationship Id="rId1" Type="http://schemas.openxmlformats.org/officeDocument/2006/relationships/tags" Target="../tags/tag13.xml"/><Relationship Id="rId5" Type="http://schemas.microsoft.com/office/2007/relationships/hdphoto" Target="../media/hdphoto1.wdp"/><Relationship Id="rId4" Type="http://schemas.openxmlformats.org/officeDocument/2006/relationships/image" Target="../media/image19.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7.xml"/><Relationship Id="rId1" Type="http://schemas.openxmlformats.org/officeDocument/2006/relationships/tags" Target="../tags/tag14.xml"/></Relationships>
</file>

<file path=ppt/slides/_rels/slide13.xml.rels><?xml version="1.0" encoding="UTF-8" standalone="yes"?>
<Relationships xmlns="http://schemas.openxmlformats.org/package/2006/relationships"><Relationship Id="rId8" Type="http://schemas.microsoft.com/office/2007/relationships/diagramDrawing" Target="../diagrams/drawing1.xml"/><Relationship Id="rId3" Type="http://schemas.openxmlformats.org/officeDocument/2006/relationships/notesSlide" Target="../notesSlides/notesSlide13.xml"/><Relationship Id="rId7" Type="http://schemas.openxmlformats.org/officeDocument/2006/relationships/diagramColors" Target="../diagrams/colors1.xml"/><Relationship Id="rId2" Type="http://schemas.openxmlformats.org/officeDocument/2006/relationships/slideLayout" Target="../slideLayouts/slideLayout6.xml"/><Relationship Id="rId1" Type="http://schemas.openxmlformats.org/officeDocument/2006/relationships/tags" Target="../tags/tag15.xml"/><Relationship Id="rId6" Type="http://schemas.openxmlformats.org/officeDocument/2006/relationships/diagramQuickStyle" Target="../diagrams/quickStyle1.xml"/><Relationship Id="rId5" Type="http://schemas.openxmlformats.org/officeDocument/2006/relationships/diagramLayout" Target="../diagrams/layout1.xml"/><Relationship Id="rId10" Type="http://schemas.openxmlformats.org/officeDocument/2006/relationships/image" Target="../media/image21.gif"/><Relationship Id="rId4" Type="http://schemas.openxmlformats.org/officeDocument/2006/relationships/diagramData" Target="../diagrams/data1.xml"/><Relationship Id="rId9" Type="http://schemas.openxmlformats.org/officeDocument/2006/relationships/image" Target="../media/image20.gif"/></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3.xml"/><Relationship Id="rId1" Type="http://schemas.openxmlformats.org/officeDocument/2006/relationships/tags" Target="../tags/tag16.xml"/><Relationship Id="rId4" Type="http://schemas.openxmlformats.org/officeDocument/2006/relationships/image" Target="../media/image22.jpe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3.xml"/><Relationship Id="rId1" Type="http://schemas.openxmlformats.org/officeDocument/2006/relationships/tags" Target="../tags/tag17.xml"/><Relationship Id="rId4" Type="http://schemas.openxmlformats.org/officeDocument/2006/relationships/image" Target="../media/image23.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3.xml"/><Relationship Id="rId1" Type="http://schemas.openxmlformats.org/officeDocument/2006/relationships/tags" Target="../tags/tag18.xm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3.xml"/><Relationship Id="rId1" Type="http://schemas.openxmlformats.org/officeDocument/2006/relationships/tags" Target="../tags/tag19.xml"/><Relationship Id="rId4" Type="http://schemas.openxmlformats.org/officeDocument/2006/relationships/image" Target="../media/image24.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3.xml"/><Relationship Id="rId1" Type="http://schemas.openxmlformats.org/officeDocument/2006/relationships/tags" Target="../tags/tag20.xml"/></Relationships>
</file>

<file path=ppt/slides/_rels/slide19.xml.rels><?xml version="1.0" encoding="UTF-8" standalone="yes"?>
<Relationships xmlns="http://schemas.openxmlformats.org/package/2006/relationships"><Relationship Id="rId3" Type="http://schemas.openxmlformats.org/officeDocument/2006/relationships/audio" Target="../media/media2.mp3"/><Relationship Id="rId7" Type="http://schemas.openxmlformats.org/officeDocument/2006/relationships/image" Target="../media/image5.png"/><Relationship Id="rId2" Type="http://schemas.microsoft.com/office/2007/relationships/media" Target="../media/media2.mp3"/><Relationship Id="rId1" Type="http://schemas.openxmlformats.org/officeDocument/2006/relationships/tags" Target="../tags/tag21.xml"/><Relationship Id="rId6" Type="http://schemas.openxmlformats.org/officeDocument/2006/relationships/image" Target="../media/image25.png"/><Relationship Id="rId5" Type="http://schemas.openxmlformats.org/officeDocument/2006/relationships/notesSlide" Target="../notesSlides/notesSlide19.xml"/><Relationship Id="rId4" Type="http://schemas.openxmlformats.org/officeDocument/2006/relationships/slideLayout" Target="../slideLayouts/slideLayout3.xml"/></Relationships>
</file>

<file path=ppt/slides/_rels/slide2.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audio" Target="../media/media1.mp3"/><Relationship Id="rId7" Type="http://schemas.openxmlformats.org/officeDocument/2006/relationships/image" Target="../media/image4.gif"/><Relationship Id="rId2" Type="http://schemas.microsoft.com/office/2007/relationships/media" Target="../media/media1.mp3"/><Relationship Id="rId1" Type="http://schemas.openxmlformats.org/officeDocument/2006/relationships/tags" Target="../tags/tag4.xml"/><Relationship Id="rId6" Type="http://schemas.openxmlformats.org/officeDocument/2006/relationships/image" Target="../media/image3.png"/><Relationship Id="rId5" Type="http://schemas.openxmlformats.org/officeDocument/2006/relationships/notesSlide" Target="../notesSlides/notesSlide2.xml"/><Relationship Id="rId4" Type="http://schemas.openxmlformats.org/officeDocument/2006/relationships/slideLayout" Target="../slideLayouts/slideLayout1.xml"/></Relationships>
</file>

<file path=ppt/slides/_rels/slide20.xml.rels><?xml version="1.0" encoding="UTF-8" standalone="yes"?>
<Relationships xmlns="http://schemas.openxmlformats.org/package/2006/relationships"><Relationship Id="rId8" Type="http://schemas.openxmlformats.org/officeDocument/2006/relationships/image" Target="../media/image30.png"/><Relationship Id="rId3" Type="http://schemas.openxmlformats.org/officeDocument/2006/relationships/notesSlide" Target="../notesSlides/notesSlide20.xml"/><Relationship Id="rId7" Type="http://schemas.openxmlformats.org/officeDocument/2006/relationships/image" Target="../media/image29.png"/><Relationship Id="rId2" Type="http://schemas.openxmlformats.org/officeDocument/2006/relationships/slideLayout" Target="../slideLayouts/slideLayout3.xml"/><Relationship Id="rId1" Type="http://schemas.openxmlformats.org/officeDocument/2006/relationships/tags" Target="../tags/tag22.xml"/><Relationship Id="rId6" Type="http://schemas.openxmlformats.org/officeDocument/2006/relationships/image" Target="../media/image28.png"/><Relationship Id="rId11" Type="http://schemas.openxmlformats.org/officeDocument/2006/relationships/image" Target="../media/image33.jpg"/><Relationship Id="rId5" Type="http://schemas.openxmlformats.org/officeDocument/2006/relationships/image" Target="../media/image27.png"/><Relationship Id="rId10" Type="http://schemas.openxmlformats.org/officeDocument/2006/relationships/image" Target="../media/image32.png"/><Relationship Id="rId4" Type="http://schemas.openxmlformats.org/officeDocument/2006/relationships/image" Target="../media/image26.png"/><Relationship Id="rId9" Type="http://schemas.openxmlformats.org/officeDocument/2006/relationships/image" Target="../media/image31.png"/></Relationships>
</file>

<file path=ppt/slides/_rels/slide21.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audio" Target="../media/media3.mp3"/><Relationship Id="rId7" Type="http://schemas.openxmlformats.org/officeDocument/2006/relationships/image" Target="../media/image35.png"/><Relationship Id="rId2" Type="http://schemas.microsoft.com/office/2007/relationships/media" Target="../media/media3.mp3"/><Relationship Id="rId1" Type="http://schemas.openxmlformats.org/officeDocument/2006/relationships/tags" Target="../tags/tag23.xml"/><Relationship Id="rId6" Type="http://schemas.openxmlformats.org/officeDocument/2006/relationships/image" Target="../media/image34.png"/><Relationship Id="rId5" Type="http://schemas.openxmlformats.org/officeDocument/2006/relationships/notesSlide" Target="../notesSlides/notesSlide21.xml"/><Relationship Id="rId4" Type="http://schemas.openxmlformats.org/officeDocument/2006/relationships/slideLayout" Target="../slideLayouts/slideLayout3.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3.xml"/><Relationship Id="rId1" Type="http://schemas.openxmlformats.org/officeDocument/2006/relationships/tags" Target="../tags/tag24.xm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3.xml"/><Relationship Id="rId1" Type="http://schemas.openxmlformats.org/officeDocument/2006/relationships/tags" Target="../tags/tag25.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2.xml"/><Relationship Id="rId1" Type="http://schemas.openxmlformats.org/officeDocument/2006/relationships/tags" Target="../tags/tag26.xml"/><Relationship Id="rId4" Type="http://schemas.openxmlformats.org/officeDocument/2006/relationships/image" Target="../media/image36.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2.xml"/><Relationship Id="rId1" Type="http://schemas.openxmlformats.org/officeDocument/2006/relationships/tags" Target="../tags/tag27.xml"/><Relationship Id="rId4" Type="http://schemas.openxmlformats.org/officeDocument/2006/relationships/image" Target="../media/image37.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2.xml"/><Relationship Id="rId1" Type="http://schemas.openxmlformats.org/officeDocument/2006/relationships/tags" Target="../tags/tag28.xml"/><Relationship Id="rId4" Type="http://schemas.openxmlformats.org/officeDocument/2006/relationships/image" Target="../media/image20.gif"/></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2.xml"/><Relationship Id="rId1" Type="http://schemas.openxmlformats.org/officeDocument/2006/relationships/tags" Target="../tags/tag29.xml"/><Relationship Id="rId4" Type="http://schemas.openxmlformats.org/officeDocument/2006/relationships/image" Target="../media/image38.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8.xml"/><Relationship Id="rId1" Type="http://schemas.openxmlformats.org/officeDocument/2006/relationships/tags" Target="../tags/tag30.xml"/><Relationship Id="rId5" Type="http://schemas.openxmlformats.org/officeDocument/2006/relationships/image" Target="../media/image40.svg"/><Relationship Id="rId4" Type="http://schemas.openxmlformats.org/officeDocument/2006/relationships/image" Target="../media/image39.png"/></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9.xml"/><Relationship Id="rId1" Type="http://schemas.openxmlformats.org/officeDocument/2006/relationships/tags" Target="../tags/tag31.xml"/><Relationship Id="rId5" Type="http://schemas.openxmlformats.org/officeDocument/2006/relationships/image" Target="../media/image42.png"/><Relationship Id="rId4" Type="http://schemas.openxmlformats.org/officeDocument/2006/relationships/image" Target="../media/image41.png"/></Relationships>
</file>

<file path=ppt/slides/_rels/slide3.xml.rels><?xml version="1.0" encoding="UTF-8" standalone="yes"?>
<Relationships xmlns="http://schemas.openxmlformats.org/package/2006/relationships"><Relationship Id="rId8" Type="http://schemas.openxmlformats.org/officeDocument/2006/relationships/slide" Target="slide8.xml"/><Relationship Id="rId13" Type="http://schemas.openxmlformats.org/officeDocument/2006/relationships/slide" Target="slide11.xml"/><Relationship Id="rId3" Type="http://schemas.openxmlformats.org/officeDocument/2006/relationships/notesSlide" Target="../notesSlides/notesSlide3.xml"/><Relationship Id="rId7" Type="http://schemas.openxmlformats.org/officeDocument/2006/relationships/slide" Target="slide7.xml"/><Relationship Id="rId12" Type="http://schemas.openxmlformats.org/officeDocument/2006/relationships/image" Target="../media/image7.png"/><Relationship Id="rId2" Type="http://schemas.openxmlformats.org/officeDocument/2006/relationships/slideLayout" Target="../slideLayouts/slideLayout6.xml"/><Relationship Id="rId1" Type="http://schemas.openxmlformats.org/officeDocument/2006/relationships/tags" Target="../tags/tag5.xml"/><Relationship Id="rId6" Type="http://schemas.openxmlformats.org/officeDocument/2006/relationships/slide" Target="slide6.xml"/><Relationship Id="rId11" Type="http://schemas.openxmlformats.org/officeDocument/2006/relationships/image" Target="../media/image6.png"/><Relationship Id="rId5" Type="http://schemas.openxmlformats.org/officeDocument/2006/relationships/slide" Target="slide5.xml"/><Relationship Id="rId10" Type="http://schemas.openxmlformats.org/officeDocument/2006/relationships/slide" Target="slide10.xml"/><Relationship Id="rId4" Type="http://schemas.openxmlformats.org/officeDocument/2006/relationships/slide" Target="slide4.xml"/><Relationship Id="rId9" Type="http://schemas.openxmlformats.org/officeDocument/2006/relationships/slide" Target="slide9.xml"/><Relationship Id="rId14" Type="http://schemas.openxmlformats.org/officeDocument/2006/relationships/image" Target="../media/image8.png"/></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4.xml"/><Relationship Id="rId1" Type="http://schemas.openxmlformats.org/officeDocument/2006/relationships/tags" Target="../tags/tag32.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7" Type="http://schemas.openxmlformats.org/officeDocument/2006/relationships/image" Target="../media/image11.png"/><Relationship Id="rId2" Type="http://schemas.openxmlformats.org/officeDocument/2006/relationships/slideLayout" Target="../slideLayouts/slideLayout6.xml"/><Relationship Id="rId1" Type="http://schemas.openxmlformats.org/officeDocument/2006/relationships/tags" Target="../tags/tag6.xml"/><Relationship Id="rId6" Type="http://schemas.openxmlformats.org/officeDocument/2006/relationships/slide" Target="slide3.xml"/><Relationship Id="rId5" Type="http://schemas.openxmlformats.org/officeDocument/2006/relationships/image" Target="../media/image10.png"/><Relationship Id="rId4" Type="http://schemas.openxmlformats.org/officeDocument/2006/relationships/image" Target="../media/image9.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13.png"/><Relationship Id="rId2" Type="http://schemas.openxmlformats.org/officeDocument/2006/relationships/slideLayout" Target="../slideLayouts/slideLayout6.xml"/><Relationship Id="rId1" Type="http://schemas.openxmlformats.org/officeDocument/2006/relationships/tags" Target="../tags/tag7.xml"/><Relationship Id="rId6" Type="http://schemas.openxmlformats.org/officeDocument/2006/relationships/image" Target="../media/image12.png"/><Relationship Id="rId5" Type="http://schemas.openxmlformats.org/officeDocument/2006/relationships/slide" Target="slide3.xml"/><Relationship Id="rId4" Type="http://schemas.openxmlformats.org/officeDocument/2006/relationships/image" Target="../media/image9.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7" Type="http://schemas.openxmlformats.org/officeDocument/2006/relationships/image" Target="../media/image11.png"/><Relationship Id="rId2" Type="http://schemas.openxmlformats.org/officeDocument/2006/relationships/slideLayout" Target="../slideLayouts/slideLayout6.xml"/><Relationship Id="rId1" Type="http://schemas.openxmlformats.org/officeDocument/2006/relationships/tags" Target="../tags/tag8.xml"/><Relationship Id="rId6" Type="http://schemas.openxmlformats.org/officeDocument/2006/relationships/slide" Target="slide3.xml"/><Relationship Id="rId5" Type="http://schemas.openxmlformats.org/officeDocument/2006/relationships/image" Target="../media/image14.png"/><Relationship Id="rId4" Type="http://schemas.openxmlformats.org/officeDocument/2006/relationships/image" Target="../media/image9.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7" Type="http://schemas.openxmlformats.org/officeDocument/2006/relationships/image" Target="../media/image12.png"/><Relationship Id="rId2" Type="http://schemas.openxmlformats.org/officeDocument/2006/relationships/slideLayout" Target="../slideLayouts/slideLayout6.xml"/><Relationship Id="rId1" Type="http://schemas.openxmlformats.org/officeDocument/2006/relationships/tags" Target="../tags/tag9.xml"/><Relationship Id="rId6" Type="http://schemas.openxmlformats.org/officeDocument/2006/relationships/slide" Target="slide3.xml"/><Relationship Id="rId5" Type="http://schemas.openxmlformats.org/officeDocument/2006/relationships/image" Target="../media/image15.png"/><Relationship Id="rId4" Type="http://schemas.openxmlformats.org/officeDocument/2006/relationships/image" Target="../media/image9.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7" Type="http://schemas.openxmlformats.org/officeDocument/2006/relationships/image" Target="../media/image16.png"/><Relationship Id="rId2" Type="http://schemas.openxmlformats.org/officeDocument/2006/relationships/slideLayout" Target="../slideLayouts/slideLayout6.xml"/><Relationship Id="rId1" Type="http://schemas.openxmlformats.org/officeDocument/2006/relationships/tags" Target="../tags/tag10.xml"/><Relationship Id="rId6" Type="http://schemas.openxmlformats.org/officeDocument/2006/relationships/image" Target="../media/image11.png"/><Relationship Id="rId5" Type="http://schemas.openxmlformats.org/officeDocument/2006/relationships/slide" Target="slide3.xml"/><Relationship Id="rId4" Type="http://schemas.openxmlformats.org/officeDocument/2006/relationships/image" Target="../media/image9.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7" Type="http://schemas.openxmlformats.org/officeDocument/2006/relationships/image" Target="../media/image12.png"/><Relationship Id="rId2" Type="http://schemas.openxmlformats.org/officeDocument/2006/relationships/slideLayout" Target="../slideLayouts/slideLayout6.xml"/><Relationship Id="rId1" Type="http://schemas.openxmlformats.org/officeDocument/2006/relationships/tags" Target="../tags/tag11.xml"/><Relationship Id="rId6" Type="http://schemas.openxmlformats.org/officeDocument/2006/relationships/slide" Target="slide3.xml"/><Relationship Id="rId5" Type="http://schemas.openxmlformats.org/officeDocument/2006/relationships/image" Target="../media/image17.png"/><Relationship Id="rId4" Type="http://schemas.openxmlformats.org/officeDocument/2006/relationships/image" Target="../media/image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descr="A picture containing text&#10;&#10;Description automatically generated">
            <a:extLst>
              <a:ext uri="{FF2B5EF4-FFF2-40B4-BE49-F238E27FC236}">
                <a16:creationId xmlns:a16="http://schemas.microsoft.com/office/drawing/2014/main" id="{37FDC115-4BE9-504B-8908-C5C62E272E6D}"/>
              </a:ext>
            </a:extLst>
          </p:cNvPr>
          <p:cNvPicPr>
            <a:picLocks noChangeAspect="1"/>
          </p:cNvPicPr>
          <p:nvPr/>
        </p:nvPicPr>
        <p:blipFill rotWithShape="1">
          <a:blip r:embed="rId5"/>
          <a:srcRect l="6205" r="-1" b="-1"/>
          <a:stretch/>
        </p:blipFill>
        <p:spPr>
          <a:xfrm>
            <a:off x="-171449" y="-190500"/>
            <a:ext cx="11058524" cy="6670675"/>
          </a:xfrm>
          <a:prstGeom prst="rect">
            <a:avLst/>
          </a:prstGeom>
        </p:spPr>
      </p:pic>
      <p:sp>
        <p:nvSpPr>
          <p:cNvPr id="4" name="Rectangle 3">
            <a:extLst>
              <a:ext uri="{FF2B5EF4-FFF2-40B4-BE49-F238E27FC236}">
                <a16:creationId xmlns:a16="http://schemas.microsoft.com/office/drawing/2014/main" id="{5DC8799A-37BC-5B41-A5F4-D238BEB2E994}"/>
              </a:ext>
            </a:extLst>
          </p:cNvPr>
          <p:cNvSpPr/>
          <p:nvPr/>
        </p:nvSpPr>
        <p:spPr>
          <a:xfrm>
            <a:off x="734102" y="883600"/>
            <a:ext cx="8640696" cy="2699172"/>
          </a:xfrm>
          <a:prstGeom prst="rect">
            <a:avLst/>
          </a:prstGeom>
          <a:noFill/>
        </p:spPr>
        <p:txBody>
          <a:bodyPr wrap="square" lIns="80998" tIns="40499" rIns="80998" bIns="40499">
            <a:spAutoFit/>
          </a:bodyPr>
          <a:lstStyle/>
          <a:p>
            <a:pPr algn="ctr"/>
            <a:r>
              <a:rPr lang="vi-VN" altLang="en-US" sz="4252" b="1">
                <a:solidFill>
                  <a:srgbClr val="FF0000"/>
                </a:solidFill>
                <a:effectLst>
                  <a:reflection blurRad="6350" stA="53000" endA="300" endPos="35500" dir="5400000" sy="-90000" algn="bl" rotWithShape="0"/>
                </a:effectLst>
                <a:latin typeface="Times New Roman" panose="02020603050405020304" charset="0"/>
                <a:cs typeface="Times New Roman" panose="02020603050405020304" charset="0"/>
              </a:rPr>
              <a:t>CHÀO MỪNG QUÝ THẦY CÔ VÀ</a:t>
            </a:r>
          </a:p>
          <a:p>
            <a:pPr algn="ctr"/>
            <a:r>
              <a:rPr lang="vi-VN" altLang="en-US" sz="4252" b="1">
                <a:solidFill>
                  <a:srgbClr val="FF0000"/>
                </a:solidFill>
                <a:effectLst>
                  <a:reflection blurRad="6350" stA="53000" endA="300" endPos="35500" dir="5400000" sy="-90000" algn="bl" rotWithShape="0"/>
                </a:effectLst>
                <a:latin typeface="Times New Roman" panose="02020603050405020304" charset="0"/>
                <a:cs typeface="Times New Roman" panose="02020603050405020304" charset="0"/>
              </a:rPr>
              <a:t>CÁC EM HỌC SINH </a:t>
            </a:r>
          </a:p>
          <a:p>
            <a:pPr algn="ctr"/>
            <a:r>
              <a:rPr lang="vi-VN" altLang="en-US" sz="4252" b="1">
                <a:solidFill>
                  <a:srgbClr val="FF0000"/>
                </a:solidFill>
                <a:effectLst>
                  <a:reflection blurRad="6350" stA="53000" endA="300" endPos="35500" dir="5400000" sy="-90000" algn="bl" rotWithShape="0"/>
                </a:effectLst>
                <a:latin typeface="Times New Roman" panose="02020603050405020304" charset="0"/>
                <a:cs typeface="Times New Roman" panose="02020603050405020304" charset="0"/>
              </a:rPr>
              <a:t>ĐẾN VỚI TIẾT HỌC </a:t>
            </a:r>
          </a:p>
          <a:p>
            <a:pPr algn="ctr"/>
            <a:r>
              <a:rPr lang="vi-VN" altLang="en-US" sz="4252" b="1">
                <a:solidFill>
                  <a:srgbClr val="FF0000"/>
                </a:solidFill>
                <a:effectLst>
                  <a:reflection blurRad="6350" stA="53000" endA="300" endPos="35500" dir="5400000" sy="-90000" algn="bl" rotWithShape="0"/>
                </a:effectLst>
                <a:latin typeface="Times New Roman" panose="02020603050405020304" charset="0"/>
                <a:cs typeface="Times New Roman" panose="02020603050405020304" charset="0"/>
              </a:rPr>
              <a:t>HÔM NAY</a:t>
            </a:r>
          </a:p>
        </p:txBody>
      </p:sp>
      <p:sp>
        <p:nvSpPr>
          <p:cNvPr id="5" name="Rectangle 4">
            <a:extLst>
              <a:ext uri="{FF2B5EF4-FFF2-40B4-BE49-F238E27FC236}">
                <a16:creationId xmlns:a16="http://schemas.microsoft.com/office/drawing/2014/main" id="{A395525C-4B20-684E-A560-3A6BC9FA7D5E}"/>
              </a:ext>
            </a:extLst>
          </p:cNvPr>
          <p:cNvSpPr/>
          <p:nvPr/>
        </p:nvSpPr>
        <p:spPr>
          <a:xfrm>
            <a:off x="3396852" y="3986287"/>
            <a:ext cx="3162797" cy="817824"/>
          </a:xfrm>
          <a:prstGeom prst="rect">
            <a:avLst/>
          </a:prstGeom>
          <a:noFill/>
        </p:spPr>
        <p:txBody>
          <a:bodyPr wrap="none" lIns="80998" tIns="40499" rIns="80998" bIns="40499">
            <a:spAutoFit/>
          </a:bodyPr>
          <a:lstStyle/>
          <a:p>
            <a:pPr algn="ctr"/>
            <a:r>
              <a:rPr lang="en-US" sz="4783" b="1" i="1">
                <a:ln w="12700">
                  <a:solidFill>
                    <a:schemeClr val="accent1"/>
                  </a:solidFill>
                  <a:prstDash val="solid"/>
                </a:ln>
                <a:solidFill>
                  <a:srgbClr val="FF0000"/>
                </a:solidFill>
                <a:effectLst>
                  <a:outerShdw dist="38100" dir="2640000" algn="bl" rotWithShape="0">
                    <a:schemeClr val="accent1"/>
                  </a:outerShdw>
                </a:effectLst>
                <a:latin typeface="Times New Roman" panose="02020603050405020304" pitchFamily="18" charset="0"/>
                <a:cs typeface="Times New Roman" panose="02020603050405020304" pitchFamily="18" charset="0"/>
              </a:rPr>
              <a:t>TIN HỌC 6</a:t>
            </a:r>
          </a:p>
        </p:txBody>
      </p:sp>
      <p:pic>
        <p:nvPicPr>
          <p:cNvPr id="6" name="PA_图片 8">
            <a:extLst>
              <a:ext uri="{FF2B5EF4-FFF2-40B4-BE49-F238E27FC236}">
                <a16:creationId xmlns:a16="http://schemas.microsoft.com/office/drawing/2014/main" id="{A5D1FBBA-C1F4-0E43-B2A6-AED4A4240CEB}"/>
              </a:ext>
            </a:extLst>
          </p:cNvPr>
          <p:cNvPicPr>
            <a:picLocks noChangeAspect="1"/>
          </p:cNvPicPr>
          <p:nvPr>
            <p:custDataLst>
              <p:tags r:id="rId2"/>
            </p:custDataLst>
          </p:nvPr>
        </p:nvPicPr>
        <p:blipFill>
          <a:blip r:embed="rId6">
            <a:extLst>
              <a:ext uri="{28A0092B-C50C-407E-A947-70E740481C1C}">
                <a14:useLocalDpi xmlns:a14="http://schemas.microsoft.com/office/drawing/2010/main" val="0"/>
              </a:ext>
            </a:extLst>
          </a:blip>
          <a:stretch>
            <a:fillRect/>
          </a:stretch>
        </p:blipFill>
        <p:spPr>
          <a:xfrm>
            <a:off x="8355754" y="1485689"/>
            <a:ext cx="2444009" cy="4791832"/>
          </a:xfrm>
          <a:prstGeom prst="rect">
            <a:avLst/>
          </a:prstGeom>
        </p:spPr>
      </p:pic>
    </p:spTree>
    <p:custDataLst>
      <p:tags r:id="rId1"/>
    </p:custDataLst>
    <p:extLst>
      <p:ext uri="{BB962C8B-B14F-4D97-AF65-F5344CB8AC3E}">
        <p14:creationId xmlns:p14="http://schemas.microsoft.com/office/powerpoint/2010/main" val="37991097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38" presetClass="entr" presetSubtype="0" accel="50000" fill="hold" grpId="0" nodeType="withEffect">
                                  <p:stCondLst>
                                    <p:cond delay="0"/>
                                  </p:stCondLst>
                                  <p:iterate type="lt">
                                    <p:tmPct val="50000"/>
                                  </p:iterate>
                                  <p:childTnLst>
                                    <p:set>
                                      <p:cBhvr>
                                        <p:cTn id="6" dur="1" fill="hold">
                                          <p:stCondLst>
                                            <p:cond delay="0"/>
                                          </p:stCondLst>
                                        </p:cTn>
                                        <p:tgtEl>
                                          <p:spTgt spid="4"/>
                                        </p:tgtEl>
                                        <p:attrNameLst>
                                          <p:attrName>style.visibility</p:attrName>
                                        </p:attrNameLst>
                                      </p:cBhvr>
                                      <p:to>
                                        <p:strVal val="visible"/>
                                      </p:to>
                                    </p:set>
                                    <p:set>
                                      <p:cBhvr>
                                        <p:cTn id="7" dur="227" fill="hold">
                                          <p:stCondLst>
                                            <p:cond delay="0"/>
                                          </p:stCondLst>
                                        </p:cTn>
                                        <p:tgtEl>
                                          <p:spTgt spid="4"/>
                                        </p:tgtEl>
                                        <p:attrNameLst>
                                          <p:attrName>style.rotation</p:attrName>
                                        </p:attrNameLst>
                                      </p:cBhvr>
                                      <p:to>
                                        <p:strVal val="-45.0"/>
                                      </p:to>
                                    </p:set>
                                    <p:anim calcmode="lin" valueType="num">
                                      <p:cBhvr>
                                        <p:cTn id="8" dur="227" fill="hold">
                                          <p:stCondLst>
                                            <p:cond delay="227"/>
                                          </p:stCondLst>
                                        </p:cTn>
                                        <p:tgtEl>
                                          <p:spTgt spid="4"/>
                                        </p:tgtEl>
                                        <p:attrNameLst>
                                          <p:attrName>style.rotation</p:attrName>
                                        </p:attrNameLst>
                                      </p:cBhvr>
                                      <p:tavLst>
                                        <p:tav tm="0">
                                          <p:val>
                                            <p:fltVal val="-45"/>
                                          </p:val>
                                        </p:tav>
                                        <p:tav tm="69900">
                                          <p:val>
                                            <p:fltVal val="45"/>
                                          </p:val>
                                        </p:tav>
                                        <p:tav tm="100000">
                                          <p:val>
                                            <p:fltVal val="0"/>
                                          </p:val>
                                        </p:tav>
                                      </p:tavLst>
                                    </p:anim>
                                    <p:anim calcmode="lin" valueType="num">
                                      <p:cBhvr>
                                        <p:cTn id="9" dur="227" fill="hold">
                                          <p:stCondLst>
                                            <p:cond delay="0"/>
                                          </p:stCondLst>
                                        </p:cTn>
                                        <p:tgtEl>
                                          <p:spTgt spid="4"/>
                                        </p:tgtEl>
                                        <p:attrNameLst>
                                          <p:attrName>ppt_y</p:attrName>
                                        </p:attrNameLst>
                                      </p:cBhvr>
                                      <p:tavLst>
                                        <p:tav tm="0">
                                          <p:val>
                                            <p:strVal val="#ppt_y-1"/>
                                          </p:val>
                                        </p:tav>
                                        <p:tav tm="100000">
                                          <p:val>
                                            <p:strVal val="#ppt_y-(0.354*#ppt_w-0.172*#ppt_h)"/>
                                          </p:val>
                                        </p:tav>
                                      </p:tavLst>
                                    </p:anim>
                                    <p:anim calcmode="lin" valueType="num">
                                      <p:cBhvr>
                                        <p:cTn id="10" dur="78" decel="50000" autoRev="1" fill="hold">
                                          <p:stCondLst>
                                            <p:cond delay="227"/>
                                          </p:stCondLst>
                                        </p:cTn>
                                        <p:tgtEl>
                                          <p:spTgt spid="4"/>
                                        </p:tgtEl>
                                        <p:attrNameLst>
                                          <p:attrName>ppt_y</p:attrName>
                                        </p:attrNameLst>
                                      </p:cBhvr>
                                      <p:tavLst>
                                        <p:tav tm="0">
                                          <p:val>
                                            <p:strVal val="#ppt_y-(0.354*#ppt_w-0.172*#ppt_h)"/>
                                          </p:val>
                                        </p:tav>
                                        <p:tav tm="100000">
                                          <p:val>
                                            <p:strVal val="#ppt_y-(0.354*#ppt_w-0.172*#ppt_h)-#ppt_h/2"/>
                                          </p:val>
                                        </p:tav>
                                      </p:tavLst>
                                    </p:anim>
                                    <p:anim calcmode="lin" valueType="num">
                                      <p:cBhvr>
                                        <p:cTn id="11" dur="68" fill="hold">
                                          <p:stCondLst>
                                            <p:cond delay="432"/>
                                          </p:stCondLst>
                                        </p:cTn>
                                        <p:tgtEl>
                                          <p:spTgt spid="4"/>
                                        </p:tgtEl>
                                        <p:attrNameLst>
                                          <p:attrName>ppt_y</p:attrName>
                                        </p:attrNameLst>
                                      </p:cBhvr>
                                      <p:tavLst>
                                        <p:tav tm="0">
                                          <p:val>
                                            <p:strVal val="#ppt_y-(0.354*#ppt_w-0.172*#ppt_h)"/>
                                          </p:val>
                                        </p:tav>
                                        <p:tav tm="100000">
                                          <p:val>
                                            <p:strVal val="#ppt_y"/>
                                          </p:val>
                                        </p:tav>
                                      </p:tavLst>
                                    </p:anim>
                                  </p:childTnLst>
                                </p:cTn>
                              </p:par>
                              <p:par>
                                <p:cTn id="12" presetID="42" presetClass="entr" presetSubtype="0" fill="hold" nodeType="withEffect">
                                  <p:stCondLst>
                                    <p:cond delay="0"/>
                                  </p:stCondLst>
                                  <p:childTnLst>
                                    <p:set>
                                      <p:cBhvr>
                                        <p:cTn id="13" dur="1" fill="hold">
                                          <p:stCondLst>
                                            <p:cond delay="0"/>
                                          </p:stCondLst>
                                        </p:cTn>
                                        <p:tgtEl>
                                          <p:spTgt spid="6"/>
                                        </p:tgtEl>
                                        <p:attrNameLst>
                                          <p:attrName>style.visibility</p:attrName>
                                        </p:attrNameLst>
                                      </p:cBhvr>
                                      <p:to>
                                        <p:strVal val="visible"/>
                                      </p:to>
                                    </p:set>
                                    <p:animEffect transition="in" filter="fade">
                                      <p:cBhvr>
                                        <p:cTn id="14" dur="1000"/>
                                        <p:tgtEl>
                                          <p:spTgt spid="6"/>
                                        </p:tgtEl>
                                      </p:cBhvr>
                                    </p:animEffect>
                                    <p:anim calcmode="lin" valueType="num">
                                      <p:cBhvr>
                                        <p:cTn id="15" dur="1000" fill="hold"/>
                                        <p:tgtEl>
                                          <p:spTgt spid="6"/>
                                        </p:tgtEl>
                                        <p:attrNameLst>
                                          <p:attrName>ppt_x</p:attrName>
                                        </p:attrNameLst>
                                      </p:cBhvr>
                                      <p:tavLst>
                                        <p:tav tm="0">
                                          <p:val>
                                            <p:strVal val="#ppt_x"/>
                                          </p:val>
                                        </p:tav>
                                        <p:tav tm="100000">
                                          <p:val>
                                            <p:strVal val="#ppt_x"/>
                                          </p:val>
                                        </p:tav>
                                      </p:tavLst>
                                    </p:anim>
                                    <p:anim calcmode="lin" valueType="num">
                                      <p:cBhvr>
                                        <p:cTn id="16" dur="1000" fill="hold"/>
                                        <p:tgtEl>
                                          <p:spTgt spid="6"/>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Hình ảnh 1" descr="Ảnh có chứa ảnh chụp màn hình, hàng, màu đen, Hình chữ nhật&#10;&#10;Mô tả được tạo tự động">
            <a:extLst>
              <a:ext uri="{FF2B5EF4-FFF2-40B4-BE49-F238E27FC236}">
                <a16:creationId xmlns:a16="http://schemas.microsoft.com/office/drawing/2014/main" id="{FD2EE9F4-7DC0-726E-0A81-776932F753BD}"/>
              </a:ext>
            </a:extLst>
          </p:cNvPr>
          <p:cNvPicPr>
            <a:picLocks noChangeAspect="1"/>
          </p:cNvPicPr>
          <p:nvPr/>
        </p:nvPicPr>
        <p:blipFill>
          <a:blip r:embed="rId4"/>
          <a:stretch>
            <a:fillRect/>
          </a:stretch>
        </p:blipFill>
        <p:spPr>
          <a:xfrm>
            <a:off x="148293" y="635808"/>
            <a:ext cx="10344149" cy="5248313"/>
          </a:xfrm>
          <a:prstGeom prst="rect">
            <a:avLst/>
          </a:prstGeom>
        </p:spPr>
      </p:pic>
      <p:sp>
        <p:nvSpPr>
          <p:cNvPr id="3" name="Rectangle: Rounded Corners 123">
            <a:extLst>
              <a:ext uri="{FF2B5EF4-FFF2-40B4-BE49-F238E27FC236}">
                <a16:creationId xmlns:a16="http://schemas.microsoft.com/office/drawing/2014/main" id="{1D07A82D-41D4-15C8-8D0F-D765B1B6466E}"/>
              </a:ext>
            </a:extLst>
          </p:cNvPr>
          <p:cNvSpPr/>
          <p:nvPr/>
        </p:nvSpPr>
        <p:spPr>
          <a:xfrm>
            <a:off x="1498323" y="2407804"/>
            <a:ext cx="7988578" cy="2126096"/>
          </a:xfrm>
          <a:prstGeom prst="roundRect">
            <a:avLst/>
          </a:prstGeom>
          <a:solidFill>
            <a:schemeClr val="accent6">
              <a:lumMod val="20000"/>
              <a:lumOff val="80000"/>
            </a:schemeClr>
          </a:solidFill>
          <a:ln>
            <a:noFill/>
          </a:ln>
          <a:effectLst>
            <a:glow rad="63500">
              <a:schemeClr val="accent1">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4000">
                <a:solidFill>
                  <a:schemeClr val="accent4"/>
                </a:solidFill>
                <a:latin typeface="Times New Roman" panose="02020603050405020304" pitchFamily="18" charset="0"/>
                <a:cs typeface="Times New Roman" panose="02020603050405020304" pitchFamily="18" charset="0"/>
              </a:rPr>
              <a:t>Cáp xoắn có lõi làm bằng chất liệu đồng và sử dụng gì để </a:t>
            </a:r>
          </a:p>
          <a:p>
            <a:pPr algn="ctr"/>
            <a:r>
              <a:rPr lang="vi-VN" sz="4000">
                <a:solidFill>
                  <a:schemeClr val="accent4"/>
                </a:solidFill>
                <a:latin typeface="Times New Roman" panose="02020603050405020304" pitchFamily="18" charset="0"/>
                <a:cs typeface="Times New Roman" panose="02020603050405020304" pitchFamily="18" charset="0"/>
              </a:rPr>
              <a:t>truyền thông tin?</a:t>
            </a:r>
          </a:p>
        </p:txBody>
      </p:sp>
      <p:pic>
        <p:nvPicPr>
          <p:cNvPr id="9" name="Hình ảnh 8" descr="Ảnh có chứa biểu tượng, Đồ họa, hình mẫu, phim hoạt hình&#10;&#10;Mô tả được tạo tự động">
            <a:extLst>
              <a:ext uri="{FF2B5EF4-FFF2-40B4-BE49-F238E27FC236}">
                <a16:creationId xmlns:a16="http://schemas.microsoft.com/office/drawing/2014/main" id="{6C1B6352-6E29-27CD-0350-BC5841CB0980}"/>
              </a:ext>
            </a:extLst>
          </p:cNvPr>
          <p:cNvPicPr>
            <a:picLocks noChangeAspect="1"/>
          </p:cNvPicPr>
          <p:nvPr/>
        </p:nvPicPr>
        <p:blipFill>
          <a:blip r:embed="rId5"/>
          <a:stretch>
            <a:fillRect/>
          </a:stretch>
        </p:blipFill>
        <p:spPr>
          <a:xfrm>
            <a:off x="608165" y="1285875"/>
            <a:ext cx="1568696" cy="1590835"/>
          </a:xfrm>
          <a:prstGeom prst="rect">
            <a:avLst/>
          </a:prstGeom>
        </p:spPr>
      </p:pic>
      <p:pic>
        <p:nvPicPr>
          <p:cNvPr id="4" name="Hình ảnh 3" descr="Ảnh có chứa hình vẽ, minh họa, phim hoạt hình, Phim hoạt hình&#10;&#10;Mô tả được tạo tự động">
            <a:hlinkClick r:id="rId6" action="ppaction://hlinksldjump"/>
            <a:extLst>
              <a:ext uri="{FF2B5EF4-FFF2-40B4-BE49-F238E27FC236}">
                <a16:creationId xmlns:a16="http://schemas.microsoft.com/office/drawing/2014/main" id="{759D2D00-7E6A-672E-AB9C-AAAA1D799C3A}"/>
              </a:ext>
            </a:extLst>
          </p:cNvPr>
          <p:cNvPicPr>
            <a:picLocks noChangeAspect="1"/>
          </p:cNvPicPr>
          <p:nvPr/>
        </p:nvPicPr>
        <p:blipFill>
          <a:blip r:embed="rId7"/>
          <a:stretch>
            <a:fillRect/>
          </a:stretch>
        </p:blipFill>
        <p:spPr>
          <a:xfrm flipH="1">
            <a:off x="8718746" y="3233025"/>
            <a:ext cx="2000746" cy="3137309"/>
          </a:xfrm>
          <a:prstGeom prst="rect">
            <a:avLst/>
          </a:prstGeom>
        </p:spPr>
      </p:pic>
    </p:spTree>
    <p:custDataLst>
      <p:tags r:id="rId1"/>
    </p:custDataLst>
    <p:extLst>
      <p:ext uri="{BB962C8B-B14F-4D97-AF65-F5344CB8AC3E}">
        <p14:creationId xmlns:p14="http://schemas.microsoft.com/office/powerpoint/2010/main" val="1982885665"/>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48"/>
        <p:cNvGrpSpPr/>
        <p:nvPr/>
      </p:nvGrpSpPr>
      <p:grpSpPr>
        <a:xfrm>
          <a:off x="0" y="0"/>
          <a:ext cx="0" cy="0"/>
          <a:chOff x="0" y="0"/>
          <a:chExt cx="0" cy="0"/>
        </a:xfrm>
      </p:grpSpPr>
      <p:pic>
        <p:nvPicPr>
          <p:cNvPr id="4" name="Hình ảnh 3" descr="Ảnh có chứa Xanh điện, màu xanh lam, Thế giới, khối cầu&#10;&#10;Mô tả được tạo tự động">
            <a:extLst>
              <a:ext uri="{FF2B5EF4-FFF2-40B4-BE49-F238E27FC236}">
                <a16:creationId xmlns:a16="http://schemas.microsoft.com/office/drawing/2014/main" id="{A1FE9FC6-DA4D-33D0-1978-656C6DE0C54D}"/>
              </a:ext>
            </a:extLst>
          </p:cNvPr>
          <p:cNvPicPr>
            <a:picLocks noChangeAspect="1"/>
          </p:cNvPicPr>
          <p:nvPr/>
        </p:nvPicPr>
        <p:blipFill>
          <a:blip r:embed="rId4">
            <a:alphaModFix amt="35000"/>
            <a:extLst>
              <a:ext uri="{BEBA8EAE-BF5A-486C-A8C5-ECC9F3942E4B}">
                <a14:imgProps xmlns:a14="http://schemas.microsoft.com/office/drawing/2010/main">
                  <a14:imgLayer r:embed="rId5">
                    <a14:imgEffect>
                      <a14:colorTemperature colorTemp="4700"/>
                    </a14:imgEffect>
                  </a14:imgLayer>
                </a14:imgProps>
              </a:ext>
            </a:extLst>
          </a:blip>
          <a:stretch>
            <a:fillRect/>
          </a:stretch>
        </p:blipFill>
        <p:spPr>
          <a:xfrm>
            <a:off x="2224353" y="2132000"/>
            <a:ext cx="6152381" cy="3676190"/>
          </a:xfrm>
          <a:prstGeom prst="rect">
            <a:avLst/>
          </a:prstGeom>
        </p:spPr>
      </p:pic>
      <p:sp>
        <p:nvSpPr>
          <p:cNvPr id="149" name="Google Shape;149;p33"/>
          <p:cNvSpPr txBox="1">
            <a:spLocks noGrp="1"/>
          </p:cNvSpPr>
          <p:nvPr>
            <p:ph type="ctrTitle"/>
          </p:nvPr>
        </p:nvSpPr>
        <p:spPr>
          <a:xfrm>
            <a:off x="189647" y="1270957"/>
            <a:ext cx="10381448" cy="1152712"/>
          </a:xfrm>
          <a:prstGeom prst="rect">
            <a:avLst/>
          </a:prstGeom>
        </p:spPr>
        <p:txBody>
          <a:bodyPr spcFirstLastPara="1" wrap="square" lIns="91425" tIns="91425" rIns="91425" bIns="91425" anchor="b" anchorCtr="0">
            <a:noAutofit/>
          </a:bodyPr>
          <a:lstStyle/>
          <a:p>
            <a:r>
              <a:rPr lang="vi-VN">
                <a:solidFill>
                  <a:srgbClr val="0070C0"/>
                </a:solidFill>
              </a:rPr>
              <a:t>Chủ đề C. Tổ chức lưu trữ, tìm kiếm và trao đổi thông tin</a:t>
            </a:r>
            <a:endParaRPr dirty="0">
              <a:solidFill>
                <a:srgbClr val="0070C0"/>
              </a:solidFill>
            </a:endParaRPr>
          </a:p>
        </p:txBody>
      </p:sp>
      <p:sp>
        <p:nvSpPr>
          <p:cNvPr id="150" name="Google Shape;150;p33"/>
          <p:cNvSpPr txBox="1">
            <a:spLocks noGrp="1"/>
          </p:cNvSpPr>
          <p:nvPr>
            <p:ph type="subTitle" idx="1"/>
          </p:nvPr>
        </p:nvSpPr>
        <p:spPr>
          <a:xfrm>
            <a:off x="764946" y="3135939"/>
            <a:ext cx="9269846" cy="1679674"/>
          </a:xfrm>
          <a:prstGeom prst="rect">
            <a:avLst/>
          </a:prstGeom>
        </p:spPr>
        <p:txBody>
          <a:bodyPr spcFirstLastPara="1" wrap="square" lIns="91425" tIns="91425" rIns="91425" bIns="91425" anchor="t" anchorCtr="0">
            <a:noAutofit/>
          </a:bodyPr>
          <a:lstStyle/>
          <a:p>
            <a:pPr marL="0" indent="0">
              <a:buClr>
                <a:schemeClr val="dk1"/>
              </a:buClr>
              <a:buSzPts val="1100"/>
            </a:pPr>
            <a:r>
              <a:rPr lang="vi-VN" sz="6600" b="1">
                <a:solidFill>
                  <a:schemeClr val="accent6">
                    <a:lumMod val="50000"/>
                  </a:schemeClr>
                </a:solidFill>
              </a:rPr>
              <a:t>BÀI 1. THÔNG TIN TRÊN WEB</a:t>
            </a:r>
            <a:endParaRPr sz="6600" b="1" dirty="0">
              <a:solidFill>
                <a:schemeClr val="accent6">
                  <a:lumMod val="50000"/>
                </a:schemeClr>
              </a:solidFill>
            </a:endParaRPr>
          </a:p>
        </p:txBody>
      </p:sp>
      <p:sp>
        <p:nvSpPr>
          <p:cNvPr id="151" name="Google Shape;151;p33"/>
          <p:cNvSpPr/>
          <p:nvPr/>
        </p:nvSpPr>
        <p:spPr>
          <a:xfrm>
            <a:off x="10133707" y="3324337"/>
            <a:ext cx="313875" cy="324875"/>
          </a:xfrm>
          <a:custGeom>
            <a:avLst/>
            <a:gdLst/>
            <a:ahLst/>
            <a:cxnLst/>
            <a:rect l="l" t="t" r="r" b="b"/>
            <a:pathLst>
              <a:path w="12555" h="12995" extrusionOk="0">
                <a:moveTo>
                  <a:pt x="2742" y="11634"/>
                </a:moveTo>
                <a:cubicBezTo>
                  <a:pt x="2909" y="11321"/>
                  <a:pt x="3160" y="11467"/>
                  <a:pt x="3369" y="11509"/>
                </a:cubicBezTo>
                <a:cubicBezTo>
                  <a:pt x="3872" y="11676"/>
                  <a:pt x="4374" y="11739"/>
                  <a:pt x="4897" y="11593"/>
                </a:cubicBezTo>
                <a:cubicBezTo>
                  <a:pt x="5002" y="11572"/>
                  <a:pt x="5085" y="11509"/>
                  <a:pt x="5148" y="11467"/>
                </a:cubicBezTo>
                <a:cubicBezTo>
                  <a:pt x="4562" y="10253"/>
                  <a:pt x="3976" y="9061"/>
                  <a:pt x="3369" y="7826"/>
                </a:cubicBezTo>
                <a:lnTo>
                  <a:pt x="2784" y="7826"/>
                </a:lnTo>
                <a:cubicBezTo>
                  <a:pt x="2512" y="7826"/>
                  <a:pt x="2323" y="7701"/>
                  <a:pt x="2261" y="7429"/>
                </a:cubicBezTo>
                <a:cubicBezTo>
                  <a:pt x="2177" y="7178"/>
                  <a:pt x="2261" y="6968"/>
                  <a:pt x="2470" y="6801"/>
                </a:cubicBezTo>
                <a:cubicBezTo>
                  <a:pt x="2595" y="6696"/>
                  <a:pt x="2742" y="6613"/>
                  <a:pt x="2888" y="6508"/>
                </a:cubicBezTo>
                <a:cubicBezTo>
                  <a:pt x="2805" y="4918"/>
                  <a:pt x="2637" y="4395"/>
                  <a:pt x="1968" y="3328"/>
                </a:cubicBezTo>
                <a:cubicBezTo>
                  <a:pt x="1842" y="3411"/>
                  <a:pt x="1675" y="3453"/>
                  <a:pt x="1570" y="3558"/>
                </a:cubicBezTo>
                <a:cubicBezTo>
                  <a:pt x="1340" y="3788"/>
                  <a:pt x="1131" y="4081"/>
                  <a:pt x="900" y="4311"/>
                </a:cubicBezTo>
                <a:cubicBezTo>
                  <a:pt x="796" y="4416"/>
                  <a:pt x="587" y="4479"/>
                  <a:pt x="419" y="4499"/>
                </a:cubicBezTo>
                <a:cubicBezTo>
                  <a:pt x="315" y="4499"/>
                  <a:pt x="189" y="4395"/>
                  <a:pt x="1" y="4311"/>
                </a:cubicBezTo>
                <a:cubicBezTo>
                  <a:pt x="294" y="3935"/>
                  <a:pt x="545" y="3558"/>
                  <a:pt x="817" y="3223"/>
                </a:cubicBezTo>
                <a:cubicBezTo>
                  <a:pt x="1068" y="2909"/>
                  <a:pt x="1340" y="2595"/>
                  <a:pt x="1633" y="2282"/>
                </a:cubicBezTo>
                <a:cubicBezTo>
                  <a:pt x="1591" y="2051"/>
                  <a:pt x="1549" y="1779"/>
                  <a:pt x="1570" y="1486"/>
                </a:cubicBezTo>
                <a:cubicBezTo>
                  <a:pt x="1591" y="1340"/>
                  <a:pt x="1696" y="1173"/>
                  <a:pt x="1842" y="1068"/>
                </a:cubicBezTo>
                <a:cubicBezTo>
                  <a:pt x="2009" y="942"/>
                  <a:pt x="2219" y="1026"/>
                  <a:pt x="2386" y="1173"/>
                </a:cubicBezTo>
                <a:lnTo>
                  <a:pt x="2616" y="1486"/>
                </a:lnTo>
                <a:cubicBezTo>
                  <a:pt x="2721" y="1486"/>
                  <a:pt x="2805" y="1507"/>
                  <a:pt x="2846" y="1466"/>
                </a:cubicBezTo>
                <a:cubicBezTo>
                  <a:pt x="3453" y="942"/>
                  <a:pt x="4165" y="754"/>
                  <a:pt x="4918" y="649"/>
                </a:cubicBezTo>
                <a:cubicBezTo>
                  <a:pt x="5838" y="524"/>
                  <a:pt x="6759" y="336"/>
                  <a:pt x="7659" y="189"/>
                </a:cubicBezTo>
                <a:cubicBezTo>
                  <a:pt x="8538" y="1"/>
                  <a:pt x="9207" y="419"/>
                  <a:pt x="9835" y="922"/>
                </a:cubicBezTo>
                <a:cubicBezTo>
                  <a:pt x="10253" y="1256"/>
                  <a:pt x="10358" y="2282"/>
                  <a:pt x="10065" y="2742"/>
                </a:cubicBezTo>
                <a:cubicBezTo>
                  <a:pt x="9709" y="3286"/>
                  <a:pt x="9312" y="3809"/>
                  <a:pt x="8914" y="4332"/>
                </a:cubicBezTo>
                <a:cubicBezTo>
                  <a:pt x="8789" y="4499"/>
                  <a:pt x="8663" y="4646"/>
                  <a:pt x="8475" y="4897"/>
                </a:cubicBezTo>
                <a:cubicBezTo>
                  <a:pt x="8705" y="4939"/>
                  <a:pt x="8872" y="5002"/>
                  <a:pt x="9019" y="5023"/>
                </a:cubicBezTo>
                <a:cubicBezTo>
                  <a:pt x="9709" y="5127"/>
                  <a:pt x="10379" y="5211"/>
                  <a:pt x="11069" y="5357"/>
                </a:cubicBezTo>
                <a:cubicBezTo>
                  <a:pt x="12011" y="5587"/>
                  <a:pt x="12555" y="6466"/>
                  <a:pt x="12408" y="7408"/>
                </a:cubicBezTo>
                <a:cubicBezTo>
                  <a:pt x="12262" y="8287"/>
                  <a:pt x="11927" y="9124"/>
                  <a:pt x="11279" y="9793"/>
                </a:cubicBezTo>
                <a:cubicBezTo>
                  <a:pt x="10484" y="10567"/>
                  <a:pt x="9647" y="11279"/>
                  <a:pt x="8642" y="11718"/>
                </a:cubicBezTo>
                <a:cubicBezTo>
                  <a:pt x="8600" y="11739"/>
                  <a:pt x="8579" y="11739"/>
                  <a:pt x="8559" y="11760"/>
                </a:cubicBezTo>
                <a:cubicBezTo>
                  <a:pt x="7408" y="12471"/>
                  <a:pt x="6131" y="12681"/>
                  <a:pt x="4813" y="12869"/>
                </a:cubicBezTo>
                <a:cubicBezTo>
                  <a:pt x="3767" y="12994"/>
                  <a:pt x="3223" y="12681"/>
                  <a:pt x="2742" y="11634"/>
                </a:cubicBezTo>
                <a:close/>
                <a:moveTo>
                  <a:pt x="6759" y="11258"/>
                </a:moveTo>
                <a:cubicBezTo>
                  <a:pt x="7178" y="11049"/>
                  <a:pt x="7596" y="10839"/>
                  <a:pt x="8035" y="10651"/>
                </a:cubicBezTo>
                <a:cubicBezTo>
                  <a:pt x="8956" y="10274"/>
                  <a:pt x="9688" y="9647"/>
                  <a:pt x="10358" y="8998"/>
                </a:cubicBezTo>
                <a:cubicBezTo>
                  <a:pt x="10860" y="8538"/>
                  <a:pt x="11069" y="7931"/>
                  <a:pt x="11195" y="7261"/>
                </a:cubicBezTo>
                <a:cubicBezTo>
                  <a:pt x="11279" y="6927"/>
                  <a:pt x="11111" y="6675"/>
                  <a:pt x="10776" y="6529"/>
                </a:cubicBezTo>
                <a:cubicBezTo>
                  <a:pt x="10672" y="6508"/>
                  <a:pt x="10588" y="6466"/>
                  <a:pt x="10484" y="6466"/>
                </a:cubicBezTo>
                <a:cubicBezTo>
                  <a:pt x="9521" y="6278"/>
                  <a:pt x="8517" y="6090"/>
                  <a:pt x="7533" y="6383"/>
                </a:cubicBezTo>
                <a:cubicBezTo>
                  <a:pt x="7240" y="6466"/>
                  <a:pt x="6926" y="6508"/>
                  <a:pt x="6613" y="6529"/>
                </a:cubicBezTo>
                <a:cubicBezTo>
                  <a:pt x="5880" y="6613"/>
                  <a:pt x="5274" y="7010"/>
                  <a:pt x="4646" y="7345"/>
                </a:cubicBezTo>
                <a:cubicBezTo>
                  <a:pt x="5106" y="8831"/>
                  <a:pt x="5922" y="10379"/>
                  <a:pt x="6759" y="11258"/>
                </a:cubicBezTo>
                <a:close/>
                <a:moveTo>
                  <a:pt x="4144" y="6090"/>
                </a:moveTo>
                <a:cubicBezTo>
                  <a:pt x="4604" y="5859"/>
                  <a:pt x="4939" y="5650"/>
                  <a:pt x="5294" y="5525"/>
                </a:cubicBezTo>
                <a:cubicBezTo>
                  <a:pt x="6801" y="4939"/>
                  <a:pt x="7847" y="3872"/>
                  <a:pt x="8747" y="2595"/>
                </a:cubicBezTo>
                <a:cubicBezTo>
                  <a:pt x="9228" y="1863"/>
                  <a:pt x="9123" y="1507"/>
                  <a:pt x="8266" y="1277"/>
                </a:cubicBezTo>
                <a:cubicBezTo>
                  <a:pt x="8056" y="1235"/>
                  <a:pt x="7805" y="1256"/>
                  <a:pt x="7554" y="1277"/>
                </a:cubicBezTo>
                <a:cubicBezTo>
                  <a:pt x="6675" y="1424"/>
                  <a:pt x="5818" y="1633"/>
                  <a:pt x="4918" y="1738"/>
                </a:cubicBezTo>
                <a:cubicBezTo>
                  <a:pt x="4206" y="1800"/>
                  <a:pt x="3641" y="2114"/>
                  <a:pt x="3097" y="2700"/>
                </a:cubicBezTo>
                <a:cubicBezTo>
                  <a:pt x="3307" y="3223"/>
                  <a:pt x="3537" y="3746"/>
                  <a:pt x="3704" y="4290"/>
                </a:cubicBezTo>
                <a:cubicBezTo>
                  <a:pt x="3934" y="4834"/>
                  <a:pt x="3997" y="5420"/>
                  <a:pt x="4144" y="6090"/>
                </a:cubicBezTo>
                <a:close/>
              </a:path>
            </a:pathLst>
          </a:custGeom>
          <a:solidFill>
            <a:schemeClr val="dk1"/>
          </a:solidFill>
          <a:ln>
            <a:noFill/>
          </a:ln>
        </p:spPr>
        <p:txBody>
          <a:bodyPr spcFirstLastPara="1" wrap="square" lIns="91425" tIns="91425" rIns="91425" bIns="91425" anchor="ctr" anchorCtr="0">
            <a:noAutofit/>
          </a:bodyPr>
          <a:lstStyle/>
          <a:p>
            <a:endParaRPr dirty="0"/>
          </a:p>
        </p:txBody>
      </p:sp>
      <p:sp>
        <p:nvSpPr>
          <p:cNvPr id="152" name="Google Shape;152;p33"/>
          <p:cNvSpPr/>
          <p:nvPr/>
        </p:nvSpPr>
        <p:spPr>
          <a:xfrm>
            <a:off x="299949" y="4634489"/>
            <a:ext cx="283550" cy="431575"/>
          </a:xfrm>
          <a:custGeom>
            <a:avLst/>
            <a:gdLst/>
            <a:ahLst/>
            <a:cxnLst/>
            <a:rect l="l" t="t" r="r" b="b"/>
            <a:pathLst>
              <a:path w="11342" h="17263" extrusionOk="0">
                <a:moveTo>
                  <a:pt x="7826" y="9709"/>
                </a:moveTo>
                <a:cubicBezTo>
                  <a:pt x="7324" y="10316"/>
                  <a:pt x="6738" y="10420"/>
                  <a:pt x="6110" y="10399"/>
                </a:cubicBezTo>
                <a:cubicBezTo>
                  <a:pt x="5797" y="10399"/>
                  <a:pt x="5483" y="10504"/>
                  <a:pt x="5169" y="10630"/>
                </a:cubicBezTo>
                <a:cubicBezTo>
                  <a:pt x="4750" y="10776"/>
                  <a:pt x="4353" y="10985"/>
                  <a:pt x="3976" y="11195"/>
                </a:cubicBezTo>
                <a:cubicBezTo>
                  <a:pt x="3411" y="11487"/>
                  <a:pt x="2867" y="11739"/>
                  <a:pt x="2261" y="11822"/>
                </a:cubicBezTo>
                <a:cubicBezTo>
                  <a:pt x="2030" y="11843"/>
                  <a:pt x="1821" y="12011"/>
                  <a:pt x="1549" y="12136"/>
                </a:cubicBezTo>
                <a:cubicBezTo>
                  <a:pt x="1486" y="12868"/>
                  <a:pt x="1403" y="13580"/>
                  <a:pt x="1382" y="14312"/>
                </a:cubicBezTo>
                <a:cubicBezTo>
                  <a:pt x="1361" y="14919"/>
                  <a:pt x="1361" y="15547"/>
                  <a:pt x="1319" y="16153"/>
                </a:cubicBezTo>
                <a:cubicBezTo>
                  <a:pt x="1319" y="16384"/>
                  <a:pt x="1298" y="16635"/>
                  <a:pt x="1193" y="16844"/>
                </a:cubicBezTo>
                <a:cubicBezTo>
                  <a:pt x="1131" y="17011"/>
                  <a:pt x="942" y="17158"/>
                  <a:pt x="775" y="17221"/>
                </a:cubicBezTo>
                <a:cubicBezTo>
                  <a:pt x="566" y="17262"/>
                  <a:pt x="377" y="17116"/>
                  <a:pt x="336" y="16907"/>
                </a:cubicBezTo>
                <a:cubicBezTo>
                  <a:pt x="252" y="16551"/>
                  <a:pt x="168" y="16195"/>
                  <a:pt x="147" y="15840"/>
                </a:cubicBezTo>
                <a:cubicBezTo>
                  <a:pt x="1" y="13454"/>
                  <a:pt x="231" y="11132"/>
                  <a:pt x="629" y="8788"/>
                </a:cubicBezTo>
                <a:cubicBezTo>
                  <a:pt x="942" y="7073"/>
                  <a:pt x="1382" y="5399"/>
                  <a:pt x="1737" y="3662"/>
                </a:cubicBezTo>
                <a:cubicBezTo>
                  <a:pt x="1905" y="2888"/>
                  <a:pt x="2302" y="2156"/>
                  <a:pt x="2365" y="1319"/>
                </a:cubicBezTo>
                <a:cubicBezTo>
                  <a:pt x="2407" y="1026"/>
                  <a:pt x="2616" y="712"/>
                  <a:pt x="2825" y="461"/>
                </a:cubicBezTo>
                <a:cubicBezTo>
                  <a:pt x="3160" y="42"/>
                  <a:pt x="3830" y="0"/>
                  <a:pt x="4227" y="419"/>
                </a:cubicBezTo>
                <a:cubicBezTo>
                  <a:pt x="4395" y="607"/>
                  <a:pt x="4520" y="816"/>
                  <a:pt x="4646" y="1005"/>
                </a:cubicBezTo>
                <a:cubicBezTo>
                  <a:pt x="6215" y="3432"/>
                  <a:pt x="7701" y="5901"/>
                  <a:pt x="8935" y="8516"/>
                </a:cubicBezTo>
                <a:cubicBezTo>
                  <a:pt x="9312" y="9290"/>
                  <a:pt x="9772" y="10002"/>
                  <a:pt x="10170" y="10755"/>
                </a:cubicBezTo>
                <a:cubicBezTo>
                  <a:pt x="10504" y="11404"/>
                  <a:pt x="10818" y="12073"/>
                  <a:pt x="11132" y="12722"/>
                </a:cubicBezTo>
                <a:cubicBezTo>
                  <a:pt x="11216" y="12848"/>
                  <a:pt x="11258" y="13036"/>
                  <a:pt x="11300" y="13182"/>
                </a:cubicBezTo>
                <a:cubicBezTo>
                  <a:pt x="11341" y="13705"/>
                  <a:pt x="10797" y="14103"/>
                  <a:pt x="10295" y="13894"/>
                </a:cubicBezTo>
                <a:cubicBezTo>
                  <a:pt x="9940" y="13747"/>
                  <a:pt x="9668" y="13496"/>
                  <a:pt x="9563" y="13140"/>
                </a:cubicBezTo>
                <a:cubicBezTo>
                  <a:pt x="9228" y="11906"/>
                  <a:pt x="8370" y="10964"/>
                  <a:pt x="7826" y="9709"/>
                </a:cubicBezTo>
                <a:close/>
                <a:moveTo>
                  <a:pt x="3600" y="2386"/>
                </a:moveTo>
                <a:cubicBezTo>
                  <a:pt x="2637" y="4813"/>
                  <a:pt x="2323" y="7156"/>
                  <a:pt x="1821" y="9416"/>
                </a:cubicBezTo>
                <a:cubicBezTo>
                  <a:pt x="1779" y="9709"/>
                  <a:pt x="1821" y="10044"/>
                  <a:pt x="1821" y="10420"/>
                </a:cubicBezTo>
                <a:cubicBezTo>
                  <a:pt x="2114" y="10399"/>
                  <a:pt x="2344" y="10399"/>
                  <a:pt x="2553" y="10316"/>
                </a:cubicBezTo>
                <a:cubicBezTo>
                  <a:pt x="2930" y="10148"/>
                  <a:pt x="3286" y="9981"/>
                  <a:pt x="3662" y="9772"/>
                </a:cubicBezTo>
                <a:cubicBezTo>
                  <a:pt x="4709" y="9165"/>
                  <a:pt x="5776" y="8746"/>
                  <a:pt x="7010" y="8935"/>
                </a:cubicBezTo>
                <a:cubicBezTo>
                  <a:pt x="7094" y="8935"/>
                  <a:pt x="7136" y="8872"/>
                  <a:pt x="7324" y="8830"/>
                </a:cubicBezTo>
                <a:cubicBezTo>
                  <a:pt x="6320" y="6633"/>
                  <a:pt x="5169" y="4541"/>
                  <a:pt x="3600" y="238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153" name="Google Shape;153;p33"/>
          <p:cNvSpPr/>
          <p:nvPr/>
        </p:nvSpPr>
        <p:spPr>
          <a:xfrm>
            <a:off x="10228768" y="5246412"/>
            <a:ext cx="297150" cy="326950"/>
          </a:xfrm>
          <a:custGeom>
            <a:avLst/>
            <a:gdLst/>
            <a:ahLst/>
            <a:cxnLst/>
            <a:rect l="l" t="t" r="r" b="b"/>
            <a:pathLst>
              <a:path w="11886" h="13078" extrusionOk="0">
                <a:moveTo>
                  <a:pt x="11195" y="8181"/>
                </a:moveTo>
                <a:cubicBezTo>
                  <a:pt x="11864" y="8997"/>
                  <a:pt x="11885" y="9102"/>
                  <a:pt x="11509" y="9772"/>
                </a:cubicBezTo>
                <a:cubicBezTo>
                  <a:pt x="11027" y="10650"/>
                  <a:pt x="10483" y="11425"/>
                  <a:pt x="9521" y="11843"/>
                </a:cubicBezTo>
                <a:cubicBezTo>
                  <a:pt x="8956" y="12073"/>
                  <a:pt x="8496" y="12450"/>
                  <a:pt x="7952" y="12680"/>
                </a:cubicBezTo>
                <a:cubicBezTo>
                  <a:pt x="7052" y="13057"/>
                  <a:pt x="6131" y="13078"/>
                  <a:pt x="5190" y="12806"/>
                </a:cubicBezTo>
                <a:cubicBezTo>
                  <a:pt x="4813" y="12701"/>
                  <a:pt x="4353" y="12638"/>
                  <a:pt x="3934" y="12596"/>
                </a:cubicBezTo>
                <a:cubicBezTo>
                  <a:pt x="3349" y="12575"/>
                  <a:pt x="2888" y="12345"/>
                  <a:pt x="2512" y="11906"/>
                </a:cubicBezTo>
                <a:cubicBezTo>
                  <a:pt x="2030" y="11404"/>
                  <a:pt x="1570" y="10922"/>
                  <a:pt x="1068" y="10462"/>
                </a:cubicBezTo>
                <a:cubicBezTo>
                  <a:pt x="419" y="9834"/>
                  <a:pt x="147" y="9039"/>
                  <a:pt x="105" y="8181"/>
                </a:cubicBezTo>
                <a:cubicBezTo>
                  <a:pt x="43" y="7428"/>
                  <a:pt x="1" y="6633"/>
                  <a:pt x="126" y="5880"/>
                </a:cubicBezTo>
                <a:cubicBezTo>
                  <a:pt x="377" y="4185"/>
                  <a:pt x="984" y="2616"/>
                  <a:pt x="2240" y="1360"/>
                </a:cubicBezTo>
                <a:cubicBezTo>
                  <a:pt x="2574" y="1026"/>
                  <a:pt x="2993" y="858"/>
                  <a:pt x="3411" y="649"/>
                </a:cubicBezTo>
                <a:cubicBezTo>
                  <a:pt x="4750" y="0"/>
                  <a:pt x="6131" y="42"/>
                  <a:pt x="7533" y="210"/>
                </a:cubicBezTo>
                <a:cubicBezTo>
                  <a:pt x="8203" y="293"/>
                  <a:pt x="8642" y="1067"/>
                  <a:pt x="8391" y="1716"/>
                </a:cubicBezTo>
                <a:cubicBezTo>
                  <a:pt x="8370" y="1821"/>
                  <a:pt x="8203" y="1883"/>
                  <a:pt x="8077" y="1967"/>
                </a:cubicBezTo>
                <a:cubicBezTo>
                  <a:pt x="7805" y="1716"/>
                  <a:pt x="7575" y="1486"/>
                  <a:pt x="7324" y="1256"/>
                </a:cubicBezTo>
                <a:cubicBezTo>
                  <a:pt x="6299" y="1256"/>
                  <a:pt x="5336" y="1298"/>
                  <a:pt x="4332" y="1695"/>
                </a:cubicBezTo>
                <a:cubicBezTo>
                  <a:pt x="3244" y="2135"/>
                  <a:pt x="2658" y="2951"/>
                  <a:pt x="2219" y="3913"/>
                </a:cubicBezTo>
                <a:cubicBezTo>
                  <a:pt x="1612" y="5231"/>
                  <a:pt x="1528" y="6612"/>
                  <a:pt x="1675" y="8035"/>
                </a:cubicBezTo>
                <a:cubicBezTo>
                  <a:pt x="1696" y="8391"/>
                  <a:pt x="1821" y="8809"/>
                  <a:pt x="2051" y="9081"/>
                </a:cubicBezTo>
                <a:cubicBezTo>
                  <a:pt x="2553" y="9646"/>
                  <a:pt x="3097" y="10169"/>
                  <a:pt x="3683" y="10692"/>
                </a:cubicBezTo>
                <a:cubicBezTo>
                  <a:pt x="3809" y="10818"/>
                  <a:pt x="4039" y="10860"/>
                  <a:pt x="4248" y="10902"/>
                </a:cubicBezTo>
                <a:cubicBezTo>
                  <a:pt x="4667" y="11006"/>
                  <a:pt x="5085" y="11006"/>
                  <a:pt x="5483" y="11174"/>
                </a:cubicBezTo>
                <a:cubicBezTo>
                  <a:pt x="6403" y="11508"/>
                  <a:pt x="7240" y="11278"/>
                  <a:pt x="8056" y="10818"/>
                </a:cubicBezTo>
                <a:cubicBezTo>
                  <a:pt x="9123" y="10232"/>
                  <a:pt x="10149" y="9521"/>
                  <a:pt x="10818" y="8453"/>
                </a:cubicBezTo>
                <a:cubicBezTo>
                  <a:pt x="10902" y="8412"/>
                  <a:pt x="11027" y="8349"/>
                  <a:pt x="11195" y="8181"/>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nvGrpSpPr>
          <p:cNvPr id="165" name="Google Shape;165;p33"/>
          <p:cNvGrpSpPr/>
          <p:nvPr/>
        </p:nvGrpSpPr>
        <p:grpSpPr>
          <a:xfrm>
            <a:off x="1986853" y="5501662"/>
            <a:ext cx="956750" cy="553975"/>
            <a:chOff x="-1199475" y="2658325"/>
            <a:chExt cx="956750" cy="553975"/>
          </a:xfrm>
        </p:grpSpPr>
        <p:sp>
          <p:nvSpPr>
            <p:cNvPr id="166" name="Google Shape;166;p33"/>
            <p:cNvSpPr/>
            <p:nvPr/>
          </p:nvSpPr>
          <p:spPr>
            <a:xfrm>
              <a:off x="-1137750" y="2679225"/>
              <a:ext cx="873050" cy="389225"/>
            </a:xfrm>
            <a:custGeom>
              <a:avLst/>
              <a:gdLst/>
              <a:ahLst/>
              <a:cxnLst/>
              <a:rect l="l" t="t" r="r" b="b"/>
              <a:pathLst>
                <a:path w="34922" h="15569" extrusionOk="0">
                  <a:moveTo>
                    <a:pt x="20631" y="1"/>
                  </a:moveTo>
                  <a:cubicBezTo>
                    <a:pt x="21426" y="587"/>
                    <a:pt x="22158" y="1068"/>
                    <a:pt x="22472" y="1989"/>
                  </a:cubicBezTo>
                  <a:cubicBezTo>
                    <a:pt x="22556" y="2261"/>
                    <a:pt x="22723" y="2428"/>
                    <a:pt x="22912" y="2637"/>
                  </a:cubicBezTo>
                  <a:cubicBezTo>
                    <a:pt x="23456" y="3202"/>
                    <a:pt x="24021" y="3725"/>
                    <a:pt x="24460" y="4374"/>
                  </a:cubicBezTo>
                  <a:cubicBezTo>
                    <a:pt x="24586" y="4583"/>
                    <a:pt x="24816" y="4772"/>
                    <a:pt x="25025" y="4918"/>
                  </a:cubicBezTo>
                  <a:cubicBezTo>
                    <a:pt x="25694" y="5357"/>
                    <a:pt x="26343" y="5776"/>
                    <a:pt x="26992" y="6194"/>
                  </a:cubicBezTo>
                  <a:cubicBezTo>
                    <a:pt x="28205" y="6969"/>
                    <a:pt x="29314" y="7805"/>
                    <a:pt x="30340" y="8768"/>
                  </a:cubicBezTo>
                  <a:cubicBezTo>
                    <a:pt x="30946" y="9312"/>
                    <a:pt x="31595" y="9751"/>
                    <a:pt x="32223" y="10254"/>
                  </a:cubicBezTo>
                  <a:cubicBezTo>
                    <a:pt x="32516" y="10484"/>
                    <a:pt x="32767" y="10735"/>
                    <a:pt x="33039" y="10965"/>
                  </a:cubicBezTo>
                  <a:cubicBezTo>
                    <a:pt x="33122" y="11049"/>
                    <a:pt x="33185" y="11174"/>
                    <a:pt x="33290" y="11216"/>
                  </a:cubicBezTo>
                  <a:cubicBezTo>
                    <a:pt x="34022" y="11530"/>
                    <a:pt x="34294" y="12241"/>
                    <a:pt x="34713" y="12827"/>
                  </a:cubicBezTo>
                  <a:cubicBezTo>
                    <a:pt x="34922" y="13078"/>
                    <a:pt x="34901" y="13371"/>
                    <a:pt x="34733" y="13664"/>
                  </a:cubicBezTo>
                  <a:cubicBezTo>
                    <a:pt x="34608" y="13894"/>
                    <a:pt x="34441" y="14145"/>
                    <a:pt x="34273" y="14438"/>
                  </a:cubicBezTo>
                  <a:cubicBezTo>
                    <a:pt x="34210" y="14292"/>
                    <a:pt x="34169" y="14187"/>
                    <a:pt x="34127" y="14083"/>
                  </a:cubicBezTo>
                  <a:cubicBezTo>
                    <a:pt x="34106" y="13831"/>
                    <a:pt x="33980" y="13685"/>
                    <a:pt x="33771" y="13601"/>
                  </a:cubicBezTo>
                  <a:cubicBezTo>
                    <a:pt x="33373" y="13392"/>
                    <a:pt x="32976" y="13183"/>
                    <a:pt x="32557" y="12995"/>
                  </a:cubicBezTo>
                  <a:cubicBezTo>
                    <a:pt x="32411" y="12932"/>
                    <a:pt x="32223" y="12890"/>
                    <a:pt x="32034" y="12869"/>
                  </a:cubicBezTo>
                  <a:cubicBezTo>
                    <a:pt x="31344" y="12785"/>
                    <a:pt x="30612" y="12639"/>
                    <a:pt x="29900" y="12869"/>
                  </a:cubicBezTo>
                  <a:cubicBezTo>
                    <a:pt x="29210" y="12743"/>
                    <a:pt x="28540" y="12953"/>
                    <a:pt x="27829" y="12953"/>
                  </a:cubicBezTo>
                  <a:cubicBezTo>
                    <a:pt x="27264" y="12953"/>
                    <a:pt x="26699" y="13057"/>
                    <a:pt x="26134" y="13141"/>
                  </a:cubicBezTo>
                  <a:cubicBezTo>
                    <a:pt x="25548" y="13204"/>
                    <a:pt x="25004" y="13350"/>
                    <a:pt x="24460" y="13413"/>
                  </a:cubicBezTo>
                  <a:cubicBezTo>
                    <a:pt x="23749" y="13497"/>
                    <a:pt x="23037" y="13685"/>
                    <a:pt x="22347" y="13831"/>
                  </a:cubicBezTo>
                  <a:cubicBezTo>
                    <a:pt x="21217" y="14124"/>
                    <a:pt x="20066" y="14334"/>
                    <a:pt x="18915" y="14606"/>
                  </a:cubicBezTo>
                  <a:cubicBezTo>
                    <a:pt x="18497" y="14668"/>
                    <a:pt x="18099" y="14773"/>
                    <a:pt x="17702" y="14920"/>
                  </a:cubicBezTo>
                  <a:cubicBezTo>
                    <a:pt x="17116" y="15129"/>
                    <a:pt x="16509" y="15275"/>
                    <a:pt x="15881" y="15296"/>
                  </a:cubicBezTo>
                  <a:cubicBezTo>
                    <a:pt x="15358" y="15338"/>
                    <a:pt x="14814" y="15401"/>
                    <a:pt x="14291" y="15484"/>
                  </a:cubicBezTo>
                  <a:cubicBezTo>
                    <a:pt x="13810" y="15568"/>
                    <a:pt x="13266" y="15464"/>
                    <a:pt x="12764" y="15380"/>
                  </a:cubicBezTo>
                  <a:cubicBezTo>
                    <a:pt x="12638" y="15359"/>
                    <a:pt x="12513" y="15233"/>
                    <a:pt x="12408" y="15129"/>
                  </a:cubicBezTo>
                  <a:cubicBezTo>
                    <a:pt x="11508" y="14229"/>
                    <a:pt x="10650" y="13287"/>
                    <a:pt x="9897" y="12304"/>
                  </a:cubicBezTo>
                  <a:cubicBezTo>
                    <a:pt x="9583" y="11907"/>
                    <a:pt x="9207" y="11530"/>
                    <a:pt x="8851" y="11195"/>
                  </a:cubicBezTo>
                  <a:cubicBezTo>
                    <a:pt x="7972" y="10421"/>
                    <a:pt x="7198" y="9542"/>
                    <a:pt x="6466" y="8601"/>
                  </a:cubicBezTo>
                  <a:cubicBezTo>
                    <a:pt x="6131" y="8161"/>
                    <a:pt x="5712" y="7743"/>
                    <a:pt x="5315" y="7345"/>
                  </a:cubicBezTo>
                  <a:cubicBezTo>
                    <a:pt x="4290" y="6341"/>
                    <a:pt x="3160" y="5420"/>
                    <a:pt x="2218" y="4311"/>
                  </a:cubicBezTo>
                  <a:cubicBezTo>
                    <a:pt x="1883" y="3935"/>
                    <a:pt x="1381" y="3642"/>
                    <a:pt x="942" y="3328"/>
                  </a:cubicBezTo>
                  <a:cubicBezTo>
                    <a:pt x="649" y="3119"/>
                    <a:pt x="335" y="2930"/>
                    <a:pt x="0" y="2721"/>
                  </a:cubicBezTo>
                  <a:cubicBezTo>
                    <a:pt x="21" y="2575"/>
                    <a:pt x="84" y="2428"/>
                    <a:pt x="105" y="2324"/>
                  </a:cubicBezTo>
                  <a:cubicBezTo>
                    <a:pt x="210" y="2282"/>
                    <a:pt x="272" y="2261"/>
                    <a:pt x="314" y="2261"/>
                  </a:cubicBezTo>
                  <a:cubicBezTo>
                    <a:pt x="963" y="2365"/>
                    <a:pt x="1632" y="2282"/>
                    <a:pt x="2281" y="2156"/>
                  </a:cubicBezTo>
                  <a:cubicBezTo>
                    <a:pt x="2804" y="2052"/>
                    <a:pt x="3348" y="1989"/>
                    <a:pt x="3871" y="1863"/>
                  </a:cubicBezTo>
                  <a:cubicBezTo>
                    <a:pt x="5043" y="1570"/>
                    <a:pt x="6236" y="1466"/>
                    <a:pt x="7428" y="1424"/>
                  </a:cubicBezTo>
                  <a:cubicBezTo>
                    <a:pt x="9918" y="1277"/>
                    <a:pt x="12408" y="1131"/>
                    <a:pt x="14877" y="963"/>
                  </a:cubicBezTo>
                  <a:cubicBezTo>
                    <a:pt x="15379" y="943"/>
                    <a:pt x="15902" y="922"/>
                    <a:pt x="16425" y="943"/>
                  </a:cubicBezTo>
                  <a:cubicBezTo>
                    <a:pt x="17137" y="963"/>
                    <a:pt x="17806" y="922"/>
                    <a:pt x="18497" y="817"/>
                  </a:cubicBezTo>
                  <a:cubicBezTo>
                    <a:pt x="18832" y="754"/>
                    <a:pt x="19208" y="817"/>
                    <a:pt x="19564" y="838"/>
                  </a:cubicBezTo>
                  <a:cubicBezTo>
                    <a:pt x="19982" y="901"/>
                    <a:pt x="20275" y="796"/>
                    <a:pt x="20401" y="336"/>
                  </a:cubicBezTo>
                  <a:cubicBezTo>
                    <a:pt x="20464" y="273"/>
                    <a:pt x="20505" y="189"/>
                    <a:pt x="20631" y="1"/>
                  </a:cubicBezTo>
                  <a:close/>
                  <a:moveTo>
                    <a:pt x="7240" y="4500"/>
                  </a:moveTo>
                  <a:cubicBezTo>
                    <a:pt x="7303" y="4604"/>
                    <a:pt x="7303" y="4688"/>
                    <a:pt x="7324" y="4709"/>
                  </a:cubicBezTo>
                  <a:cubicBezTo>
                    <a:pt x="7616" y="4813"/>
                    <a:pt x="7721" y="5002"/>
                    <a:pt x="7763" y="5295"/>
                  </a:cubicBezTo>
                  <a:cubicBezTo>
                    <a:pt x="7847" y="5713"/>
                    <a:pt x="8056" y="6048"/>
                    <a:pt x="8286" y="6404"/>
                  </a:cubicBezTo>
                  <a:cubicBezTo>
                    <a:pt x="8600" y="6906"/>
                    <a:pt x="9060" y="7324"/>
                    <a:pt x="9416" y="7764"/>
                  </a:cubicBezTo>
                  <a:cubicBezTo>
                    <a:pt x="9834" y="8287"/>
                    <a:pt x="10378" y="8329"/>
                    <a:pt x="10964" y="8161"/>
                  </a:cubicBezTo>
                  <a:cubicBezTo>
                    <a:pt x="11299" y="8057"/>
                    <a:pt x="11613" y="7910"/>
                    <a:pt x="11927" y="7722"/>
                  </a:cubicBezTo>
                  <a:cubicBezTo>
                    <a:pt x="12345" y="7492"/>
                    <a:pt x="12785" y="7220"/>
                    <a:pt x="13266" y="7241"/>
                  </a:cubicBezTo>
                  <a:cubicBezTo>
                    <a:pt x="13789" y="7282"/>
                    <a:pt x="14249" y="7115"/>
                    <a:pt x="14751" y="6989"/>
                  </a:cubicBezTo>
                  <a:cubicBezTo>
                    <a:pt x="15379" y="6822"/>
                    <a:pt x="16007" y="6571"/>
                    <a:pt x="16697" y="6697"/>
                  </a:cubicBezTo>
                  <a:cubicBezTo>
                    <a:pt x="16802" y="6717"/>
                    <a:pt x="16927" y="6697"/>
                    <a:pt x="17053" y="6655"/>
                  </a:cubicBezTo>
                  <a:cubicBezTo>
                    <a:pt x="17660" y="6466"/>
                    <a:pt x="18288" y="6362"/>
                    <a:pt x="18915" y="6299"/>
                  </a:cubicBezTo>
                  <a:cubicBezTo>
                    <a:pt x="19124" y="6278"/>
                    <a:pt x="19334" y="6278"/>
                    <a:pt x="19543" y="6215"/>
                  </a:cubicBezTo>
                  <a:cubicBezTo>
                    <a:pt x="19773" y="6173"/>
                    <a:pt x="20003" y="6153"/>
                    <a:pt x="20254" y="6069"/>
                  </a:cubicBezTo>
                  <a:cubicBezTo>
                    <a:pt x="20694" y="5881"/>
                    <a:pt x="20798" y="5525"/>
                    <a:pt x="20589" y="5127"/>
                  </a:cubicBezTo>
                  <a:cubicBezTo>
                    <a:pt x="20526" y="5023"/>
                    <a:pt x="20422" y="4939"/>
                    <a:pt x="20380" y="4834"/>
                  </a:cubicBezTo>
                  <a:cubicBezTo>
                    <a:pt x="20275" y="4625"/>
                    <a:pt x="20108" y="4416"/>
                    <a:pt x="20066" y="4207"/>
                  </a:cubicBezTo>
                  <a:cubicBezTo>
                    <a:pt x="19878" y="3391"/>
                    <a:pt x="19271" y="3035"/>
                    <a:pt x="18518" y="2930"/>
                  </a:cubicBezTo>
                  <a:cubicBezTo>
                    <a:pt x="17702" y="2805"/>
                    <a:pt x="16865" y="2637"/>
                    <a:pt x="16028" y="2909"/>
                  </a:cubicBezTo>
                  <a:cubicBezTo>
                    <a:pt x="15965" y="2930"/>
                    <a:pt x="15860" y="2909"/>
                    <a:pt x="15777" y="2909"/>
                  </a:cubicBezTo>
                  <a:cubicBezTo>
                    <a:pt x="15254" y="2909"/>
                    <a:pt x="14772" y="3056"/>
                    <a:pt x="14312" y="3265"/>
                  </a:cubicBezTo>
                  <a:cubicBezTo>
                    <a:pt x="13977" y="3432"/>
                    <a:pt x="13580" y="3558"/>
                    <a:pt x="13203" y="3642"/>
                  </a:cubicBezTo>
                  <a:cubicBezTo>
                    <a:pt x="12429" y="3809"/>
                    <a:pt x="11613" y="3893"/>
                    <a:pt x="10839" y="4081"/>
                  </a:cubicBezTo>
                  <a:cubicBezTo>
                    <a:pt x="9939" y="4311"/>
                    <a:pt x="9081" y="4416"/>
                    <a:pt x="8161" y="4311"/>
                  </a:cubicBezTo>
                  <a:cubicBezTo>
                    <a:pt x="7868" y="4311"/>
                    <a:pt x="7554" y="4290"/>
                    <a:pt x="7240" y="4500"/>
                  </a:cubicBezTo>
                  <a:close/>
                  <a:moveTo>
                    <a:pt x="31867" y="11781"/>
                  </a:moveTo>
                  <a:cubicBezTo>
                    <a:pt x="31532" y="11404"/>
                    <a:pt x="31197" y="11091"/>
                    <a:pt x="30779" y="10881"/>
                  </a:cubicBezTo>
                  <a:cubicBezTo>
                    <a:pt x="30319" y="10651"/>
                    <a:pt x="29921" y="10337"/>
                    <a:pt x="29544" y="10002"/>
                  </a:cubicBezTo>
                  <a:cubicBezTo>
                    <a:pt x="28979" y="9479"/>
                    <a:pt x="28435" y="8914"/>
                    <a:pt x="27745" y="8538"/>
                  </a:cubicBezTo>
                  <a:cubicBezTo>
                    <a:pt x="27536" y="8391"/>
                    <a:pt x="27389" y="8224"/>
                    <a:pt x="27222" y="8057"/>
                  </a:cubicBezTo>
                  <a:lnTo>
                    <a:pt x="25255" y="6090"/>
                  </a:lnTo>
                  <a:cubicBezTo>
                    <a:pt x="25130" y="5964"/>
                    <a:pt x="25004" y="5839"/>
                    <a:pt x="24899" y="5713"/>
                  </a:cubicBezTo>
                  <a:cubicBezTo>
                    <a:pt x="24125" y="4562"/>
                    <a:pt x="22995" y="3725"/>
                    <a:pt x="22117" y="2637"/>
                  </a:cubicBezTo>
                  <a:cubicBezTo>
                    <a:pt x="21970" y="2470"/>
                    <a:pt x="21803" y="2282"/>
                    <a:pt x="21552" y="2324"/>
                  </a:cubicBezTo>
                  <a:cubicBezTo>
                    <a:pt x="21384" y="2512"/>
                    <a:pt x="21447" y="2700"/>
                    <a:pt x="21552" y="2826"/>
                  </a:cubicBezTo>
                  <a:cubicBezTo>
                    <a:pt x="21886" y="3307"/>
                    <a:pt x="22179" y="3788"/>
                    <a:pt x="22598" y="4165"/>
                  </a:cubicBezTo>
                  <a:cubicBezTo>
                    <a:pt x="23205" y="4709"/>
                    <a:pt x="23686" y="5337"/>
                    <a:pt x="24209" y="5964"/>
                  </a:cubicBezTo>
                  <a:cubicBezTo>
                    <a:pt x="24397" y="6173"/>
                    <a:pt x="24565" y="6383"/>
                    <a:pt x="24732" y="6571"/>
                  </a:cubicBezTo>
                  <a:lnTo>
                    <a:pt x="26783" y="8601"/>
                  </a:lnTo>
                  <a:cubicBezTo>
                    <a:pt x="26929" y="8768"/>
                    <a:pt x="27075" y="8914"/>
                    <a:pt x="27243" y="9019"/>
                  </a:cubicBezTo>
                  <a:cubicBezTo>
                    <a:pt x="28059" y="9500"/>
                    <a:pt x="28707" y="10149"/>
                    <a:pt x="29419" y="10756"/>
                  </a:cubicBezTo>
                  <a:cubicBezTo>
                    <a:pt x="30109" y="11321"/>
                    <a:pt x="30904" y="11614"/>
                    <a:pt x="31720" y="11886"/>
                  </a:cubicBezTo>
                  <a:cubicBezTo>
                    <a:pt x="31720" y="11844"/>
                    <a:pt x="31762" y="11823"/>
                    <a:pt x="31867" y="11781"/>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167" name="Google Shape;167;p33"/>
            <p:cNvSpPr/>
            <p:nvPr/>
          </p:nvSpPr>
          <p:spPr>
            <a:xfrm>
              <a:off x="-1173850" y="2814725"/>
              <a:ext cx="870975" cy="335325"/>
            </a:xfrm>
            <a:custGeom>
              <a:avLst/>
              <a:gdLst/>
              <a:ahLst/>
              <a:cxnLst/>
              <a:rect l="l" t="t" r="r" b="b"/>
              <a:pathLst>
                <a:path w="34839" h="13413" extrusionOk="0">
                  <a:moveTo>
                    <a:pt x="13601" y="11236"/>
                  </a:moveTo>
                  <a:cubicBezTo>
                    <a:pt x="13643" y="11090"/>
                    <a:pt x="13664" y="10901"/>
                    <a:pt x="13706" y="10713"/>
                  </a:cubicBezTo>
                  <a:cubicBezTo>
                    <a:pt x="14019" y="10755"/>
                    <a:pt x="14312" y="10776"/>
                    <a:pt x="14626" y="10818"/>
                  </a:cubicBezTo>
                  <a:cubicBezTo>
                    <a:pt x="15233" y="10901"/>
                    <a:pt x="15798" y="10964"/>
                    <a:pt x="16405" y="10776"/>
                  </a:cubicBezTo>
                  <a:cubicBezTo>
                    <a:pt x="16698" y="10671"/>
                    <a:pt x="17011" y="10692"/>
                    <a:pt x="17283" y="10692"/>
                  </a:cubicBezTo>
                  <a:cubicBezTo>
                    <a:pt x="18016" y="10671"/>
                    <a:pt x="18727" y="10525"/>
                    <a:pt x="19418" y="10274"/>
                  </a:cubicBezTo>
                  <a:cubicBezTo>
                    <a:pt x="19836" y="10106"/>
                    <a:pt x="20276" y="10064"/>
                    <a:pt x="20715" y="9960"/>
                  </a:cubicBezTo>
                  <a:cubicBezTo>
                    <a:pt x="20799" y="9939"/>
                    <a:pt x="20903" y="9939"/>
                    <a:pt x="20987" y="9918"/>
                  </a:cubicBezTo>
                  <a:cubicBezTo>
                    <a:pt x="22180" y="9646"/>
                    <a:pt x="23393" y="9353"/>
                    <a:pt x="24586" y="9102"/>
                  </a:cubicBezTo>
                  <a:cubicBezTo>
                    <a:pt x="24774" y="9039"/>
                    <a:pt x="24921" y="8997"/>
                    <a:pt x="25109" y="8956"/>
                  </a:cubicBezTo>
                  <a:cubicBezTo>
                    <a:pt x="26322" y="8788"/>
                    <a:pt x="27536" y="8579"/>
                    <a:pt x="28771" y="8391"/>
                  </a:cubicBezTo>
                  <a:cubicBezTo>
                    <a:pt x="28980" y="8370"/>
                    <a:pt x="29189" y="8349"/>
                    <a:pt x="29398" y="8370"/>
                  </a:cubicBezTo>
                  <a:cubicBezTo>
                    <a:pt x="29733" y="8391"/>
                    <a:pt x="30047" y="8286"/>
                    <a:pt x="30361" y="8307"/>
                  </a:cubicBezTo>
                  <a:cubicBezTo>
                    <a:pt x="31867" y="8370"/>
                    <a:pt x="33353" y="8014"/>
                    <a:pt x="34838" y="8474"/>
                  </a:cubicBezTo>
                  <a:cubicBezTo>
                    <a:pt x="34817" y="8684"/>
                    <a:pt x="34797" y="8893"/>
                    <a:pt x="34797" y="9039"/>
                  </a:cubicBezTo>
                  <a:cubicBezTo>
                    <a:pt x="34713" y="9102"/>
                    <a:pt x="34713" y="9123"/>
                    <a:pt x="34692" y="9123"/>
                  </a:cubicBezTo>
                  <a:cubicBezTo>
                    <a:pt x="33248" y="9290"/>
                    <a:pt x="31846" y="9458"/>
                    <a:pt x="30403" y="9562"/>
                  </a:cubicBezTo>
                  <a:cubicBezTo>
                    <a:pt x="28331" y="9730"/>
                    <a:pt x="26260" y="9981"/>
                    <a:pt x="24251" y="10378"/>
                  </a:cubicBezTo>
                  <a:cubicBezTo>
                    <a:pt x="22368" y="10734"/>
                    <a:pt x="20464" y="10964"/>
                    <a:pt x="18560" y="11132"/>
                  </a:cubicBezTo>
                  <a:cubicBezTo>
                    <a:pt x="17576" y="11215"/>
                    <a:pt x="16635" y="11320"/>
                    <a:pt x="15672" y="11404"/>
                  </a:cubicBezTo>
                  <a:cubicBezTo>
                    <a:pt x="15589" y="11404"/>
                    <a:pt x="15526" y="11487"/>
                    <a:pt x="15442" y="11508"/>
                  </a:cubicBezTo>
                  <a:cubicBezTo>
                    <a:pt x="15798" y="11843"/>
                    <a:pt x="16216" y="12031"/>
                    <a:pt x="16802" y="11989"/>
                  </a:cubicBezTo>
                  <a:cubicBezTo>
                    <a:pt x="17304" y="11969"/>
                    <a:pt x="17827" y="11885"/>
                    <a:pt x="18309" y="11864"/>
                  </a:cubicBezTo>
                  <a:cubicBezTo>
                    <a:pt x="18309" y="12094"/>
                    <a:pt x="18141" y="12073"/>
                    <a:pt x="18037" y="12094"/>
                  </a:cubicBezTo>
                  <a:cubicBezTo>
                    <a:pt x="16844" y="12303"/>
                    <a:pt x="15672" y="12513"/>
                    <a:pt x="14438" y="12722"/>
                  </a:cubicBezTo>
                  <a:cubicBezTo>
                    <a:pt x="14145" y="12513"/>
                    <a:pt x="13852" y="12303"/>
                    <a:pt x="13538" y="12073"/>
                  </a:cubicBezTo>
                  <a:cubicBezTo>
                    <a:pt x="13454" y="12031"/>
                    <a:pt x="13350" y="11969"/>
                    <a:pt x="13329" y="11927"/>
                  </a:cubicBezTo>
                  <a:cubicBezTo>
                    <a:pt x="13120" y="11299"/>
                    <a:pt x="12659" y="11445"/>
                    <a:pt x="12178" y="11571"/>
                  </a:cubicBezTo>
                  <a:cubicBezTo>
                    <a:pt x="10546" y="10044"/>
                    <a:pt x="8893" y="8516"/>
                    <a:pt x="7261" y="6968"/>
                  </a:cubicBezTo>
                  <a:lnTo>
                    <a:pt x="7115" y="6842"/>
                  </a:lnTo>
                  <a:cubicBezTo>
                    <a:pt x="6027" y="6110"/>
                    <a:pt x="5127" y="5126"/>
                    <a:pt x="4143" y="4227"/>
                  </a:cubicBezTo>
                  <a:cubicBezTo>
                    <a:pt x="3620" y="3766"/>
                    <a:pt x="3034" y="3285"/>
                    <a:pt x="2490" y="2825"/>
                  </a:cubicBezTo>
                  <a:cubicBezTo>
                    <a:pt x="2239" y="2574"/>
                    <a:pt x="1967" y="2532"/>
                    <a:pt x="1612" y="2678"/>
                  </a:cubicBezTo>
                  <a:cubicBezTo>
                    <a:pt x="1842" y="2888"/>
                    <a:pt x="2051" y="3076"/>
                    <a:pt x="2239" y="3285"/>
                  </a:cubicBezTo>
                  <a:cubicBezTo>
                    <a:pt x="2449" y="3494"/>
                    <a:pt x="2616" y="3725"/>
                    <a:pt x="2825" y="3934"/>
                  </a:cubicBezTo>
                  <a:cubicBezTo>
                    <a:pt x="3348" y="4436"/>
                    <a:pt x="3871" y="4938"/>
                    <a:pt x="4374" y="5461"/>
                  </a:cubicBezTo>
                  <a:cubicBezTo>
                    <a:pt x="4980" y="6068"/>
                    <a:pt x="5587" y="6633"/>
                    <a:pt x="6257" y="7135"/>
                  </a:cubicBezTo>
                  <a:cubicBezTo>
                    <a:pt x="6571" y="7365"/>
                    <a:pt x="6843" y="7658"/>
                    <a:pt x="7115" y="7909"/>
                  </a:cubicBezTo>
                  <a:cubicBezTo>
                    <a:pt x="8349" y="9060"/>
                    <a:pt x="9605" y="10190"/>
                    <a:pt x="10839" y="11341"/>
                  </a:cubicBezTo>
                  <a:cubicBezTo>
                    <a:pt x="11090" y="11571"/>
                    <a:pt x="11362" y="11843"/>
                    <a:pt x="11592" y="12094"/>
                  </a:cubicBezTo>
                  <a:cubicBezTo>
                    <a:pt x="11822" y="12387"/>
                    <a:pt x="12073" y="12617"/>
                    <a:pt x="12492" y="12659"/>
                  </a:cubicBezTo>
                  <a:cubicBezTo>
                    <a:pt x="12722" y="12680"/>
                    <a:pt x="12931" y="12785"/>
                    <a:pt x="13141" y="12868"/>
                  </a:cubicBezTo>
                  <a:cubicBezTo>
                    <a:pt x="13162" y="13182"/>
                    <a:pt x="12952" y="13245"/>
                    <a:pt x="12743" y="13412"/>
                  </a:cubicBezTo>
                  <a:cubicBezTo>
                    <a:pt x="12241" y="13182"/>
                    <a:pt x="11781" y="12889"/>
                    <a:pt x="11362" y="12492"/>
                  </a:cubicBezTo>
                  <a:cubicBezTo>
                    <a:pt x="10860" y="11989"/>
                    <a:pt x="10316" y="11613"/>
                    <a:pt x="9688" y="11299"/>
                  </a:cubicBezTo>
                  <a:cubicBezTo>
                    <a:pt x="9458" y="11152"/>
                    <a:pt x="9207" y="11006"/>
                    <a:pt x="8998" y="10839"/>
                  </a:cubicBezTo>
                  <a:cubicBezTo>
                    <a:pt x="7596" y="9730"/>
                    <a:pt x="6215" y="8600"/>
                    <a:pt x="4813" y="7428"/>
                  </a:cubicBezTo>
                  <a:cubicBezTo>
                    <a:pt x="4081" y="6800"/>
                    <a:pt x="3390" y="6131"/>
                    <a:pt x="2679" y="5482"/>
                  </a:cubicBezTo>
                  <a:cubicBezTo>
                    <a:pt x="2386" y="5231"/>
                    <a:pt x="2093" y="4959"/>
                    <a:pt x="1779" y="4729"/>
                  </a:cubicBezTo>
                  <a:cubicBezTo>
                    <a:pt x="1151" y="4248"/>
                    <a:pt x="586" y="3725"/>
                    <a:pt x="63" y="3097"/>
                  </a:cubicBezTo>
                  <a:cubicBezTo>
                    <a:pt x="1" y="2720"/>
                    <a:pt x="1" y="2344"/>
                    <a:pt x="293" y="2009"/>
                  </a:cubicBezTo>
                  <a:cubicBezTo>
                    <a:pt x="733" y="1507"/>
                    <a:pt x="817" y="963"/>
                    <a:pt x="691" y="335"/>
                  </a:cubicBezTo>
                  <a:cubicBezTo>
                    <a:pt x="670" y="251"/>
                    <a:pt x="712" y="168"/>
                    <a:pt x="733" y="0"/>
                  </a:cubicBezTo>
                  <a:cubicBezTo>
                    <a:pt x="1361" y="879"/>
                    <a:pt x="2281" y="1297"/>
                    <a:pt x="3034" y="1946"/>
                  </a:cubicBezTo>
                  <a:cubicBezTo>
                    <a:pt x="3725" y="2532"/>
                    <a:pt x="4457" y="3076"/>
                    <a:pt x="5169" y="3620"/>
                  </a:cubicBezTo>
                  <a:cubicBezTo>
                    <a:pt x="5315" y="3766"/>
                    <a:pt x="5503" y="3892"/>
                    <a:pt x="5650" y="4018"/>
                  </a:cubicBezTo>
                  <a:cubicBezTo>
                    <a:pt x="7303" y="5503"/>
                    <a:pt x="8956" y="7010"/>
                    <a:pt x="10567" y="8516"/>
                  </a:cubicBezTo>
                  <a:cubicBezTo>
                    <a:pt x="11048" y="8935"/>
                    <a:pt x="11446" y="9437"/>
                    <a:pt x="11885" y="9897"/>
                  </a:cubicBezTo>
                  <a:cubicBezTo>
                    <a:pt x="12283" y="10316"/>
                    <a:pt x="12638" y="10776"/>
                    <a:pt x="13015" y="11194"/>
                  </a:cubicBezTo>
                  <a:cubicBezTo>
                    <a:pt x="13182" y="11383"/>
                    <a:pt x="13371" y="11383"/>
                    <a:pt x="13601" y="11236"/>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68" name="Google Shape;168;p33"/>
            <p:cNvSpPr/>
            <p:nvPr/>
          </p:nvSpPr>
          <p:spPr>
            <a:xfrm>
              <a:off x="-831225" y="3061100"/>
              <a:ext cx="516325" cy="128175"/>
            </a:xfrm>
            <a:custGeom>
              <a:avLst/>
              <a:gdLst/>
              <a:ahLst/>
              <a:cxnLst/>
              <a:rect l="l" t="t" r="r" b="b"/>
              <a:pathLst>
                <a:path w="20653" h="5127" extrusionOk="0">
                  <a:moveTo>
                    <a:pt x="879" y="4310"/>
                  </a:moveTo>
                  <a:cubicBezTo>
                    <a:pt x="1256" y="4896"/>
                    <a:pt x="1884" y="4708"/>
                    <a:pt x="2449" y="4938"/>
                  </a:cubicBezTo>
                  <a:cubicBezTo>
                    <a:pt x="2239" y="5022"/>
                    <a:pt x="2093" y="5127"/>
                    <a:pt x="1946" y="5127"/>
                  </a:cubicBezTo>
                  <a:cubicBezTo>
                    <a:pt x="1528" y="5106"/>
                    <a:pt x="1109" y="5043"/>
                    <a:pt x="691" y="5001"/>
                  </a:cubicBezTo>
                  <a:cubicBezTo>
                    <a:pt x="482" y="4708"/>
                    <a:pt x="252" y="4415"/>
                    <a:pt x="1" y="4080"/>
                  </a:cubicBezTo>
                  <a:cubicBezTo>
                    <a:pt x="84" y="3913"/>
                    <a:pt x="168" y="3746"/>
                    <a:pt x="273" y="3536"/>
                  </a:cubicBezTo>
                  <a:cubicBezTo>
                    <a:pt x="1402" y="3348"/>
                    <a:pt x="2511" y="3160"/>
                    <a:pt x="3641" y="3013"/>
                  </a:cubicBezTo>
                  <a:cubicBezTo>
                    <a:pt x="3767" y="2971"/>
                    <a:pt x="3871" y="3013"/>
                    <a:pt x="4018" y="2971"/>
                  </a:cubicBezTo>
                  <a:cubicBezTo>
                    <a:pt x="6006" y="2448"/>
                    <a:pt x="8056" y="2448"/>
                    <a:pt x="10023" y="1904"/>
                  </a:cubicBezTo>
                  <a:cubicBezTo>
                    <a:pt x="11048" y="1611"/>
                    <a:pt x="12115" y="1611"/>
                    <a:pt x="13141" y="1507"/>
                  </a:cubicBezTo>
                  <a:cubicBezTo>
                    <a:pt x="14187" y="1381"/>
                    <a:pt x="15233" y="1277"/>
                    <a:pt x="16279" y="1151"/>
                  </a:cubicBezTo>
                  <a:cubicBezTo>
                    <a:pt x="16781" y="1088"/>
                    <a:pt x="17263" y="984"/>
                    <a:pt x="17786" y="1067"/>
                  </a:cubicBezTo>
                  <a:cubicBezTo>
                    <a:pt x="18037" y="1088"/>
                    <a:pt x="18267" y="1025"/>
                    <a:pt x="18497" y="984"/>
                  </a:cubicBezTo>
                  <a:cubicBezTo>
                    <a:pt x="18915" y="942"/>
                    <a:pt x="19313" y="858"/>
                    <a:pt x="19857" y="774"/>
                  </a:cubicBezTo>
                  <a:cubicBezTo>
                    <a:pt x="19606" y="565"/>
                    <a:pt x="19459" y="440"/>
                    <a:pt x="19313" y="335"/>
                  </a:cubicBezTo>
                  <a:cubicBezTo>
                    <a:pt x="19334" y="314"/>
                    <a:pt x="19334" y="230"/>
                    <a:pt x="19397" y="230"/>
                  </a:cubicBezTo>
                  <a:cubicBezTo>
                    <a:pt x="19773" y="126"/>
                    <a:pt x="20192" y="0"/>
                    <a:pt x="20652" y="230"/>
                  </a:cubicBezTo>
                  <a:cubicBezTo>
                    <a:pt x="20610" y="565"/>
                    <a:pt x="20589" y="942"/>
                    <a:pt x="20506" y="1277"/>
                  </a:cubicBezTo>
                  <a:cubicBezTo>
                    <a:pt x="20464" y="1590"/>
                    <a:pt x="20296" y="1758"/>
                    <a:pt x="20024" y="1674"/>
                  </a:cubicBezTo>
                  <a:cubicBezTo>
                    <a:pt x="19418" y="1549"/>
                    <a:pt x="18832" y="1779"/>
                    <a:pt x="18246" y="1821"/>
                  </a:cubicBezTo>
                  <a:cubicBezTo>
                    <a:pt x="17681" y="1862"/>
                    <a:pt x="17158" y="1967"/>
                    <a:pt x="16614" y="1883"/>
                  </a:cubicBezTo>
                  <a:cubicBezTo>
                    <a:pt x="16363" y="1862"/>
                    <a:pt x="16091" y="1925"/>
                    <a:pt x="15798" y="1988"/>
                  </a:cubicBezTo>
                  <a:cubicBezTo>
                    <a:pt x="13915" y="2386"/>
                    <a:pt x="12032" y="2804"/>
                    <a:pt x="10128" y="3034"/>
                  </a:cubicBezTo>
                  <a:cubicBezTo>
                    <a:pt x="9709" y="3076"/>
                    <a:pt x="9312" y="3222"/>
                    <a:pt x="8893" y="3264"/>
                  </a:cubicBezTo>
                  <a:cubicBezTo>
                    <a:pt x="7512" y="3453"/>
                    <a:pt x="6089" y="3641"/>
                    <a:pt x="4729" y="3955"/>
                  </a:cubicBezTo>
                  <a:cubicBezTo>
                    <a:pt x="4248" y="4059"/>
                    <a:pt x="3725" y="4101"/>
                    <a:pt x="3223" y="4122"/>
                  </a:cubicBezTo>
                  <a:cubicBezTo>
                    <a:pt x="2825" y="4164"/>
                    <a:pt x="2449" y="4122"/>
                    <a:pt x="2051" y="4101"/>
                  </a:cubicBezTo>
                  <a:cubicBezTo>
                    <a:pt x="1716" y="4080"/>
                    <a:pt x="1319" y="4038"/>
                    <a:pt x="879" y="4310"/>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69" name="Google Shape;169;p33"/>
            <p:cNvSpPr/>
            <p:nvPr/>
          </p:nvSpPr>
          <p:spPr>
            <a:xfrm>
              <a:off x="-1156575" y="2763450"/>
              <a:ext cx="254225" cy="244825"/>
            </a:xfrm>
            <a:custGeom>
              <a:avLst/>
              <a:gdLst/>
              <a:ahLst/>
              <a:cxnLst/>
              <a:rect l="l" t="t" r="r" b="b"/>
              <a:pathLst>
                <a:path w="10169" h="9793" extrusionOk="0">
                  <a:moveTo>
                    <a:pt x="126" y="1256"/>
                  </a:moveTo>
                  <a:cubicBezTo>
                    <a:pt x="126" y="984"/>
                    <a:pt x="126" y="733"/>
                    <a:pt x="105" y="503"/>
                  </a:cubicBezTo>
                  <a:cubicBezTo>
                    <a:pt x="84" y="315"/>
                    <a:pt x="0" y="105"/>
                    <a:pt x="209" y="43"/>
                  </a:cubicBezTo>
                  <a:cubicBezTo>
                    <a:pt x="335" y="1"/>
                    <a:pt x="544" y="105"/>
                    <a:pt x="670" y="189"/>
                  </a:cubicBezTo>
                  <a:cubicBezTo>
                    <a:pt x="1507" y="712"/>
                    <a:pt x="2302" y="1319"/>
                    <a:pt x="2888" y="2135"/>
                  </a:cubicBezTo>
                  <a:cubicBezTo>
                    <a:pt x="3285" y="2658"/>
                    <a:pt x="3808" y="3076"/>
                    <a:pt x="4310" y="3516"/>
                  </a:cubicBezTo>
                  <a:cubicBezTo>
                    <a:pt x="5440" y="4499"/>
                    <a:pt x="6445" y="5608"/>
                    <a:pt x="7386" y="6780"/>
                  </a:cubicBezTo>
                  <a:cubicBezTo>
                    <a:pt x="7909" y="7429"/>
                    <a:pt x="8579" y="7952"/>
                    <a:pt x="9165" y="8558"/>
                  </a:cubicBezTo>
                  <a:cubicBezTo>
                    <a:pt x="9520" y="8893"/>
                    <a:pt x="9834" y="9249"/>
                    <a:pt x="10169" y="9605"/>
                  </a:cubicBezTo>
                  <a:cubicBezTo>
                    <a:pt x="9939" y="9793"/>
                    <a:pt x="9855" y="9605"/>
                    <a:pt x="9771" y="9521"/>
                  </a:cubicBezTo>
                  <a:cubicBezTo>
                    <a:pt x="8369" y="8245"/>
                    <a:pt x="6947" y="6905"/>
                    <a:pt x="5503" y="5629"/>
                  </a:cubicBezTo>
                  <a:cubicBezTo>
                    <a:pt x="5043" y="5211"/>
                    <a:pt x="4520" y="4855"/>
                    <a:pt x="4017" y="4457"/>
                  </a:cubicBezTo>
                  <a:cubicBezTo>
                    <a:pt x="3097" y="3767"/>
                    <a:pt x="2239" y="3035"/>
                    <a:pt x="1276" y="2407"/>
                  </a:cubicBezTo>
                  <a:cubicBezTo>
                    <a:pt x="837" y="2156"/>
                    <a:pt x="502" y="1654"/>
                    <a:pt x="126" y="1256"/>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70" name="Google Shape;170;p33"/>
            <p:cNvSpPr/>
            <p:nvPr/>
          </p:nvSpPr>
          <p:spPr>
            <a:xfrm>
              <a:off x="-1171750" y="2927700"/>
              <a:ext cx="148050" cy="129750"/>
            </a:xfrm>
            <a:custGeom>
              <a:avLst/>
              <a:gdLst/>
              <a:ahLst/>
              <a:cxnLst/>
              <a:rect l="l" t="t" r="r" b="b"/>
              <a:pathLst>
                <a:path w="5922" h="5190" extrusionOk="0">
                  <a:moveTo>
                    <a:pt x="5838" y="5190"/>
                  </a:moveTo>
                  <a:cubicBezTo>
                    <a:pt x="5524" y="4939"/>
                    <a:pt x="5210" y="4709"/>
                    <a:pt x="4896" y="4499"/>
                  </a:cubicBezTo>
                  <a:cubicBezTo>
                    <a:pt x="4311" y="4144"/>
                    <a:pt x="3787" y="3683"/>
                    <a:pt x="3327" y="3160"/>
                  </a:cubicBezTo>
                  <a:cubicBezTo>
                    <a:pt x="2741" y="2553"/>
                    <a:pt x="2093" y="2030"/>
                    <a:pt x="1528" y="1444"/>
                  </a:cubicBezTo>
                  <a:cubicBezTo>
                    <a:pt x="1130" y="1026"/>
                    <a:pt x="712" y="649"/>
                    <a:pt x="189" y="398"/>
                  </a:cubicBezTo>
                  <a:cubicBezTo>
                    <a:pt x="63" y="315"/>
                    <a:pt x="0" y="168"/>
                    <a:pt x="209" y="1"/>
                  </a:cubicBezTo>
                  <a:cubicBezTo>
                    <a:pt x="921" y="607"/>
                    <a:pt x="1632" y="1172"/>
                    <a:pt x="2302" y="1800"/>
                  </a:cubicBezTo>
                  <a:cubicBezTo>
                    <a:pt x="3306" y="2658"/>
                    <a:pt x="4290" y="3558"/>
                    <a:pt x="5294" y="4416"/>
                  </a:cubicBezTo>
                  <a:cubicBezTo>
                    <a:pt x="5482" y="4604"/>
                    <a:pt x="5712" y="4750"/>
                    <a:pt x="5880" y="4960"/>
                  </a:cubicBezTo>
                  <a:cubicBezTo>
                    <a:pt x="5922" y="4981"/>
                    <a:pt x="5838" y="5106"/>
                    <a:pt x="5838" y="5190"/>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71" name="Google Shape;171;p33"/>
            <p:cNvSpPr/>
            <p:nvPr/>
          </p:nvSpPr>
          <p:spPr>
            <a:xfrm>
              <a:off x="-572300" y="3140075"/>
              <a:ext cx="156950" cy="27225"/>
            </a:xfrm>
            <a:custGeom>
              <a:avLst/>
              <a:gdLst/>
              <a:ahLst/>
              <a:cxnLst/>
              <a:rect l="l" t="t" r="r" b="b"/>
              <a:pathLst>
                <a:path w="6278" h="1089" extrusionOk="0">
                  <a:moveTo>
                    <a:pt x="1" y="900"/>
                  </a:moveTo>
                  <a:cubicBezTo>
                    <a:pt x="2093" y="377"/>
                    <a:pt x="4165" y="147"/>
                    <a:pt x="6278" y="1"/>
                  </a:cubicBezTo>
                  <a:cubicBezTo>
                    <a:pt x="6006" y="210"/>
                    <a:pt x="5420" y="461"/>
                    <a:pt x="5085" y="419"/>
                  </a:cubicBezTo>
                  <a:cubicBezTo>
                    <a:pt x="4583" y="398"/>
                    <a:pt x="4144" y="461"/>
                    <a:pt x="3662" y="587"/>
                  </a:cubicBezTo>
                  <a:cubicBezTo>
                    <a:pt x="3453" y="628"/>
                    <a:pt x="3244" y="628"/>
                    <a:pt x="3035" y="628"/>
                  </a:cubicBezTo>
                  <a:cubicBezTo>
                    <a:pt x="2344" y="628"/>
                    <a:pt x="1675" y="775"/>
                    <a:pt x="1005" y="921"/>
                  </a:cubicBezTo>
                  <a:cubicBezTo>
                    <a:pt x="691" y="1005"/>
                    <a:pt x="377" y="1089"/>
                    <a:pt x="1" y="900"/>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72" name="Google Shape;172;p33"/>
            <p:cNvSpPr/>
            <p:nvPr/>
          </p:nvSpPr>
          <p:spPr>
            <a:xfrm>
              <a:off x="-1012725" y="3059000"/>
              <a:ext cx="52850" cy="46575"/>
            </a:xfrm>
            <a:custGeom>
              <a:avLst/>
              <a:gdLst/>
              <a:ahLst/>
              <a:cxnLst/>
              <a:rect l="l" t="t" r="r" b="b"/>
              <a:pathLst>
                <a:path w="2114" h="1863" extrusionOk="0">
                  <a:moveTo>
                    <a:pt x="0" y="1"/>
                  </a:moveTo>
                  <a:cubicBezTo>
                    <a:pt x="732" y="586"/>
                    <a:pt x="1486" y="1130"/>
                    <a:pt x="2113" y="1863"/>
                  </a:cubicBezTo>
                  <a:cubicBezTo>
                    <a:pt x="1988" y="1821"/>
                    <a:pt x="1862" y="1779"/>
                    <a:pt x="1758" y="1737"/>
                  </a:cubicBezTo>
                  <a:cubicBezTo>
                    <a:pt x="1151" y="1340"/>
                    <a:pt x="565" y="921"/>
                    <a:pt x="126" y="314"/>
                  </a:cubicBezTo>
                  <a:cubicBezTo>
                    <a:pt x="84" y="252"/>
                    <a:pt x="42" y="105"/>
                    <a:pt x="21" y="1"/>
                  </a:cubicBezTo>
                  <a:close/>
                </a:path>
              </a:pathLst>
            </a:custGeom>
            <a:solidFill>
              <a:srgbClr val="E6E6E1"/>
            </a:solidFill>
            <a:ln>
              <a:noFill/>
            </a:ln>
          </p:spPr>
          <p:txBody>
            <a:bodyPr spcFirstLastPara="1" wrap="square" lIns="91425" tIns="91425" rIns="91425" bIns="91425" anchor="ctr" anchorCtr="0">
              <a:noAutofit/>
            </a:bodyPr>
            <a:lstStyle/>
            <a:p>
              <a:endParaRPr/>
            </a:p>
          </p:txBody>
        </p:sp>
        <p:sp>
          <p:nvSpPr>
            <p:cNvPr id="173" name="Google Shape;173;p33"/>
            <p:cNvSpPr/>
            <p:nvPr/>
          </p:nvSpPr>
          <p:spPr>
            <a:xfrm>
              <a:off x="-1025825" y="3053775"/>
              <a:ext cx="13625" cy="5250"/>
            </a:xfrm>
            <a:custGeom>
              <a:avLst/>
              <a:gdLst/>
              <a:ahLst/>
              <a:cxnLst/>
              <a:rect l="l" t="t" r="r" b="b"/>
              <a:pathLst>
                <a:path w="545" h="210" extrusionOk="0">
                  <a:moveTo>
                    <a:pt x="1" y="147"/>
                  </a:moveTo>
                  <a:cubicBezTo>
                    <a:pt x="210" y="0"/>
                    <a:pt x="357" y="84"/>
                    <a:pt x="524" y="210"/>
                  </a:cubicBezTo>
                  <a:lnTo>
                    <a:pt x="545" y="189"/>
                  </a:lnTo>
                  <a:cubicBezTo>
                    <a:pt x="357" y="168"/>
                    <a:pt x="168" y="147"/>
                    <a:pt x="1" y="147"/>
                  </a:cubicBezTo>
                  <a:close/>
                </a:path>
              </a:pathLst>
            </a:custGeom>
            <a:solidFill>
              <a:srgbClr val="E6E6E1"/>
            </a:solidFill>
            <a:ln>
              <a:noFill/>
            </a:ln>
          </p:spPr>
          <p:txBody>
            <a:bodyPr spcFirstLastPara="1" wrap="square" lIns="91425" tIns="91425" rIns="91425" bIns="91425" anchor="ctr" anchorCtr="0">
              <a:noAutofit/>
            </a:bodyPr>
            <a:lstStyle/>
            <a:p>
              <a:endParaRPr/>
            </a:p>
          </p:txBody>
        </p:sp>
        <p:sp>
          <p:nvSpPr>
            <p:cNvPr id="174" name="Google Shape;174;p33"/>
            <p:cNvSpPr/>
            <p:nvPr/>
          </p:nvSpPr>
          <p:spPr>
            <a:xfrm>
              <a:off x="-922775" y="2765025"/>
              <a:ext cx="278850" cy="100450"/>
            </a:xfrm>
            <a:custGeom>
              <a:avLst/>
              <a:gdLst/>
              <a:ahLst/>
              <a:cxnLst/>
              <a:rect l="l" t="t" r="r" b="b"/>
              <a:pathLst>
                <a:path w="11154" h="4018" extrusionOk="0">
                  <a:moveTo>
                    <a:pt x="1" y="1653"/>
                  </a:moveTo>
                  <a:cubicBezTo>
                    <a:pt x="838" y="1800"/>
                    <a:pt x="1528" y="1612"/>
                    <a:pt x="2198" y="1486"/>
                  </a:cubicBezTo>
                  <a:cubicBezTo>
                    <a:pt x="3056" y="1319"/>
                    <a:pt x="3935" y="1193"/>
                    <a:pt x="4771" y="1005"/>
                  </a:cubicBezTo>
                  <a:cubicBezTo>
                    <a:pt x="5211" y="921"/>
                    <a:pt x="5629" y="754"/>
                    <a:pt x="6027" y="565"/>
                  </a:cubicBezTo>
                  <a:cubicBezTo>
                    <a:pt x="6445" y="398"/>
                    <a:pt x="6864" y="231"/>
                    <a:pt x="7324" y="272"/>
                  </a:cubicBezTo>
                  <a:cubicBezTo>
                    <a:pt x="7450" y="272"/>
                    <a:pt x="7596" y="314"/>
                    <a:pt x="7701" y="252"/>
                  </a:cubicBezTo>
                  <a:cubicBezTo>
                    <a:pt x="8349" y="0"/>
                    <a:pt x="8998" y="210"/>
                    <a:pt x="9647" y="231"/>
                  </a:cubicBezTo>
                  <a:cubicBezTo>
                    <a:pt x="10170" y="252"/>
                    <a:pt x="10463" y="565"/>
                    <a:pt x="10693" y="963"/>
                  </a:cubicBezTo>
                  <a:cubicBezTo>
                    <a:pt x="10860" y="1277"/>
                    <a:pt x="10986" y="1612"/>
                    <a:pt x="11153" y="2009"/>
                  </a:cubicBezTo>
                  <a:cubicBezTo>
                    <a:pt x="10902" y="2030"/>
                    <a:pt x="10693" y="2030"/>
                    <a:pt x="10484" y="2093"/>
                  </a:cubicBezTo>
                  <a:cubicBezTo>
                    <a:pt x="9814" y="2239"/>
                    <a:pt x="9124" y="2239"/>
                    <a:pt x="8475" y="2469"/>
                  </a:cubicBezTo>
                  <a:cubicBezTo>
                    <a:pt x="8370" y="2532"/>
                    <a:pt x="8245" y="2553"/>
                    <a:pt x="8140" y="2532"/>
                  </a:cubicBezTo>
                  <a:cubicBezTo>
                    <a:pt x="7324" y="2344"/>
                    <a:pt x="6592" y="2721"/>
                    <a:pt x="5860" y="2867"/>
                  </a:cubicBezTo>
                  <a:cubicBezTo>
                    <a:pt x="5525" y="2951"/>
                    <a:pt x="5190" y="3055"/>
                    <a:pt x="4813" y="3055"/>
                  </a:cubicBezTo>
                  <a:cubicBezTo>
                    <a:pt x="4374" y="3055"/>
                    <a:pt x="3935" y="3160"/>
                    <a:pt x="3537" y="3390"/>
                  </a:cubicBezTo>
                  <a:cubicBezTo>
                    <a:pt x="2993" y="3704"/>
                    <a:pt x="2407" y="3913"/>
                    <a:pt x="1696" y="4018"/>
                  </a:cubicBezTo>
                  <a:cubicBezTo>
                    <a:pt x="1089" y="3369"/>
                    <a:pt x="357" y="2741"/>
                    <a:pt x="1" y="1653"/>
                  </a:cubicBezTo>
                  <a:close/>
                </a:path>
              </a:pathLst>
            </a:custGeom>
            <a:solidFill>
              <a:schemeClr val="lt1"/>
            </a:solidFill>
            <a:ln>
              <a:noFill/>
            </a:ln>
          </p:spPr>
          <p:txBody>
            <a:bodyPr spcFirstLastPara="1" wrap="square" lIns="91425" tIns="91425" rIns="91425" bIns="91425" anchor="ctr" anchorCtr="0">
              <a:noAutofit/>
            </a:bodyPr>
            <a:lstStyle/>
            <a:p>
              <a:endParaRPr/>
            </a:p>
          </p:txBody>
        </p:sp>
        <p:sp>
          <p:nvSpPr>
            <p:cNvPr id="175" name="Google Shape;175;p33"/>
            <p:cNvSpPr/>
            <p:nvPr/>
          </p:nvSpPr>
          <p:spPr>
            <a:xfrm>
              <a:off x="-1199475" y="2658325"/>
              <a:ext cx="956750" cy="553975"/>
            </a:xfrm>
            <a:custGeom>
              <a:avLst/>
              <a:gdLst/>
              <a:ahLst/>
              <a:cxnLst/>
              <a:rect l="l" t="t" r="r" b="b"/>
              <a:pathLst>
                <a:path w="38270" h="22159" extrusionOk="0">
                  <a:moveTo>
                    <a:pt x="36156" y="19647"/>
                  </a:moveTo>
                  <a:lnTo>
                    <a:pt x="35529" y="19333"/>
                  </a:lnTo>
                  <a:cubicBezTo>
                    <a:pt x="34482" y="19543"/>
                    <a:pt x="33499" y="19752"/>
                    <a:pt x="32495" y="19961"/>
                  </a:cubicBezTo>
                  <a:cubicBezTo>
                    <a:pt x="32244" y="20003"/>
                    <a:pt x="31972" y="20087"/>
                    <a:pt x="31741" y="20170"/>
                  </a:cubicBezTo>
                  <a:cubicBezTo>
                    <a:pt x="31114" y="20359"/>
                    <a:pt x="30486" y="20589"/>
                    <a:pt x="29796" y="20526"/>
                  </a:cubicBezTo>
                  <a:cubicBezTo>
                    <a:pt x="29754" y="20526"/>
                    <a:pt x="29670" y="20505"/>
                    <a:pt x="29628" y="20526"/>
                  </a:cubicBezTo>
                  <a:cubicBezTo>
                    <a:pt x="28519" y="20694"/>
                    <a:pt x="27431" y="20819"/>
                    <a:pt x="26322" y="21007"/>
                  </a:cubicBezTo>
                  <a:cubicBezTo>
                    <a:pt x="25862" y="21091"/>
                    <a:pt x="25381" y="21154"/>
                    <a:pt x="24878" y="21112"/>
                  </a:cubicBezTo>
                  <a:cubicBezTo>
                    <a:pt x="24648" y="21070"/>
                    <a:pt x="24418" y="21070"/>
                    <a:pt x="24167" y="21133"/>
                  </a:cubicBezTo>
                  <a:cubicBezTo>
                    <a:pt x="23163" y="21258"/>
                    <a:pt x="22158" y="21447"/>
                    <a:pt x="21133" y="21572"/>
                  </a:cubicBezTo>
                  <a:cubicBezTo>
                    <a:pt x="20652" y="21656"/>
                    <a:pt x="20129" y="21698"/>
                    <a:pt x="19627" y="21635"/>
                  </a:cubicBezTo>
                  <a:cubicBezTo>
                    <a:pt x="19355" y="21593"/>
                    <a:pt x="19104" y="21635"/>
                    <a:pt x="18811" y="21677"/>
                  </a:cubicBezTo>
                  <a:cubicBezTo>
                    <a:pt x="18580" y="21698"/>
                    <a:pt x="18350" y="21761"/>
                    <a:pt x="18099" y="21844"/>
                  </a:cubicBezTo>
                  <a:cubicBezTo>
                    <a:pt x="17137" y="22158"/>
                    <a:pt x="16153" y="22074"/>
                    <a:pt x="15170" y="21928"/>
                  </a:cubicBezTo>
                  <a:cubicBezTo>
                    <a:pt x="14710" y="21844"/>
                    <a:pt x="14710" y="21844"/>
                    <a:pt x="14333" y="21342"/>
                  </a:cubicBezTo>
                  <a:cubicBezTo>
                    <a:pt x="14291" y="21321"/>
                    <a:pt x="14228" y="21300"/>
                    <a:pt x="14187" y="21300"/>
                  </a:cubicBezTo>
                  <a:cubicBezTo>
                    <a:pt x="13036" y="21238"/>
                    <a:pt x="12199" y="20505"/>
                    <a:pt x="11341" y="19877"/>
                  </a:cubicBezTo>
                  <a:cubicBezTo>
                    <a:pt x="11194" y="19794"/>
                    <a:pt x="11132" y="19668"/>
                    <a:pt x="10985" y="19626"/>
                  </a:cubicBezTo>
                  <a:cubicBezTo>
                    <a:pt x="10295" y="19250"/>
                    <a:pt x="9562" y="18894"/>
                    <a:pt x="8851" y="18517"/>
                  </a:cubicBezTo>
                  <a:cubicBezTo>
                    <a:pt x="8244" y="18204"/>
                    <a:pt x="7784" y="17743"/>
                    <a:pt x="7303" y="17283"/>
                  </a:cubicBezTo>
                  <a:cubicBezTo>
                    <a:pt x="6989" y="17011"/>
                    <a:pt x="6675" y="16739"/>
                    <a:pt x="6340" y="16509"/>
                  </a:cubicBezTo>
                  <a:cubicBezTo>
                    <a:pt x="5754" y="16111"/>
                    <a:pt x="5168" y="15776"/>
                    <a:pt x="4645" y="15337"/>
                  </a:cubicBezTo>
                  <a:cubicBezTo>
                    <a:pt x="3955" y="14751"/>
                    <a:pt x="3348" y="14082"/>
                    <a:pt x="2699" y="13454"/>
                  </a:cubicBezTo>
                  <a:cubicBezTo>
                    <a:pt x="2176" y="12931"/>
                    <a:pt x="1653" y="12366"/>
                    <a:pt x="1005" y="11989"/>
                  </a:cubicBezTo>
                  <a:cubicBezTo>
                    <a:pt x="565" y="11717"/>
                    <a:pt x="356" y="11382"/>
                    <a:pt x="461" y="10859"/>
                  </a:cubicBezTo>
                  <a:cubicBezTo>
                    <a:pt x="523" y="10483"/>
                    <a:pt x="419" y="10148"/>
                    <a:pt x="272" y="9813"/>
                  </a:cubicBezTo>
                  <a:cubicBezTo>
                    <a:pt x="189" y="9625"/>
                    <a:pt x="105" y="9416"/>
                    <a:pt x="0" y="9206"/>
                  </a:cubicBezTo>
                  <a:cubicBezTo>
                    <a:pt x="314" y="8767"/>
                    <a:pt x="628" y="8286"/>
                    <a:pt x="942" y="7846"/>
                  </a:cubicBezTo>
                  <a:cubicBezTo>
                    <a:pt x="1109" y="7616"/>
                    <a:pt x="1193" y="7344"/>
                    <a:pt x="1026" y="7093"/>
                  </a:cubicBezTo>
                  <a:cubicBezTo>
                    <a:pt x="816" y="6758"/>
                    <a:pt x="837" y="6403"/>
                    <a:pt x="900" y="6047"/>
                  </a:cubicBezTo>
                  <a:cubicBezTo>
                    <a:pt x="942" y="5566"/>
                    <a:pt x="1026" y="5105"/>
                    <a:pt x="837" y="4624"/>
                  </a:cubicBezTo>
                  <a:cubicBezTo>
                    <a:pt x="691" y="4185"/>
                    <a:pt x="1005" y="3829"/>
                    <a:pt x="1298" y="3536"/>
                  </a:cubicBezTo>
                  <a:cubicBezTo>
                    <a:pt x="1570" y="3243"/>
                    <a:pt x="1946" y="3013"/>
                    <a:pt x="2281" y="2783"/>
                  </a:cubicBezTo>
                  <a:cubicBezTo>
                    <a:pt x="2448" y="2678"/>
                    <a:pt x="2679" y="2595"/>
                    <a:pt x="2888" y="2595"/>
                  </a:cubicBezTo>
                  <a:cubicBezTo>
                    <a:pt x="3850" y="2595"/>
                    <a:pt x="4792" y="2385"/>
                    <a:pt x="5733" y="2155"/>
                  </a:cubicBezTo>
                  <a:cubicBezTo>
                    <a:pt x="7282" y="1737"/>
                    <a:pt x="8851" y="1569"/>
                    <a:pt x="10441" y="1486"/>
                  </a:cubicBezTo>
                  <a:lnTo>
                    <a:pt x="17262" y="1109"/>
                  </a:lnTo>
                  <a:cubicBezTo>
                    <a:pt x="18057" y="1046"/>
                    <a:pt x="18832" y="1067"/>
                    <a:pt x="19627" y="1046"/>
                  </a:cubicBezTo>
                  <a:cubicBezTo>
                    <a:pt x="20443" y="1025"/>
                    <a:pt x="21238" y="1025"/>
                    <a:pt x="22075" y="1004"/>
                  </a:cubicBezTo>
                  <a:cubicBezTo>
                    <a:pt x="22263" y="753"/>
                    <a:pt x="22472" y="481"/>
                    <a:pt x="22682" y="167"/>
                  </a:cubicBezTo>
                  <a:cubicBezTo>
                    <a:pt x="23184" y="0"/>
                    <a:pt x="23581" y="167"/>
                    <a:pt x="23895" y="523"/>
                  </a:cubicBezTo>
                  <a:cubicBezTo>
                    <a:pt x="24062" y="753"/>
                    <a:pt x="24272" y="963"/>
                    <a:pt x="24481" y="1214"/>
                  </a:cubicBezTo>
                  <a:cubicBezTo>
                    <a:pt x="24648" y="1381"/>
                    <a:pt x="24774" y="1590"/>
                    <a:pt x="24983" y="1737"/>
                  </a:cubicBezTo>
                  <a:cubicBezTo>
                    <a:pt x="25318" y="1967"/>
                    <a:pt x="25506" y="2281"/>
                    <a:pt x="25715" y="2615"/>
                  </a:cubicBezTo>
                  <a:cubicBezTo>
                    <a:pt x="26008" y="3055"/>
                    <a:pt x="26343" y="3473"/>
                    <a:pt x="26720" y="3892"/>
                  </a:cubicBezTo>
                  <a:cubicBezTo>
                    <a:pt x="26992" y="4248"/>
                    <a:pt x="27410" y="4457"/>
                    <a:pt x="27578" y="4917"/>
                  </a:cubicBezTo>
                  <a:cubicBezTo>
                    <a:pt x="27619" y="5084"/>
                    <a:pt x="27891" y="5210"/>
                    <a:pt x="28038" y="5315"/>
                  </a:cubicBezTo>
                  <a:lnTo>
                    <a:pt x="30235" y="6717"/>
                  </a:lnTo>
                  <a:cubicBezTo>
                    <a:pt x="31323" y="7407"/>
                    <a:pt x="32285" y="8181"/>
                    <a:pt x="33248" y="9018"/>
                  </a:cubicBezTo>
                  <a:cubicBezTo>
                    <a:pt x="33897" y="9583"/>
                    <a:pt x="34566" y="10169"/>
                    <a:pt x="35319" y="10587"/>
                  </a:cubicBezTo>
                  <a:cubicBezTo>
                    <a:pt x="35508" y="10692"/>
                    <a:pt x="35633" y="10859"/>
                    <a:pt x="35780" y="11006"/>
                  </a:cubicBezTo>
                  <a:cubicBezTo>
                    <a:pt x="36052" y="11278"/>
                    <a:pt x="36240" y="11571"/>
                    <a:pt x="36658" y="11634"/>
                  </a:cubicBezTo>
                  <a:cubicBezTo>
                    <a:pt x="36784" y="11675"/>
                    <a:pt x="36889" y="11822"/>
                    <a:pt x="36993" y="11927"/>
                  </a:cubicBezTo>
                  <a:cubicBezTo>
                    <a:pt x="37202" y="12136"/>
                    <a:pt x="37433" y="12345"/>
                    <a:pt x="37642" y="12554"/>
                  </a:cubicBezTo>
                  <a:cubicBezTo>
                    <a:pt x="38039" y="12931"/>
                    <a:pt x="38270" y="13349"/>
                    <a:pt x="38186" y="13893"/>
                  </a:cubicBezTo>
                  <a:cubicBezTo>
                    <a:pt x="38081" y="14709"/>
                    <a:pt x="37872" y="15463"/>
                    <a:pt x="37412" y="16174"/>
                  </a:cubicBezTo>
                  <a:cubicBezTo>
                    <a:pt x="37182" y="16530"/>
                    <a:pt x="37035" y="16906"/>
                    <a:pt x="37014" y="17346"/>
                  </a:cubicBezTo>
                  <a:cubicBezTo>
                    <a:pt x="36993" y="17764"/>
                    <a:pt x="36910" y="18183"/>
                    <a:pt x="36679" y="18538"/>
                  </a:cubicBezTo>
                  <a:cubicBezTo>
                    <a:pt x="36554" y="18748"/>
                    <a:pt x="36554" y="19020"/>
                    <a:pt x="36449" y="19229"/>
                  </a:cubicBezTo>
                  <a:cubicBezTo>
                    <a:pt x="36386" y="19271"/>
                    <a:pt x="36282" y="19438"/>
                    <a:pt x="36156" y="19647"/>
                  </a:cubicBezTo>
                  <a:close/>
                  <a:moveTo>
                    <a:pt x="7470" y="16028"/>
                  </a:moveTo>
                  <a:cubicBezTo>
                    <a:pt x="7303" y="15902"/>
                    <a:pt x="7135" y="15818"/>
                    <a:pt x="6947" y="15965"/>
                  </a:cubicBezTo>
                  <a:cubicBezTo>
                    <a:pt x="6968" y="15881"/>
                    <a:pt x="7031" y="15756"/>
                    <a:pt x="6989" y="15714"/>
                  </a:cubicBezTo>
                  <a:cubicBezTo>
                    <a:pt x="6821" y="15546"/>
                    <a:pt x="6612" y="15358"/>
                    <a:pt x="6403" y="15170"/>
                  </a:cubicBezTo>
                  <a:cubicBezTo>
                    <a:pt x="5399" y="14312"/>
                    <a:pt x="4415" y="13412"/>
                    <a:pt x="3411" y="12554"/>
                  </a:cubicBezTo>
                  <a:cubicBezTo>
                    <a:pt x="2699" y="11947"/>
                    <a:pt x="2009" y="11362"/>
                    <a:pt x="1318" y="10755"/>
                  </a:cubicBezTo>
                  <a:cubicBezTo>
                    <a:pt x="1109" y="10901"/>
                    <a:pt x="1172" y="11090"/>
                    <a:pt x="1298" y="11152"/>
                  </a:cubicBezTo>
                  <a:cubicBezTo>
                    <a:pt x="1800" y="11424"/>
                    <a:pt x="2218" y="11801"/>
                    <a:pt x="2637" y="12199"/>
                  </a:cubicBezTo>
                  <a:cubicBezTo>
                    <a:pt x="3202" y="12784"/>
                    <a:pt x="3892" y="13307"/>
                    <a:pt x="4436" y="13914"/>
                  </a:cubicBezTo>
                  <a:cubicBezTo>
                    <a:pt x="4896" y="14437"/>
                    <a:pt x="5420" y="14856"/>
                    <a:pt x="6005" y="15253"/>
                  </a:cubicBezTo>
                  <a:cubicBezTo>
                    <a:pt x="6319" y="15463"/>
                    <a:pt x="6633" y="15693"/>
                    <a:pt x="6968" y="15902"/>
                  </a:cubicBezTo>
                  <a:lnTo>
                    <a:pt x="7512" y="15986"/>
                  </a:lnTo>
                  <a:cubicBezTo>
                    <a:pt x="7554" y="16090"/>
                    <a:pt x="7554" y="16216"/>
                    <a:pt x="7617" y="16300"/>
                  </a:cubicBezTo>
                  <a:cubicBezTo>
                    <a:pt x="8035" y="16906"/>
                    <a:pt x="8642" y="17325"/>
                    <a:pt x="9249" y="17701"/>
                  </a:cubicBezTo>
                  <a:cubicBezTo>
                    <a:pt x="9353" y="17785"/>
                    <a:pt x="9479" y="17806"/>
                    <a:pt x="9604" y="17848"/>
                  </a:cubicBezTo>
                  <a:cubicBezTo>
                    <a:pt x="8956" y="17157"/>
                    <a:pt x="8202" y="16613"/>
                    <a:pt x="7470" y="16028"/>
                  </a:cubicBezTo>
                  <a:close/>
                  <a:moveTo>
                    <a:pt x="23100" y="837"/>
                  </a:moveTo>
                  <a:cubicBezTo>
                    <a:pt x="22974" y="1025"/>
                    <a:pt x="22891" y="1109"/>
                    <a:pt x="22891" y="1172"/>
                  </a:cubicBezTo>
                  <a:cubicBezTo>
                    <a:pt x="22786" y="1632"/>
                    <a:pt x="22472" y="1695"/>
                    <a:pt x="22054" y="1674"/>
                  </a:cubicBezTo>
                  <a:cubicBezTo>
                    <a:pt x="21698" y="1653"/>
                    <a:pt x="21321" y="1590"/>
                    <a:pt x="20987" y="1653"/>
                  </a:cubicBezTo>
                  <a:cubicBezTo>
                    <a:pt x="20317" y="1758"/>
                    <a:pt x="19627" y="1799"/>
                    <a:pt x="18915" y="1779"/>
                  </a:cubicBezTo>
                  <a:cubicBezTo>
                    <a:pt x="18392" y="1758"/>
                    <a:pt x="17911" y="1779"/>
                    <a:pt x="17388" y="1799"/>
                  </a:cubicBezTo>
                  <a:cubicBezTo>
                    <a:pt x="14898" y="1946"/>
                    <a:pt x="12408" y="2113"/>
                    <a:pt x="9918" y="2260"/>
                  </a:cubicBezTo>
                  <a:cubicBezTo>
                    <a:pt x="8725" y="2323"/>
                    <a:pt x="7512" y="2427"/>
                    <a:pt x="6361" y="2699"/>
                  </a:cubicBezTo>
                  <a:cubicBezTo>
                    <a:pt x="5838" y="2825"/>
                    <a:pt x="5294" y="2867"/>
                    <a:pt x="4771" y="2992"/>
                  </a:cubicBezTo>
                  <a:cubicBezTo>
                    <a:pt x="4122" y="3118"/>
                    <a:pt x="3453" y="3201"/>
                    <a:pt x="2804" y="3097"/>
                  </a:cubicBezTo>
                  <a:cubicBezTo>
                    <a:pt x="2762" y="3097"/>
                    <a:pt x="2699" y="3139"/>
                    <a:pt x="2595" y="3160"/>
                  </a:cubicBezTo>
                  <a:cubicBezTo>
                    <a:pt x="2574" y="3264"/>
                    <a:pt x="2553" y="3390"/>
                    <a:pt x="2490" y="3557"/>
                  </a:cubicBezTo>
                  <a:cubicBezTo>
                    <a:pt x="2846" y="3766"/>
                    <a:pt x="3160" y="3955"/>
                    <a:pt x="3432" y="4164"/>
                  </a:cubicBezTo>
                  <a:cubicBezTo>
                    <a:pt x="3892" y="4478"/>
                    <a:pt x="4352" y="4771"/>
                    <a:pt x="4729" y="5147"/>
                  </a:cubicBezTo>
                  <a:cubicBezTo>
                    <a:pt x="5671" y="6256"/>
                    <a:pt x="6780" y="7177"/>
                    <a:pt x="7805" y="8181"/>
                  </a:cubicBezTo>
                  <a:cubicBezTo>
                    <a:pt x="8202" y="8579"/>
                    <a:pt x="8621" y="8997"/>
                    <a:pt x="8956" y="9437"/>
                  </a:cubicBezTo>
                  <a:cubicBezTo>
                    <a:pt x="9688" y="10357"/>
                    <a:pt x="10462" y="11215"/>
                    <a:pt x="11341" y="12031"/>
                  </a:cubicBezTo>
                  <a:cubicBezTo>
                    <a:pt x="11697" y="12366"/>
                    <a:pt x="12094" y="12743"/>
                    <a:pt x="12387" y="13140"/>
                  </a:cubicBezTo>
                  <a:cubicBezTo>
                    <a:pt x="13140" y="14123"/>
                    <a:pt x="13998" y="15065"/>
                    <a:pt x="14898" y="15965"/>
                  </a:cubicBezTo>
                  <a:cubicBezTo>
                    <a:pt x="15003" y="16069"/>
                    <a:pt x="15128" y="16195"/>
                    <a:pt x="15254" y="16216"/>
                  </a:cubicBezTo>
                  <a:cubicBezTo>
                    <a:pt x="15756" y="16300"/>
                    <a:pt x="16279" y="16404"/>
                    <a:pt x="16781" y="16320"/>
                  </a:cubicBezTo>
                  <a:cubicBezTo>
                    <a:pt x="17304" y="16216"/>
                    <a:pt x="17848" y="16174"/>
                    <a:pt x="18371" y="16132"/>
                  </a:cubicBezTo>
                  <a:cubicBezTo>
                    <a:pt x="18999" y="16111"/>
                    <a:pt x="19606" y="15965"/>
                    <a:pt x="20213" y="15756"/>
                  </a:cubicBezTo>
                  <a:cubicBezTo>
                    <a:pt x="20589" y="15609"/>
                    <a:pt x="21008" y="15546"/>
                    <a:pt x="21405" y="15442"/>
                  </a:cubicBezTo>
                  <a:cubicBezTo>
                    <a:pt x="22556" y="15170"/>
                    <a:pt x="23707" y="14960"/>
                    <a:pt x="24837" y="14667"/>
                  </a:cubicBezTo>
                  <a:cubicBezTo>
                    <a:pt x="25548" y="14500"/>
                    <a:pt x="26218" y="14333"/>
                    <a:pt x="26950" y="14249"/>
                  </a:cubicBezTo>
                  <a:cubicBezTo>
                    <a:pt x="27536" y="14186"/>
                    <a:pt x="28080" y="14040"/>
                    <a:pt x="28624" y="13977"/>
                  </a:cubicBezTo>
                  <a:cubicBezTo>
                    <a:pt x="29210" y="13893"/>
                    <a:pt x="29754" y="13789"/>
                    <a:pt x="30319" y="13789"/>
                  </a:cubicBezTo>
                  <a:cubicBezTo>
                    <a:pt x="31009" y="13789"/>
                    <a:pt x="31679" y="13579"/>
                    <a:pt x="32390" y="13705"/>
                  </a:cubicBezTo>
                  <a:cubicBezTo>
                    <a:pt x="33101" y="13475"/>
                    <a:pt x="33834" y="13663"/>
                    <a:pt x="34545" y="13705"/>
                  </a:cubicBezTo>
                  <a:cubicBezTo>
                    <a:pt x="34713" y="13726"/>
                    <a:pt x="34901" y="13768"/>
                    <a:pt x="35068" y="13831"/>
                  </a:cubicBezTo>
                  <a:cubicBezTo>
                    <a:pt x="35487" y="14019"/>
                    <a:pt x="35863" y="14228"/>
                    <a:pt x="36261" y="14437"/>
                  </a:cubicBezTo>
                  <a:cubicBezTo>
                    <a:pt x="36449" y="14542"/>
                    <a:pt x="36596" y="14667"/>
                    <a:pt x="36638" y="14919"/>
                  </a:cubicBezTo>
                  <a:cubicBezTo>
                    <a:pt x="36638" y="15023"/>
                    <a:pt x="36700" y="15128"/>
                    <a:pt x="36763" y="15274"/>
                  </a:cubicBezTo>
                  <a:cubicBezTo>
                    <a:pt x="36951" y="14960"/>
                    <a:pt x="37098" y="14730"/>
                    <a:pt x="37223" y="14500"/>
                  </a:cubicBezTo>
                  <a:cubicBezTo>
                    <a:pt x="37391" y="14207"/>
                    <a:pt x="37412" y="13914"/>
                    <a:pt x="37202" y="13663"/>
                  </a:cubicBezTo>
                  <a:cubicBezTo>
                    <a:pt x="36763" y="13098"/>
                    <a:pt x="36491" y="12366"/>
                    <a:pt x="35801" y="12052"/>
                  </a:cubicBezTo>
                  <a:cubicBezTo>
                    <a:pt x="35696" y="12010"/>
                    <a:pt x="35633" y="11885"/>
                    <a:pt x="35529" y="11801"/>
                  </a:cubicBezTo>
                  <a:cubicBezTo>
                    <a:pt x="35278" y="11571"/>
                    <a:pt x="35006" y="11320"/>
                    <a:pt x="34713" y="11090"/>
                  </a:cubicBezTo>
                  <a:cubicBezTo>
                    <a:pt x="34085" y="10587"/>
                    <a:pt x="33415" y="10127"/>
                    <a:pt x="32829" y="9604"/>
                  </a:cubicBezTo>
                  <a:cubicBezTo>
                    <a:pt x="31783" y="8641"/>
                    <a:pt x="30674" y="7805"/>
                    <a:pt x="29482" y="7030"/>
                  </a:cubicBezTo>
                  <a:cubicBezTo>
                    <a:pt x="28833" y="6612"/>
                    <a:pt x="28184" y="6193"/>
                    <a:pt x="27536" y="5754"/>
                  </a:cubicBezTo>
                  <a:cubicBezTo>
                    <a:pt x="27327" y="5608"/>
                    <a:pt x="27075" y="5440"/>
                    <a:pt x="26950" y="5210"/>
                  </a:cubicBezTo>
                  <a:cubicBezTo>
                    <a:pt x="26531" y="4561"/>
                    <a:pt x="25967" y="4038"/>
                    <a:pt x="25402" y="3473"/>
                  </a:cubicBezTo>
                  <a:cubicBezTo>
                    <a:pt x="25213" y="3264"/>
                    <a:pt x="25046" y="3118"/>
                    <a:pt x="24962" y="2825"/>
                  </a:cubicBezTo>
                  <a:cubicBezTo>
                    <a:pt x="24627" y="1904"/>
                    <a:pt x="23895" y="1423"/>
                    <a:pt x="23100" y="837"/>
                  </a:cubicBezTo>
                  <a:close/>
                  <a:moveTo>
                    <a:pt x="14626" y="17492"/>
                  </a:moveTo>
                  <a:cubicBezTo>
                    <a:pt x="14417" y="17660"/>
                    <a:pt x="14207" y="17639"/>
                    <a:pt x="14061" y="17471"/>
                  </a:cubicBezTo>
                  <a:cubicBezTo>
                    <a:pt x="13663" y="17053"/>
                    <a:pt x="13308" y="16613"/>
                    <a:pt x="12931" y="16195"/>
                  </a:cubicBezTo>
                  <a:cubicBezTo>
                    <a:pt x="12513" y="15714"/>
                    <a:pt x="12094" y="15253"/>
                    <a:pt x="11634" y="14814"/>
                  </a:cubicBezTo>
                  <a:cubicBezTo>
                    <a:pt x="10002" y="13287"/>
                    <a:pt x="8349" y="11801"/>
                    <a:pt x="6717" y="10315"/>
                  </a:cubicBezTo>
                  <a:cubicBezTo>
                    <a:pt x="6549" y="10169"/>
                    <a:pt x="6403" y="10043"/>
                    <a:pt x="6215" y="9918"/>
                  </a:cubicBezTo>
                  <a:cubicBezTo>
                    <a:pt x="5503" y="9374"/>
                    <a:pt x="4771" y="8809"/>
                    <a:pt x="4101" y="8244"/>
                  </a:cubicBezTo>
                  <a:cubicBezTo>
                    <a:pt x="3327" y="7616"/>
                    <a:pt x="2427" y="7198"/>
                    <a:pt x="1800" y="6277"/>
                  </a:cubicBezTo>
                  <a:cubicBezTo>
                    <a:pt x="1758" y="6465"/>
                    <a:pt x="1716" y="6570"/>
                    <a:pt x="1737" y="6612"/>
                  </a:cubicBezTo>
                  <a:cubicBezTo>
                    <a:pt x="1904" y="7240"/>
                    <a:pt x="1800" y="7825"/>
                    <a:pt x="1339" y="8286"/>
                  </a:cubicBezTo>
                  <a:cubicBezTo>
                    <a:pt x="1067" y="8600"/>
                    <a:pt x="1067" y="8997"/>
                    <a:pt x="1109" y="9395"/>
                  </a:cubicBezTo>
                  <a:cubicBezTo>
                    <a:pt x="1632" y="10002"/>
                    <a:pt x="2218" y="10546"/>
                    <a:pt x="2846" y="11006"/>
                  </a:cubicBezTo>
                  <a:cubicBezTo>
                    <a:pt x="3160" y="11236"/>
                    <a:pt x="3432" y="11508"/>
                    <a:pt x="3725" y="11759"/>
                  </a:cubicBezTo>
                  <a:cubicBezTo>
                    <a:pt x="4436" y="12387"/>
                    <a:pt x="5148" y="13077"/>
                    <a:pt x="5880" y="13705"/>
                  </a:cubicBezTo>
                  <a:cubicBezTo>
                    <a:pt x="7261" y="14856"/>
                    <a:pt x="8663" y="15986"/>
                    <a:pt x="10065" y="17136"/>
                  </a:cubicBezTo>
                  <a:cubicBezTo>
                    <a:pt x="10274" y="17283"/>
                    <a:pt x="10504" y="17450"/>
                    <a:pt x="10734" y="17576"/>
                  </a:cubicBezTo>
                  <a:cubicBezTo>
                    <a:pt x="11362" y="17890"/>
                    <a:pt x="11906" y="18287"/>
                    <a:pt x="12408" y="18789"/>
                  </a:cubicBezTo>
                  <a:cubicBezTo>
                    <a:pt x="12806" y="19166"/>
                    <a:pt x="13308" y="19459"/>
                    <a:pt x="13789" y="19689"/>
                  </a:cubicBezTo>
                  <a:cubicBezTo>
                    <a:pt x="13998" y="19522"/>
                    <a:pt x="14207" y="19438"/>
                    <a:pt x="14187" y="19145"/>
                  </a:cubicBezTo>
                  <a:cubicBezTo>
                    <a:pt x="13977" y="19061"/>
                    <a:pt x="13768" y="18957"/>
                    <a:pt x="13538" y="18936"/>
                  </a:cubicBezTo>
                  <a:cubicBezTo>
                    <a:pt x="13140" y="18873"/>
                    <a:pt x="12889" y="18664"/>
                    <a:pt x="12638" y="18392"/>
                  </a:cubicBezTo>
                  <a:cubicBezTo>
                    <a:pt x="12408" y="18099"/>
                    <a:pt x="12157" y="17869"/>
                    <a:pt x="11885" y="17618"/>
                  </a:cubicBezTo>
                  <a:cubicBezTo>
                    <a:pt x="10650" y="16467"/>
                    <a:pt x="9395" y="15358"/>
                    <a:pt x="8181" y="14207"/>
                  </a:cubicBezTo>
                  <a:cubicBezTo>
                    <a:pt x="7889" y="13935"/>
                    <a:pt x="7617" y="13642"/>
                    <a:pt x="7303" y="13412"/>
                  </a:cubicBezTo>
                  <a:cubicBezTo>
                    <a:pt x="6633" y="12910"/>
                    <a:pt x="6026" y="12345"/>
                    <a:pt x="5420" y="11738"/>
                  </a:cubicBezTo>
                  <a:cubicBezTo>
                    <a:pt x="4938" y="11215"/>
                    <a:pt x="4373" y="10755"/>
                    <a:pt x="3892" y="10232"/>
                  </a:cubicBezTo>
                  <a:cubicBezTo>
                    <a:pt x="3683" y="10022"/>
                    <a:pt x="3495" y="9771"/>
                    <a:pt x="3285" y="9562"/>
                  </a:cubicBezTo>
                  <a:cubicBezTo>
                    <a:pt x="3076" y="9353"/>
                    <a:pt x="2867" y="9186"/>
                    <a:pt x="2658" y="8976"/>
                  </a:cubicBezTo>
                  <a:cubicBezTo>
                    <a:pt x="3013" y="8809"/>
                    <a:pt x="3285" y="8872"/>
                    <a:pt x="3536" y="9102"/>
                  </a:cubicBezTo>
                  <a:cubicBezTo>
                    <a:pt x="4101" y="9562"/>
                    <a:pt x="4645" y="10022"/>
                    <a:pt x="5189" y="10504"/>
                  </a:cubicBezTo>
                  <a:cubicBezTo>
                    <a:pt x="6152" y="11403"/>
                    <a:pt x="7072" y="12387"/>
                    <a:pt x="8181" y="13119"/>
                  </a:cubicBezTo>
                  <a:cubicBezTo>
                    <a:pt x="8223" y="13161"/>
                    <a:pt x="8244" y="13203"/>
                    <a:pt x="8307" y="13266"/>
                  </a:cubicBezTo>
                  <a:cubicBezTo>
                    <a:pt x="9960" y="14793"/>
                    <a:pt x="11592" y="16341"/>
                    <a:pt x="13224" y="17869"/>
                  </a:cubicBezTo>
                  <a:cubicBezTo>
                    <a:pt x="13726" y="17722"/>
                    <a:pt x="14166" y="17576"/>
                    <a:pt x="14375" y="18204"/>
                  </a:cubicBezTo>
                  <a:cubicBezTo>
                    <a:pt x="14396" y="18287"/>
                    <a:pt x="14500" y="18308"/>
                    <a:pt x="14584" y="18350"/>
                  </a:cubicBezTo>
                  <a:cubicBezTo>
                    <a:pt x="14898" y="18601"/>
                    <a:pt x="15212" y="18810"/>
                    <a:pt x="15505" y="19020"/>
                  </a:cubicBezTo>
                  <a:cubicBezTo>
                    <a:pt x="16697" y="18810"/>
                    <a:pt x="17911" y="18622"/>
                    <a:pt x="19083" y="18392"/>
                  </a:cubicBezTo>
                  <a:cubicBezTo>
                    <a:pt x="19187" y="18350"/>
                    <a:pt x="19376" y="18413"/>
                    <a:pt x="19376" y="18162"/>
                  </a:cubicBezTo>
                  <a:cubicBezTo>
                    <a:pt x="18852" y="18204"/>
                    <a:pt x="18350" y="18266"/>
                    <a:pt x="17848" y="18287"/>
                  </a:cubicBezTo>
                  <a:cubicBezTo>
                    <a:pt x="17283" y="18308"/>
                    <a:pt x="16865" y="18162"/>
                    <a:pt x="16488" y="17785"/>
                  </a:cubicBezTo>
                  <a:cubicBezTo>
                    <a:pt x="16572" y="17743"/>
                    <a:pt x="16656" y="17680"/>
                    <a:pt x="16718" y="17680"/>
                  </a:cubicBezTo>
                  <a:cubicBezTo>
                    <a:pt x="17702" y="17576"/>
                    <a:pt x="18643" y="17492"/>
                    <a:pt x="19606" y="17429"/>
                  </a:cubicBezTo>
                  <a:cubicBezTo>
                    <a:pt x="21510" y="17241"/>
                    <a:pt x="23414" y="17032"/>
                    <a:pt x="25297" y="16655"/>
                  </a:cubicBezTo>
                  <a:cubicBezTo>
                    <a:pt x="27347" y="16279"/>
                    <a:pt x="29377" y="15986"/>
                    <a:pt x="31448" y="15860"/>
                  </a:cubicBezTo>
                  <a:cubicBezTo>
                    <a:pt x="32892" y="15756"/>
                    <a:pt x="34294" y="15567"/>
                    <a:pt x="35738" y="15400"/>
                  </a:cubicBezTo>
                  <a:cubicBezTo>
                    <a:pt x="35759" y="15400"/>
                    <a:pt x="35801" y="15379"/>
                    <a:pt x="35842" y="15337"/>
                  </a:cubicBezTo>
                  <a:cubicBezTo>
                    <a:pt x="35863" y="15149"/>
                    <a:pt x="35905" y="14960"/>
                    <a:pt x="35905" y="14751"/>
                  </a:cubicBezTo>
                  <a:cubicBezTo>
                    <a:pt x="34399" y="14333"/>
                    <a:pt x="32913" y="14667"/>
                    <a:pt x="31428" y="14605"/>
                  </a:cubicBezTo>
                  <a:cubicBezTo>
                    <a:pt x="31114" y="14605"/>
                    <a:pt x="30779" y="14667"/>
                    <a:pt x="30444" y="14647"/>
                  </a:cubicBezTo>
                  <a:cubicBezTo>
                    <a:pt x="30256" y="14626"/>
                    <a:pt x="30026" y="14647"/>
                    <a:pt x="29816" y="14667"/>
                  </a:cubicBezTo>
                  <a:cubicBezTo>
                    <a:pt x="28603" y="14856"/>
                    <a:pt x="27389" y="15044"/>
                    <a:pt x="26155" y="15253"/>
                  </a:cubicBezTo>
                  <a:cubicBezTo>
                    <a:pt x="25987" y="15274"/>
                    <a:pt x="25820" y="15337"/>
                    <a:pt x="25632" y="15379"/>
                  </a:cubicBezTo>
                  <a:cubicBezTo>
                    <a:pt x="24439" y="15651"/>
                    <a:pt x="23226" y="15923"/>
                    <a:pt x="22033" y="16195"/>
                  </a:cubicBezTo>
                  <a:cubicBezTo>
                    <a:pt x="21949" y="16216"/>
                    <a:pt x="21845" y="16216"/>
                    <a:pt x="21782" y="16237"/>
                  </a:cubicBezTo>
                  <a:cubicBezTo>
                    <a:pt x="21321" y="16341"/>
                    <a:pt x="20882" y="16425"/>
                    <a:pt x="20464" y="16551"/>
                  </a:cubicBezTo>
                  <a:cubicBezTo>
                    <a:pt x="19794" y="16802"/>
                    <a:pt x="19083" y="16948"/>
                    <a:pt x="18350" y="16969"/>
                  </a:cubicBezTo>
                  <a:cubicBezTo>
                    <a:pt x="18057" y="16969"/>
                    <a:pt x="17723" y="16969"/>
                    <a:pt x="17451" y="17053"/>
                  </a:cubicBezTo>
                  <a:cubicBezTo>
                    <a:pt x="16865" y="17262"/>
                    <a:pt x="16279" y="17178"/>
                    <a:pt x="15672" y="17116"/>
                  </a:cubicBezTo>
                  <a:cubicBezTo>
                    <a:pt x="15400" y="17074"/>
                    <a:pt x="15086" y="17032"/>
                    <a:pt x="14772" y="17011"/>
                  </a:cubicBezTo>
                  <a:cubicBezTo>
                    <a:pt x="14689" y="17157"/>
                    <a:pt x="14668" y="17346"/>
                    <a:pt x="14626" y="17492"/>
                  </a:cubicBezTo>
                  <a:close/>
                  <a:moveTo>
                    <a:pt x="15609" y="20421"/>
                  </a:moveTo>
                  <a:cubicBezTo>
                    <a:pt x="16049" y="20108"/>
                    <a:pt x="16446" y="20170"/>
                    <a:pt x="16823" y="20191"/>
                  </a:cubicBezTo>
                  <a:cubicBezTo>
                    <a:pt x="17220" y="20212"/>
                    <a:pt x="17618" y="20254"/>
                    <a:pt x="18016" y="20212"/>
                  </a:cubicBezTo>
                  <a:cubicBezTo>
                    <a:pt x="18497" y="20191"/>
                    <a:pt x="19020" y="20149"/>
                    <a:pt x="19522" y="20045"/>
                  </a:cubicBezTo>
                  <a:cubicBezTo>
                    <a:pt x="20903" y="19731"/>
                    <a:pt x="22305" y="19543"/>
                    <a:pt x="23686" y="19354"/>
                  </a:cubicBezTo>
                  <a:cubicBezTo>
                    <a:pt x="24104" y="19313"/>
                    <a:pt x="24502" y="19166"/>
                    <a:pt x="24920" y="19124"/>
                  </a:cubicBezTo>
                  <a:cubicBezTo>
                    <a:pt x="26824" y="18894"/>
                    <a:pt x="28708" y="18476"/>
                    <a:pt x="30591" y="18078"/>
                  </a:cubicBezTo>
                  <a:cubicBezTo>
                    <a:pt x="30842" y="18015"/>
                    <a:pt x="31135" y="17953"/>
                    <a:pt x="31407" y="17973"/>
                  </a:cubicBezTo>
                  <a:cubicBezTo>
                    <a:pt x="31951" y="18015"/>
                    <a:pt x="32474" y="17953"/>
                    <a:pt x="33018" y="17911"/>
                  </a:cubicBezTo>
                  <a:cubicBezTo>
                    <a:pt x="33625" y="17890"/>
                    <a:pt x="34189" y="17660"/>
                    <a:pt x="34796" y="17764"/>
                  </a:cubicBezTo>
                  <a:cubicBezTo>
                    <a:pt x="35089" y="17806"/>
                    <a:pt x="35236" y="17660"/>
                    <a:pt x="35298" y="17367"/>
                  </a:cubicBezTo>
                  <a:cubicBezTo>
                    <a:pt x="35340" y="17032"/>
                    <a:pt x="35382" y="16655"/>
                    <a:pt x="35424" y="16320"/>
                  </a:cubicBezTo>
                  <a:cubicBezTo>
                    <a:pt x="34985" y="16069"/>
                    <a:pt x="34566" y="16216"/>
                    <a:pt x="34169" y="16320"/>
                  </a:cubicBezTo>
                  <a:cubicBezTo>
                    <a:pt x="34148" y="16320"/>
                    <a:pt x="34127" y="16404"/>
                    <a:pt x="34085" y="16425"/>
                  </a:cubicBezTo>
                  <a:cubicBezTo>
                    <a:pt x="34252" y="16551"/>
                    <a:pt x="34378" y="16655"/>
                    <a:pt x="34650" y="16864"/>
                  </a:cubicBezTo>
                  <a:cubicBezTo>
                    <a:pt x="34085" y="16948"/>
                    <a:pt x="33708" y="17032"/>
                    <a:pt x="33290" y="17074"/>
                  </a:cubicBezTo>
                  <a:cubicBezTo>
                    <a:pt x="33039" y="17116"/>
                    <a:pt x="32809" y="17178"/>
                    <a:pt x="32578" y="17157"/>
                  </a:cubicBezTo>
                  <a:cubicBezTo>
                    <a:pt x="32055" y="17074"/>
                    <a:pt x="31553" y="17178"/>
                    <a:pt x="31051" y="17241"/>
                  </a:cubicBezTo>
                  <a:cubicBezTo>
                    <a:pt x="30005" y="17367"/>
                    <a:pt x="28959" y="17471"/>
                    <a:pt x="27912" y="17597"/>
                  </a:cubicBezTo>
                  <a:cubicBezTo>
                    <a:pt x="26866" y="17743"/>
                    <a:pt x="25799" y="17743"/>
                    <a:pt x="24816" y="17994"/>
                  </a:cubicBezTo>
                  <a:cubicBezTo>
                    <a:pt x="22849" y="18538"/>
                    <a:pt x="20757" y="18517"/>
                    <a:pt x="18790" y="19061"/>
                  </a:cubicBezTo>
                  <a:cubicBezTo>
                    <a:pt x="18685" y="19103"/>
                    <a:pt x="18560" y="19103"/>
                    <a:pt x="18434" y="19103"/>
                  </a:cubicBezTo>
                  <a:cubicBezTo>
                    <a:pt x="17304" y="19271"/>
                    <a:pt x="16174" y="19438"/>
                    <a:pt x="15044" y="19626"/>
                  </a:cubicBezTo>
                  <a:cubicBezTo>
                    <a:pt x="14940" y="19836"/>
                    <a:pt x="14877" y="20003"/>
                    <a:pt x="14793" y="20170"/>
                  </a:cubicBezTo>
                  <a:cubicBezTo>
                    <a:pt x="15044" y="20505"/>
                    <a:pt x="15254" y="20798"/>
                    <a:pt x="15463" y="21091"/>
                  </a:cubicBezTo>
                  <a:cubicBezTo>
                    <a:pt x="15881" y="21133"/>
                    <a:pt x="16300" y="21196"/>
                    <a:pt x="16718" y="21217"/>
                  </a:cubicBezTo>
                  <a:cubicBezTo>
                    <a:pt x="16865" y="21217"/>
                    <a:pt x="17011" y="21112"/>
                    <a:pt x="17220" y="21028"/>
                  </a:cubicBezTo>
                  <a:cubicBezTo>
                    <a:pt x="16656" y="20819"/>
                    <a:pt x="16028" y="21028"/>
                    <a:pt x="15609" y="20421"/>
                  </a:cubicBezTo>
                  <a:close/>
                  <a:moveTo>
                    <a:pt x="1842" y="5461"/>
                  </a:moveTo>
                  <a:cubicBezTo>
                    <a:pt x="2218" y="5859"/>
                    <a:pt x="2553" y="6361"/>
                    <a:pt x="3013" y="6654"/>
                  </a:cubicBezTo>
                  <a:cubicBezTo>
                    <a:pt x="3997" y="7281"/>
                    <a:pt x="4855" y="8014"/>
                    <a:pt x="5775" y="8683"/>
                  </a:cubicBezTo>
                  <a:cubicBezTo>
                    <a:pt x="6256" y="9081"/>
                    <a:pt x="6780" y="9437"/>
                    <a:pt x="7261" y="9855"/>
                  </a:cubicBezTo>
                  <a:cubicBezTo>
                    <a:pt x="8705" y="11152"/>
                    <a:pt x="10085" y="12450"/>
                    <a:pt x="11529" y="13768"/>
                  </a:cubicBezTo>
                  <a:cubicBezTo>
                    <a:pt x="11592" y="13831"/>
                    <a:pt x="11676" y="14019"/>
                    <a:pt x="11906" y="13831"/>
                  </a:cubicBezTo>
                  <a:cubicBezTo>
                    <a:pt x="11571" y="13475"/>
                    <a:pt x="11257" y="13140"/>
                    <a:pt x="10922" y="12784"/>
                  </a:cubicBezTo>
                  <a:cubicBezTo>
                    <a:pt x="10316" y="12199"/>
                    <a:pt x="9667" y="11675"/>
                    <a:pt x="9144" y="11006"/>
                  </a:cubicBezTo>
                  <a:cubicBezTo>
                    <a:pt x="8202" y="9834"/>
                    <a:pt x="7177" y="8746"/>
                    <a:pt x="6047" y="7742"/>
                  </a:cubicBezTo>
                  <a:cubicBezTo>
                    <a:pt x="5566" y="7302"/>
                    <a:pt x="5064" y="6884"/>
                    <a:pt x="4645" y="6361"/>
                  </a:cubicBezTo>
                  <a:cubicBezTo>
                    <a:pt x="4018" y="5545"/>
                    <a:pt x="3264" y="4938"/>
                    <a:pt x="2427" y="4415"/>
                  </a:cubicBezTo>
                  <a:cubicBezTo>
                    <a:pt x="2281" y="4352"/>
                    <a:pt x="2072" y="4248"/>
                    <a:pt x="1946" y="4268"/>
                  </a:cubicBezTo>
                  <a:cubicBezTo>
                    <a:pt x="1737" y="4310"/>
                    <a:pt x="1821" y="4561"/>
                    <a:pt x="1842" y="4729"/>
                  </a:cubicBezTo>
                  <a:close/>
                  <a:moveTo>
                    <a:pt x="25088" y="20170"/>
                  </a:moveTo>
                  <a:cubicBezTo>
                    <a:pt x="25464" y="20359"/>
                    <a:pt x="25778" y="20296"/>
                    <a:pt x="26092" y="20212"/>
                  </a:cubicBezTo>
                  <a:cubicBezTo>
                    <a:pt x="26762" y="20066"/>
                    <a:pt x="27452" y="19919"/>
                    <a:pt x="28122" y="19919"/>
                  </a:cubicBezTo>
                  <a:cubicBezTo>
                    <a:pt x="28331" y="19919"/>
                    <a:pt x="28540" y="19919"/>
                    <a:pt x="28749" y="19877"/>
                  </a:cubicBezTo>
                  <a:cubicBezTo>
                    <a:pt x="29231" y="19752"/>
                    <a:pt x="29691" y="19668"/>
                    <a:pt x="30172" y="19710"/>
                  </a:cubicBezTo>
                  <a:cubicBezTo>
                    <a:pt x="30507" y="19752"/>
                    <a:pt x="31072" y="19501"/>
                    <a:pt x="31365" y="19292"/>
                  </a:cubicBezTo>
                  <a:cubicBezTo>
                    <a:pt x="29252" y="19417"/>
                    <a:pt x="27159" y="19626"/>
                    <a:pt x="25088" y="20170"/>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176" name="Google Shape;176;p33"/>
            <p:cNvSpPr/>
            <p:nvPr/>
          </p:nvSpPr>
          <p:spPr>
            <a:xfrm>
              <a:off x="-956775" y="2745150"/>
              <a:ext cx="339000" cy="142825"/>
            </a:xfrm>
            <a:custGeom>
              <a:avLst/>
              <a:gdLst/>
              <a:ahLst/>
              <a:cxnLst/>
              <a:rect l="l" t="t" r="r" b="b"/>
              <a:pathLst>
                <a:path w="13560" h="5713" extrusionOk="0">
                  <a:moveTo>
                    <a:pt x="1" y="1863"/>
                  </a:moveTo>
                  <a:cubicBezTo>
                    <a:pt x="315" y="1632"/>
                    <a:pt x="629" y="1674"/>
                    <a:pt x="922" y="1716"/>
                  </a:cubicBezTo>
                  <a:cubicBezTo>
                    <a:pt x="1842" y="1842"/>
                    <a:pt x="2700" y="1716"/>
                    <a:pt x="3600" y="1465"/>
                  </a:cubicBezTo>
                  <a:cubicBezTo>
                    <a:pt x="4374" y="1256"/>
                    <a:pt x="5190" y="1193"/>
                    <a:pt x="5964" y="1026"/>
                  </a:cubicBezTo>
                  <a:cubicBezTo>
                    <a:pt x="6341" y="942"/>
                    <a:pt x="6738" y="816"/>
                    <a:pt x="7073" y="670"/>
                  </a:cubicBezTo>
                  <a:cubicBezTo>
                    <a:pt x="7533" y="461"/>
                    <a:pt x="8015" y="293"/>
                    <a:pt x="8538" y="293"/>
                  </a:cubicBezTo>
                  <a:cubicBezTo>
                    <a:pt x="8621" y="293"/>
                    <a:pt x="8726" y="314"/>
                    <a:pt x="8789" y="293"/>
                  </a:cubicBezTo>
                  <a:cubicBezTo>
                    <a:pt x="9626" y="0"/>
                    <a:pt x="10463" y="189"/>
                    <a:pt x="11279" y="314"/>
                  </a:cubicBezTo>
                  <a:cubicBezTo>
                    <a:pt x="12032" y="419"/>
                    <a:pt x="12618" y="795"/>
                    <a:pt x="12827" y="1611"/>
                  </a:cubicBezTo>
                  <a:cubicBezTo>
                    <a:pt x="12869" y="1842"/>
                    <a:pt x="13015" y="2030"/>
                    <a:pt x="13141" y="2239"/>
                  </a:cubicBezTo>
                  <a:cubicBezTo>
                    <a:pt x="13183" y="2344"/>
                    <a:pt x="13287" y="2407"/>
                    <a:pt x="13350" y="2511"/>
                  </a:cubicBezTo>
                  <a:cubicBezTo>
                    <a:pt x="13559" y="2909"/>
                    <a:pt x="13455" y="3306"/>
                    <a:pt x="13015" y="3453"/>
                  </a:cubicBezTo>
                  <a:cubicBezTo>
                    <a:pt x="12806" y="3536"/>
                    <a:pt x="12534" y="3599"/>
                    <a:pt x="12304" y="3620"/>
                  </a:cubicBezTo>
                  <a:lnTo>
                    <a:pt x="11676" y="3704"/>
                  </a:lnTo>
                  <a:cubicBezTo>
                    <a:pt x="11049" y="3746"/>
                    <a:pt x="10442" y="3850"/>
                    <a:pt x="9814" y="4039"/>
                  </a:cubicBezTo>
                  <a:cubicBezTo>
                    <a:pt x="9709" y="4060"/>
                    <a:pt x="9584" y="4080"/>
                    <a:pt x="9458" y="4080"/>
                  </a:cubicBezTo>
                  <a:cubicBezTo>
                    <a:pt x="8768" y="3955"/>
                    <a:pt x="8140" y="4227"/>
                    <a:pt x="7512" y="4373"/>
                  </a:cubicBezTo>
                  <a:cubicBezTo>
                    <a:pt x="7010" y="4499"/>
                    <a:pt x="6550" y="4666"/>
                    <a:pt x="6027" y="4645"/>
                  </a:cubicBezTo>
                  <a:cubicBezTo>
                    <a:pt x="5525" y="4604"/>
                    <a:pt x="5106" y="4896"/>
                    <a:pt x="4688" y="5106"/>
                  </a:cubicBezTo>
                  <a:cubicBezTo>
                    <a:pt x="4374" y="5273"/>
                    <a:pt x="4060" y="5441"/>
                    <a:pt x="3725" y="5545"/>
                  </a:cubicBezTo>
                  <a:cubicBezTo>
                    <a:pt x="3139" y="5713"/>
                    <a:pt x="2616" y="5692"/>
                    <a:pt x="2177" y="5168"/>
                  </a:cubicBezTo>
                  <a:cubicBezTo>
                    <a:pt x="1821" y="4687"/>
                    <a:pt x="1361" y="4290"/>
                    <a:pt x="1047" y="3808"/>
                  </a:cubicBezTo>
                  <a:cubicBezTo>
                    <a:pt x="817" y="3432"/>
                    <a:pt x="608" y="3076"/>
                    <a:pt x="524" y="2679"/>
                  </a:cubicBezTo>
                  <a:cubicBezTo>
                    <a:pt x="482" y="2386"/>
                    <a:pt x="357" y="2197"/>
                    <a:pt x="85" y="2093"/>
                  </a:cubicBezTo>
                  <a:cubicBezTo>
                    <a:pt x="64" y="2072"/>
                    <a:pt x="64" y="1967"/>
                    <a:pt x="1" y="1863"/>
                  </a:cubicBezTo>
                  <a:close/>
                  <a:moveTo>
                    <a:pt x="1361" y="2448"/>
                  </a:moveTo>
                  <a:cubicBezTo>
                    <a:pt x="1717" y="3557"/>
                    <a:pt x="2449" y="4164"/>
                    <a:pt x="3014" y="4855"/>
                  </a:cubicBezTo>
                  <a:cubicBezTo>
                    <a:pt x="3704" y="4750"/>
                    <a:pt x="4290" y="4541"/>
                    <a:pt x="4855" y="4227"/>
                  </a:cubicBezTo>
                  <a:cubicBezTo>
                    <a:pt x="5232" y="3976"/>
                    <a:pt x="5692" y="3871"/>
                    <a:pt x="6131" y="3871"/>
                  </a:cubicBezTo>
                  <a:cubicBezTo>
                    <a:pt x="6487" y="3871"/>
                    <a:pt x="6843" y="3767"/>
                    <a:pt x="7178" y="3704"/>
                  </a:cubicBezTo>
                  <a:cubicBezTo>
                    <a:pt x="7931" y="3536"/>
                    <a:pt x="8642" y="3181"/>
                    <a:pt x="9458" y="3348"/>
                  </a:cubicBezTo>
                  <a:cubicBezTo>
                    <a:pt x="9563" y="3390"/>
                    <a:pt x="9688" y="3327"/>
                    <a:pt x="9793" y="3306"/>
                  </a:cubicBezTo>
                  <a:cubicBezTo>
                    <a:pt x="10442" y="3076"/>
                    <a:pt x="11132" y="3034"/>
                    <a:pt x="11802" y="2909"/>
                  </a:cubicBezTo>
                  <a:cubicBezTo>
                    <a:pt x="11990" y="2867"/>
                    <a:pt x="12199" y="2867"/>
                    <a:pt x="12450" y="2825"/>
                  </a:cubicBezTo>
                  <a:cubicBezTo>
                    <a:pt x="12304" y="2448"/>
                    <a:pt x="12178" y="2093"/>
                    <a:pt x="12011" y="1779"/>
                  </a:cubicBezTo>
                  <a:cubicBezTo>
                    <a:pt x="11802" y="1360"/>
                    <a:pt x="11488" y="1088"/>
                    <a:pt x="10965" y="1047"/>
                  </a:cubicBezTo>
                  <a:cubicBezTo>
                    <a:pt x="10316" y="1026"/>
                    <a:pt x="9647" y="816"/>
                    <a:pt x="8998" y="1088"/>
                  </a:cubicBezTo>
                  <a:cubicBezTo>
                    <a:pt x="8893" y="1130"/>
                    <a:pt x="8768" y="1109"/>
                    <a:pt x="8642" y="1109"/>
                  </a:cubicBezTo>
                  <a:cubicBezTo>
                    <a:pt x="8161" y="1088"/>
                    <a:pt x="7743" y="1214"/>
                    <a:pt x="7324" y="1402"/>
                  </a:cubicBezTo>
                  <a:cubicBezTo>
                    <a:pt x="6906" y="1570"/>
                    <a:pt x="6487" y="1737"/>
                    <a:pt x="6069" y="1842"/>
                  </a:cubicBezTo>
                  <a:cubicBezTo>
                    <a:pt x="5232" y="2030"/>
                    <a:pt x="4374" y="2155"/>
                    <a:pt x="3516" y="2302"/>
                  </a:cubicBezTo>
                  <a:cubicBezTo>
                    <a:pt x="2888" y="2407"/>
                    <a:pt x="2198" y="2595"/>
                    <a:pt x="1361" y="2448"/>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177" name="Google Shape;177;p33"/>
            <p:cNvSpPr/>
            <p:nvPr/>
          </p:nvSpPr>
          <p:spPr>
            <a:xfrm>
              <a:off x="-604200" y="2736250"/>
              <a:ext cx="263125" cy="239075"/>
            </a:xfrm>
            <a:custGeom>
              <a:avLst/>
              <a:gdLst/>
              <a:ahLst/>
              <a:cxnLst/>
              <a:rect l="l" t="t" r="r" b="b"/>
              <a:pathLst>
                <a:path w="10525" h="9563" extrusionOk="0">
                  <a:moveTo>
                    <a:pt x="10525" y="9500"/>
                  </a:moveTo>
                  <a:cubicBezTo>
                    <a:pt x="10420" y="9542"/>
                    <a:pt x="10378" y="9563"/>
                    <a:pt x="10358" y="9563"/>
                  </a:cubicBezTo>
                  <a:cubicBezTo>
                    <a:pt x="9542" y="9291"/>
                    <a:pt x="8705" y="9019"/>
                    <a:pt x="8056" y="8454"/>
                  </a:cubicBezTo>
                  <a:cubicBezTo>
                    <a:pt x="7345" y="7847"/>
                    <a:pt x="6696" y="7157"/>
                    <a:pt x="5880" y="6717"/>
                  </a:cubicBezTo>
                  <a:cubicBezTo>
                    <a:pt x="5713" y="6613"/>
                    <a:pt x="5566" y="6424"/>
                    <a:pt x="5420" y="6299"/>
                  </a:cubicBezTo>
                  <a:lnTo>
                    <a:pt x="3369" y="4248"/>
                  </a:lnTo>
                  <a:cubicBezTo>
                    <a:pt x="3202" y="4081"/>
                    <a:pt x="3013" y="3872"/>
                    <a:pt x="2846" y="3662"/>
                  </a:cubicBezTo>
                  <a:cubicBezTo>
                    <a:pt x="2323" y="3035"/>
                    <a:pt x="1842" y="2407"/>
                    <a:pt x="1235" y="1842"/>
                  </a:cubicBezTo>
                  <a:cubicBezTo>
                    <a:pt x="816" y="1486"/>
                    <a:pt x="523" y="963"/>
                    <a:pt x="189" y="524"/>
                  </a:cubicBezTo>
                  <a:cubicBezTo>
                    <a:pt x="84" y="377"/>
                    <a:pt x="0" y="210"/>
                    <a:pt x="189" y="22"/>
                  </a:cubicBezTo>
                  <a:cubicBezTo>
                    <a:pt x="440" y="1"/>
                    <a:pt x="628" y="189"/>
                    <a:pt x="754" y="335"/>
                  </a:cubicBezTo>
                  <a:cubicBezTo>
                    <a:pt x="1653" y="1403"/>
                    <a:pt x="2741" y="2239"/>
                    <a:pt x="3536" y="3390"/>
                  </a:cubicBezTo>
                  <a:cubicBezTo>
                    <a:pt x="3641" y="3558"/>
                    <a:pt x="3767" y="3662"/>
                    <a:pt x="3892" y="3788"/>
                  </a:cubicBezTo>
                  <a:lnTo>
                    <a:pt x="5859" y="5755"/>
                  </a:lnTo>
                  <a:cubicBezTo>
                    <a:pt x="6026" y="5901"/>
                    <a:pt x="6194" y="6110"/>
                    <a:pt x="6382" y="6215"/>
                  </a:cubicBezTo>
                  <a:cubicBezTo>
                    <a:pt x="7073" y="6613"/>
                    <a:pt x="7617" y="7157"/>
                    <a:pt x="8182" y="7680"/>
                  </a:cubicBezTo>
                  <a:cubicBezTo>
                    <a:pt x="8558" y="8035"/>
                    <a:pt x="8956" y="8349"/>
                    <a:pt x="9416" y="8579"/>
                  </a:cubicBezTo>
                  <a:cubicBezTo>
                    <a:pt x="9855" y="8789"/>
                    <a:pt x="10211" y="9123"/>
                    <a:pt x="10525" y="950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
        <p:nvSpPr>
          <p:cNvPr id="262" name="Google Shape;262;p33"/>
          <p:cNvSpPr/>
          <p:nvPr/>
        </p:nvSpPr>
        <p:spPr>
          <a:xfrm>
            <a:off x="3394873" y="2504448"/>
            <a:ext cx="4009992" cy="128704"/>
          </a:xfrm>
          <a:custGeom>
            <a:avLst/>
            <a:gdLst/>
            <a:ahLst/>
            <a:cxnLst/>
            <a:rect l="l" t="t" r="r" b="b"/>
            <a:pathLst>
              <a:path w="285612" h="7061" extrusionOk="0">
                <a:moveTo>
                  <a:pt x="54672" y="1"/>
                </a:moveTo>
                <a:cubicBezTo>
                  <a:pt x="36503" y="1"/>
                  <a:pt x="18350" y="890"/>
                  <a:pt x="327" y="3448"/>
                </a:cubicBezTo>
                <a:cubicBezTo>
                  <a:pt x="1" y="3489"/>
                  <a:pt x="1217" y="5428"/>
                  <a:pt x="1866" y="5428"/>
                </a:cubicBezTo>
                <a:cubicBezTo>
                  <a:pt x="1885" y="5428"/>
                  <a:pt x="1905" y="5426"/>
                  <a:pt x="1923" y="5423"/>
                </a:cubicBezTo>
                <a:cubicBezTo>
                  <a:pt x="19891" y="2898"/>
                  <a:pt x="37970" y="2014"/>
                  <a:pt x="56077" y="2014"/>
                </a:cubicBezTo>
                <a:cubicBezTo>
                  <a:pt x="74717" y="2014"/>
                  <a:pt x="93385" y="2950"/>
                  <a:pt x="111989" y="3995"/>
                </a:cubicBezTo>
                <a:cubicBezTo>
                  <a:pt x="130431" y="5045"/>
                  <a:pt x="148873" y="6095"/>
                  <a:pt x="167316" y="6641"/>
                </a:cubicBezTo>
                <a:cubicBezTo>
                  <a:pt x="177708" y="6923"/>
                  <a:pt x="188088" y="7060"/>
                  <a:pt x="198468" y="7060"/>
                </a:cubicBezTo>
                <a:cubicBezTo>
                  <a:pt x="206635" y="7060"/>
                  <a:pt x="214803" y="6975"/>
                  <a:pt x="222978" y="6809"/>
                </a:cubicBezTo>
                <a:cubicBezTo>
                  <a:pt x="243773" y="6347"/>
                  <a:pt x="264568" y="5339"/>
                  <a:pt x="285321" y="3742"/>
                </a:cubicBezTo>
                <a:cubicBezTo>
                  <a:pt x="285612" y="3742"/>
                  <a:pt x="284421" y="1726"/>
                  <a:pt x="283745" y="1726"/>
                </a:cubicBezTo>
                <a:cubicBezTo>
                  <a:pt x="283738" y="1726"/>
                  <a:pt x="283731" y="1726"/>
                  <a:pt x="283724" y="1726"/>
                </a:cubicBezTo>
                <a:cubicBezTo>
                  <a:pt x="254777" y="3930"/>
                  <a:pt x="225753" y="5052"/>
                  <a:pt x="196692" y="5052"/>
                </a:cubicBezTo>
                <a:cubicBezTo>
                  <a:pt x="188639" y="5052"/>
                  <a:pt x="180583" y="4966"/>
                  <a:pt x="172525" y="4793"/>
                </a:cubicBezTo>
                <a:cubicBezTo>
                  <a:pt x="135598" y="3995"/>
                  <a:pt x="98798" y="550"/>
                  <a:pt x="61913" y="46"/>
                </a:cubicBezTo>
                <a:cubicBezTo>
                  <a:pt x="59499" y="16"/>
                  <a:pt x="57085" y="1"/>
                  <a:pt x="54672" y="1"/>
                </a:cubicBezTo>
                <a:close/>
              </a:path>
            </a:pathLst>
          </a:custGeom>
          <a:solidFill>
            <a:schemeClr val="dk1"/>
          </a:solidFill>
          <a:ln w="9525" cap="flat" cmpd="sng">
            <a:solidFill>
              <a:schemeClr val="dk1"/>
            </a:solidFill>
            <a:prstDash val="solid"/>
            <a:round/>
            <a:headEnd type="none" w="sm" len="sm"/>
            <a:tailEnd type="none" w="sm" len="sm"/>
          </a:ln>
        </p:spPr>
        <p:txBody>
          <a:bodyPr spcFirstLastPara="1" wrap="square" lIns="91425" tIns="91425" rIns="91425" bIns="91425" anchor="ctr" anchorCtr="0">
            <a:noAutofit/>
          </a:bodyPr>
          <a:lstStyle/>
          <a:p>
            <a:endParaRPr/>
          </a:p>
        </p:txBody>
      </p:sp>
      <p:grpSp>
        <p:nvGrpSpPr>
          <p:cNvPr id="269" name="Google Shape;269;p33"/>
          <p:cNvGrpSpPr/>
          <p:nvPr/>
        </p:nvGrpSpPr>
        <p:grpSpPr>
          <a:xfrm>
            <a:off x="4722518" y="6028675"/>
            <a:ext cx="1334627" cy="217438"/>
            <a:chOff x="806663" y="3241275"/>
            <a:chExt cx="643950" cy="195675"/>
          </a:xfrm>
        </p:grpSpPr>
        <p:sp>
          <p:nvSpPr>
            <p:cNvPr id="270" name="Google Shape;270;p33"/>
            <p:cNvSpPr/>
            <p:nvPr/>
          </p:nvSpPr>
          <p:spPr>
            <a:xfrm>
              <a:off x="808238" y="3264300"/>
              <a:ext cx="600025" cy="172650"/>
            </a:xfrm>
            <a:custGeom>
              <a:avLst/>
              <a:gdLst/>
              <a:ahLst/>
              <a:cxnLst/>
              <a:rect l="l" t="t" r="r" b="b"/>
              <a:pathLst>
                <a:path w="24001" h="6906" extrusionOk="0">
                  <a:moveTo>
                    <a:pt x="22870" y="858"/>
                  </a:moveTo>
                  <a:cubicBezTo>
                    <a:pt x="22054" y="1026"/>
                    <a:pt x="21406" y="1570"/>
                    <a:pt x="20694" y="1967"/>
                  </a:cubicBezTo>
                  <a:cubicBezTo>
                    <a:pt x="20673" y="1967"/>
                    <a:pt x="20652" y="1988"/>
                    <a:pt x="20652" y="1988"/>
                  </a:cubicBezTo>
                  <a:cubicBezTo>
                    <a:pt x="19941" y="2156"/>
                    <a:pt x="19334" y="2469"/>
                    <a:pt x="18727" y="2930"/>
                  </a:cubicBezTo>
                  <a:cubicBezTo>
                    <a:pt x="18497" y="3118"/>
                    <a:pt x="18141" y="3537"/>
                    <a:pt x="17744" y="3871"/>
                  </a:cubicBezTo>
                  <a:cubicBezTo>
                    <a:pt x="18100" y="3034"/>
                    <a:pt x="18497" y="2156"/>
                    <a:pt x="17535" y="1570"/>
                  </a:cubicBezTo>
                  <a:cubicBezTo>
                    <a:pt x="17576" y="1381"/>
                    <a:pt x="17618" y="1172"/>
                    <a:pt x="17576" y="942"/>
                  </a:cubicBezTo>
                  <a:cubicBezTo>
                    <a:pt x="17556" y="377"/>
                    <a:pt x="16991" y="0"/>
                    <a:pt x="16426" y="293"/>
                  </a:cubicBezTo>
                  <a:cubicBezTo>
                    <a:pt x="15735" y="649"/>
                    <a:pt x="15317" y="1444"/>
                    <a:pt x="14961" y="2114"/>
                  </a:cubicBezTo>
                  <a:cubicBezTo>
                    <a:pt x="14815" y="2469"/>
                    <a:pt x="14647" y="2783"/>
                    <a:pt x="14501" y="3118"/>
                  </a:cubicBezTo>
                  <a:cubicBezTo>
                    <a:pt x="14333" y="2407"/>
                    <a:pt x="14082" y="1779"/>
                    <a:pt x="13287" y="1633"/>
                  </a:cubicBezTo>
                  <a:cubicBezTo>
                    <a:pt x="12952" y="1277"/>
                    <a:pt x="12408" y="1214"/>
                    <a:pt x="11990" y="1591"/>
                  </a:cubicBezTo>
                  <a:cubicBezTo>
                    <a:pt x="11341" y="2218"/>
                    <a:pt x="11467" y="3055"/>
                    <a:pt x="11404" y="3829"/>
                  </a:cubicBezTo>
                  <a:cubicBezTo>
                    <a:pt x="10714" y="3055"/>
                    <a:pt x="10149" y="2177"/>
                    <a:pt x="9165" y="1758"/>
                  </a:cubicBezTo>
                  <a:cubicBezTo>
                    <a:pt x="8684" y="1549"/>
                    <a:pt x="7910" y="1737"/>
                    <a:pt x="7847" y="2323"/>
                  </a:cubicBezTo>
                  <a:cubicBezTo>
                    <a:pt x="7575" y="2197"/>
                    <a:pt x="7261" y="2156"/>
                    <a:pt x="6885" y="2197"/>
                  </a:cubicBezTo>
                  <a:cubicBezTo>
                    <a:pt x="6592" y="2218"/>
                    <a:pt x="6257" y="2407"/>
                    <a:pt x="6110" y="2679"/>
                  </a:cubicBezTo>
                  <a:cubicBezTo>
                    <a:pt x="6069" y="2637"/>
                    <a:pt x="6027" y="2616"/>
                    <a:pt x="6006" y="2595"/>
                  </a:cubicBezTo>
                  <a:cubicBezTo>
                    <a:pt x="5315" y="2051"/>
                    <a:pt x="4562" y="1633"/>
                    <a:pt x="3704" y="1988"/>
                  </a:cubicBezTo>
                  <a:cubicBezTo>
                    <a:pt x="2783" y="2386"/>
                    <a:pt x="3851" y="3829"/>
                    <a:pt x="4980" y="5001"/>
                  </a:cubicBezTo>
                  <a:cubicBezTo>
                    <a:pt x="4353" y="4813"/>
                    <a:pt x="3725" y="4583"/>
                    <a:pt x="3181" y="4290"/>
                  </a:cubicBezTo>
                  <a:cubicBezTo>
                    <a:pt x="2344" y="3850"/>
                    <a:pt x="1403" y="3620"/>
                    <a:pt x="482" y="3850"/>
                  </a:cubicBezTo>
                  <a:cubicBezTo>
                    <a:pt x="168" y="3934"/>
                    <a:pt x="1" y="4311"/>
                    <a:pt x="189" y="4583"/>
                  </a:cubicBezTo>
                  <a:cubicBezTo>
                    <a:pt x="942" y="5817"/>
                    <a:pt x="1988" y="6152"/>
                    <a:pt x="3286" y="6654"/>
                  </a:cubicBezTo>
                  <a:cubicBezTo>
                    <a:pt x="3851" y="6884"/>
                    <a:pt x="4667" y="6905"/>
                    <a:pt x="4750" y="6152"/>
                  </a:cubicBezTo>
                  <a:cubicBezTo>
                    <a:pt x="4750" y="6089"/>
                    <a:pt x="4750" y="6068"/>
                    <a:pt x="4708" y="6026"/>
                  </a:cubicBezTo>
                  <a:cubicBezTo>
                    <a:pt x="5483" y="6257"/>
                    <a:pt x="6215" y="6550"/>
                    <a:pt x="6989" y="6759"/>
                  </a:cubicBezTo>
                  <a:cubicBezTo>
                    <a:pt x="7491" y="6884"/>
                    <a:pt x="7805" y="6466"/>
                    <a:pt x="7742" y="6068"/>
                  </a:cubicBezTo>
                  <a:cubicBezTo>
                    <a:pt x="7805" y="6131"/>
                    <a:pt x="7847" y="6152"/>
                    <a:pt x="7889" y="6194"/>
                  </a:cubicBezTo>
                  <a:cubicBezTo>
                    <a:pt x="8349" y="6675"/>
                    <a:pt x="9144" y="6361"/>
                    <a:pt x="9270" y="5775"/>
                  </a:cubicBezTo>
                  <a:cubicBezTo>
                    <a:pt x="9709" y="6047"/>
                    <a:pt x="10421" y="5880"/>
                    <a:pt x="10609" y="5441"/>
                  </a:cubicBezTo>
                  <a:cubicBezTo>
                    <a:pt x="10839" y="5713"/>
                    <a:pt x="11090" y="5943"/>
                    <a:pt x="11404" y="6152"/>
                  </a:cubicBezTo>
                  <a:cubicBezTo>
                    <a:pt x="11509" y="6194"/>
                    <a:pt x="11592" y="6257"/>
                    <a:pt x="11697" y="6257"/>
                  </a:cubicBezTo>
                  <a:cubicBezTo>
                    <a:pt x="12178" y="6717"/>
                    <a:pt x="13120" y="6654"/>
                    <a:pt x="13287" y="5859"/>
                  </a:cubicBezTo>
                  <a:cubicBezTo>
                    <a:pt x="13287" y="5817"/>
                    <a:pt x="13329" y="5775"/>
                    <a:pt x="13329" y="5734"/>
                  </a:cubicBezTo>
                  <a:cubicBezTo>
                    <a:pt x="13475" y="5880"/>
                    <a:pt x="13685" y="5985"/>
                    <a:pt x="13957" y="5985"/>
                  </a:cubicBezTo>
                  <a:cubicBezTo>
                    <a:pt x="14815" y="6068"/>
                    <a:pt x="15359" y="5315"/>
                    <a:pt x="15756" y="4625"/>
                  </a:cubicBezTo>
                  <a:cubicBezTo>
                    <a:pt x="15735" y="4792"/>
                    <a:pt x="15735" y="4918"/>
                    <a:pt x="15756" y="5085"/>
                  </a:cubicBezTo>
                  <a:cubicBezTo>
                    <a:pt x="15777" y="5420"/>
                    <a:pt x="15986" y="5817"/>
                    <a:pt x="16363" y="5859"/>
                  </a:cubicBezTo>
                  <a:cubicBezTo>
                    <a:pt x="17158" y="5985"/>
                    <a:pt x="17744" y="5734"/>
                    <a:pt x="18267" y="5336"/>
                  </a:cubicBezTo>
                  <a:cubicBezTo>
                    <a:pt x="18372" y="5399"/>
                    <a:pt x="18497" y="5420"/>
                    <a:pt x="18665" y="5399"/>
                  </a:cubicBezTo>
                  <a:cubicBezTo>
                    <a:pt x="19711" y="5252"/>
                    <a:pt x="21510" y="4415"/>
                    <a:pt x="21824" y="3244"/>
                  </a:cubicBezTo>
                  <a:cubicBezTo>
                    <a:pt x="21991" y="3139"/>
                    <a:pt x="22159" y="3034"/>
                    <a:pt x="22347" y="2930"/>
                  </a:cubicBezTo>
                  <a:cubicBezTo>
                    <a:pt x="22766" y="3578"/>
                    <a:pt x="24000" y="3432"/>
                    <a:pt x="24000" y="2469"/>
                  </a:cubicBezTo>
                  <a:lnTo>
                    <a:pt x="24000" y="1674"/>
                  </a:lnTo>
                  <a:cubicBezTo>
                    <a:pt x="24000" y="1109"/>
                    <a:pt x="23414" y="754"/>
                    <a:pt x="22870" y="858"/>
                  </a:cubicBezTo>
                  <a:close/>
                  <a:moveTo>
                    <a:pt x="4353" y="6068"/>
                  </a:moveTo>
                  <a:cubicBezTo>
                    <a:pt x="4185" y="6340"/>
                    <a:pt x="3223" y="5754"/>
                    <a:pt x="2993" y="5671"/>
                  </a:cubicBezTo>
                  <a:cubicBezTo>
                    <a:pt x="2470" y="5524"/>
                    <a:pt x="2009" y="5231"/>
                    <a:pt x="1633" y="4876"/>
                  </a:cubicBezTo>
                  <a:cubicBezTo>
                    <a:pt x="2365" y="5064"/>
                    <a:pt x="3014" y="5587"/>
                    <a:pt x="3746" y="5775"/>
                  </a:cubicBezTo>
                  <a:cubicBezTo>
                    <a:pt x="3976" y="5838"/>
                    <a:pt x="4206" y="5922"/>
                    <a:pt x="4457" y="5985"/>
                  </a:cubicBezTo>
                  <a:cubicBezTo>
                    <a:pt x="4416" y="5985"/>
                    <a:pt x="4374" y="6026"/>
                    <a:pt x="4353" y="6068"/>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71" name="Google Shape;271;p33"/>
            <p:cNvSpPr/>
            <p:nvPr/>
          </p:nvSpPr>
          <p:spPr>
            <a:xfrm>
              <a:off x="806663" y="3241275"/>
              <a:ext cx="643950" cy="188350"/>
            </a:xfrm>
            <a:custGeom>
              <a:avLst/>
              <a:gdLst/>
              <a:ahLst/>
              <a:cxnLst/>
              <a:rect l="l" t="t" r="r" b="b"/>
              <a:pathLst>
                <a:path w="25758" h="7534" extrusionOk="0">
                  <a:moveTo>
                    <a:pt x="4709" y="4897"/>
                  </a:moveTo>
                  <a:cubicBezTo>
                    <a:pt x="4499" y="4583"/>
                    <a:pt x="4311" y="4332"/>
                    <a:pt x="4144" y="4060"/>
                  </a:cubicBezTo>
                  <a:cubicBezTo>
                    <a:pt x="4039" y="3872"/>
                    <a:pt x="3997" y="3704"/>
                    <a:pt x="3914" y="3474"/>
                  </a:cubicBezTo>
                  <a:cubicBezTo>
                    <a:pt x="3767" y="3098"/>
                    <a:pt x="3725" y="2679"/>
                    <a:pt x="3767" y="2261"/>
                  </a:cubicBezTo>
                  <a:cubicBezTo>
                    <a:pt x="3809" y="1633"/>
                    <a:pt x="4290" y="1214"/>
                    <a:pt x="4918" y="1361"/>
                  </a:cubicBezTo>
                  <a:cubicBezTo>
                    <a:pt x="5567" y="1528"/>
                    <a:pt x="6215" y="1675"/>
                    <a:pt x="6822" y="2051"/>
                  </a:cubicBezTo>
                  <a:cubicBezTo>
                    <a:pt x="7387" y="2386"/>
                    <a:pt x="7994" y="2700"/>
                    <a:pt x="8600" y="3014"/>
                  </a:cubicBezTo>
                  <a:cubicBezTo>
                    <a:pt x="8852" y="3139"/>
                    <a:pt x="9124" y="3223"/>
                    <a:pt x="9417" y="3328"/>
                  </a:cubicBezTo>
                  <a:cubicBezTo>
                    <a:pt x="9772" y="2993"/>
                    <a:pt x="9877" y="2595"/>
                    <a:pt x="10044" y="2240"/>
                  </a:cubicBezTo>
                  <a:cubicBezTo>
                    <a:pt x="10253" y="1779"/>
                    <a:pt x="10421" y="1319"/>
                    <a:pt x="10672" y="859"/>
                  </a:cubicBezTo>
                  <a:cubicBezTo>
                    <a:pt x="10881" y="440"/>
                    <a:pt x="11258" y="273"/>
                    <a:pt x="11760" y="273"/>
                  </a:cubicBezTo>
                  <a:cubicBezTo>
                    <a:pt x="12199" y="273"/>
                    <a:pt x="12492" y="419"/>
                    <a:pt x="12681" y="817"/>
                  </a:cubicBezTo>
                  <a:cubicBezTo>
                    <a:pt x="12890" y="1235"/>
                    <a:pt x="13099" y="1654"/>
                    <a:pt x="13329" y="2072"/>
                  </a:cubicBezTo>
                  <a:cubicBezTo>
                    <a:pt x="13413" y="2240"/>
                    <a:pt x="13538" y="2323"/>
                    <a:pt x="13664" y="2512"/>
                  </a:cubicBezTo>
                  <a:cubicBezTo>
                    <a:pt x="14187" y="1989"/>
                    <a:pt x="14710" y="1507"/>
                    <a:pt x="15212" y="1005"/>
                  </a:cubicBezTo>
                  <a:cubicBezTo>
                    <a:pt x="15484" y="712"/>
                    <a:pt x="15798" y="524"/>
                    <a:pt x="16133" y="315"/>
                  </a:cubicBezTo>
                  <a:cubicBezTo>
                    <a:pt x="16656" y="1"/>
                    <a:pt x="17200" y="1"/>
                    <a:pt x="17744" y="64"/>
                  </a:cubicBezTo>
                  <a:cubicBezTo>
                    <a:pt x="18100" y="85"/>
                    <a:pt x="18267" y="273"/>
                    <a:pt x="18330" y="629"/>
                  </a:cubicBezTo>
                  <a:cubicBezTo>
                    <a:pt x="18351" y="921"/>
                    <a:pt x="18351" y="1214"/>
                    <a:pt x="18351" y="1528"/>
                  </a:cubicBezTo>
                  <a:cubicBezTo>
                    <a:pt x="18351" y="1737"/>
                    <a:pt x="18414" y="1926"/>
                    <a:pt x="18435" y="2177"/>
                  </a:cubicBezTo>
                  <a:cubicBezTo>
                    <a:pt x="18623" y="2156"/>
                    <a:pt x="18748" y="2135"/>
                    <a:pt x="18874" y="2072"/>
                  </a:cubicBezTo>
                  <a:cubicBezTo>
                    <a:pt x="19983" y="1675"/>
                    <a:pt x="21071" y="1256"/>
                    <a:pt x="22285" y="1214"/>
                  </a:cubicBezTo>
                  <a:cubicBezTo>
                    <a:pt x="22494" y="1214"/>
                    <a:pt x="22661" y="1110"/>
                    <a:pt x="22870" y="1047"/>
                  </a:cubicBezTo>
                  <a:cubicBezTo>
                    <a:pt x="23561" y="880"/>
                    <a:pt x="24210" y="1047"/>
                    <a:pt x="24858" y="1256"/>
                  </a:cubicBezTo>
                  <a:cubicBezTo>
                    <a:pt x="24963" y="1298"/>
                    <a:pt x="25109" y="1361"/>
                    <a:pt x="25151" y="1465"/>
                  </a:cubicBezTo>
                  <a:cubicBezTo>
                    <a:pt x="25465" y="2135"/>
                    <a:pt x="25758" y="2784"/>
                    <a:pt x="25339" y="3495"/>
                  </a:cubicBezTo>
                  <a:cubicBezTo>
                    <a:pt x="25214" y="3725"/>
                    <a:pt x="25046" y="3934"/>
                    <a:pt x="24900" y="4144"/>
                  </a:cubicBezTo>
                  <a:lnTo>
                    <a:pt x="23707" y="5797"/>
                  </a:lnTo>
                  <a:cubicBezTo>
                    <a:pt x="23645" y="5922"/>
                    <a:pt x="23561" y="6027"/>
                    <a:pt x="23435" y="6131"/>
                  </a:cubicBezTo>
                  <a:cubicBezTo>
                    <a:pt x="23268" y="6257"/>
                    <a:pt x="23121" y="6257"/>
                    <a:pt x="22933" y="6152"/>
                  </a:cubicBezTo>
                  <a:cubicBezTo>
                    <a:pt x="22766" y="6048"/>
                    <a:pt x="22661" y="5901"/>
                    <a:pt x="22703" y="5713"/>
                  </a:cubicBezTo>
                  <a:cubicBezTo>
                    <a:pt x="22745" y="5462"/>
                    <a:pt x="22829" y="5253"/>
                    <a:pt x="22954" y="5043"/>
                  </a:cubicBezTo>
                  <a:cubicBezTo>
                    <a:pt x="23268" y="4562"/>
                    <a:pt x="23645" y="4081"/>
                    <a:pt x="23979" y="3621"/>
                  </a:cubicBezTo>
                  <a:cubicBezTo>
                    <a:pt x="24126" y="3411"/>
                    <a:pt x="24314" y="3202"/>
                    <a:pt x="24419" y="2951"/>
                  </a:cubicBezTo>
                  <a:cubicBezTo>
                    <a:pt x="24628" y="2533"/>
                    <a:pt x="24398" y="2114"/>
                    <a:pt x="23917" y="2051"/>
                  </a:cubicBezTo>
                  <a:cubicBezTo>
                    <a:pt x="23707" y="2010"/>
                    <a:pt x="23498" y="1989"/>
                    <a:pt x="23289" y="2010"/>
                  </a:cubicBezTo>
                  <a:cubicBezTo>
                    <a:pt x="21971" y="2219"/>
                    <a:pt x="20590" y="2386"/>
                    <a:pt x="19376" y="2951"/>
                  </a:cubicBezTo>
                  <a:cubicBezTo>
                    <a:pt x="18895" y="3202"/>
                    <a:pt x="18414" y="3223"/>
                    <a:pt x="17912" y="3160"/>
                  </a:cubicBezTo>
                  <a:cubicBezTo>
                    <a:pt x="17514" y="3118"/>
                    <a:pt x="17326" y="2930"/>
                    <a:pt x="17305" y="2512"/>
                  </a:cubicBezTo>
                  <a:cubicBezTo>
                    <a:pt x="17284" y="2198"/>
                    <a:pt x="17305" y="1863"/>
                    <a:pt x="17305" y="1549"/>
                  </a:cubicBezTo>
                  <a:cubicBezTo>
                    <a:pt x="17305" y="1382"/>
                    <a:pt x="17263" y="1214"/>
                    <a:pt x="17221" y="1005"/>
                  </a:cubicBezTo>
                  <a:cubicBezTo>
                    <a:pt x="16656" y="1068"/>
                    <a:pt x="16259" y="1319"/>
                    <a:pt x="15903" y="1675"/>
                  </a:cubicBezTo>
                  <a:cubicBezTo>
                    <a:pt x="15443" y="2156"/>
                    <a:pt x="14982" y="2595"/>
                    <a:pt x="14543" y="3056"/>
                  </a:cubicBezTo>
                  <a:cubicBezTo>
                    <a:pt x="14375" y="3223"/>
                    <a:pt x="14250" y="3349"/>
                    <a:pt x="14082" y="3474"/>
                  </a:cubicBezTo>
                  <a:cubicBezTo>
                    <a:pt x="13643" y="3767"/>
                    <a:pt x="13078" y="3662"/>
                    <a:pt x="12806" y="3223"/>
                  </a:cubicBezTo>
                  <a:cubicBezTo>
                    <a:pt x="12555" y="2805"/>
                    <a:pt x="12346" y="2323"/>
                    <a:pt x="12095" y="1884"/>
                  </a:cubicBezTo>
                  <a:cubicBezTo>
                    <a:pt x="11990" y="1675"/>
                    <a:pt x="11865" y="1486"/>
                    <a:pt x="11718" y="1235"/>
                  </a:cubicBezTo>
                  <a:cubicBezTo>
                    <a:pt x="11572" y="1361"/>
                    <a:pt x="11446" y="1465"/>
                    <a:pt x="11404" y="1570"/>
                  </a:cubicBezTo>
                  <a:cubicBezTo>
                    <a:pt x="11237" y="1905"/>
                    <a:pt x="11090" y="2282"/>
                    <a:pt x="10923" y="2616"/>
                  </a:cubicBezTo>
                  <a:cubicBezTo>
                    <a:pt x="10735" y="3014"/>
                    <a:pt x="10588" y="3432"/>
                    <a:pt x="10358" y="3830"/>
                  </a:cubicBezTo>
                  <a:cubicBezTo>
                    <a:pt x="10065" y="4311"/>
                    <a:pt x="9689" y="4458"/>
                    <a:pt x="9145" y="4290"/>
                  </a:cubicBezTo>
                  <a:cubicBezTo>
                    <a:pt x="8789" y="4186"/>
                    <a:pt x="8412" y="4039"/>
                    <a:pt x="8077" y="3872"/>
                  </a:cubicBezTo>
                  <a:cubicBezTo>
                    <a:pt x="7450" y="3558"/>
                    <a:pt x="6822" y="3202"/>
                    <a:pt x="6215" y="2846"/>
                  </a:cubicBezTo>
                  <a:cubicBezTo>
                    <a:pt x="5713" y="2574"/>
                    <a:pt x="5232" y="2407"/>
                    <a:pt x="4667" y="2219"/>
                  </a:cubicBezTo>
                  <a:cubicBezTo>
                    <a:pt x="4499" y="2846"/>
                    <a:pt x="4709" y="3349"/>
                    <a:pt x="4981" y="3788"/>
                  </a:cubicBezTo>
                  <a:cubicBezTo>
                    <a:pt x="5378" y="4353"/>
                    <a:pt x="5818" y="4834"/>
                    <a:pt x="6278" y="5357"/>
                  </a:cubicBezTo>
                  <a:cubicBezTo>
                    <a:pt x="6445" y="5608"/>
                    <a:pt x="6696" y="5776"/>
                    <a:pt x="7010" y="5839"/>
                  </a:cubicBezTo>
                  <a:cubicBezTo>
                    <a:pt x="7387" y="5922"/>
                    <a:pt x="7575" y="6299"/>
                    <a:pt x="7847" y="6571"/>
                  </a:cubicBezTo>
                  <a:cubicBezTo>
                    <a:pt x="7952" y="6675"/>
                    <a:pt x="7952" y="6968"/>
                    <a:pt x="7889" y="7136"/>
                  </a:cubicBezTo>
                  <a:cubicBezTo>
                    <a:pt x="7847" y="7429"/>
                    <a:pt x="7471" y="7533"/>
                    <a:pt x="7282" y="7324"/>
                  </a:cubicBezTo>
                  <a:cubicBezTo>
                    <a:pt x="6906" y="6822"/>
                    <a:pt x="6299" y="6613"/>
                    <a:pt x="5797" y="6278"/>
                  </a:cubicBezTo>
                  <a:cubicBezTo>
                    <a:pt x="5023" y="5755"/>
                    <a:pt x="4102" y="5671"/>
                    <a:pt x="3265" y="5336"/>
                  </a:cubicBezTo>
                  <a:cubicBezTo>
                    <a:pt x="2867" y="5190"/>
                    <a:pt x="2407" y="5085"/>
                    <a:pt x="1821" y="5106"/>
                  </a:cubicBezTo>
                  <a:cubicBezTo>
                    <a:pt x="2093" y="5420"/>
                    <a:pt x="2302" y="5650"/>
                    <a:pt x="2470" y="5922"/>
                  </a:cubicBezTo>
                  <a:cubicBezTo>
                    <a:pt x="2658" y="6152"/>
                    <a:pt x="2826" y="6383"/>
                    <a:pt x="2972" y="6655"/>
                  </a:cubicBezTo>
                  <a:cubicBezTo>
                    <a:pt x="2993" y="6696"/>
                    <a:pt x="2972" y="6864"/>
                    <a:pt x="2930" y="6885"/>
                  </a:cubicBezTo>
                  <a:cubicBezTo>
                    <a:pt x="2846" y="6927"/>
                    <a:pt x="2679" y="7010"/>
                    <a:pt x="2616" y="6989"/>
                  </a:cubicBezTo>
                  <a:cubicBezTo>
                    <a:pt x="2365" y="6864"/>
                    <a:pt x="2156" y="6696"/>
                    <a:pt x="1947" y="6550"/>
                  </a:cubicBezTo>
                  <a:cubicBezTo>
                    <a:pt x="1486" y="6173"/>
                    <a:pt x="1089" y="5734"/>
                    <a:pt x="566" y="5441"/>
                  </a:cubicBezTo>
                  <a:cubicBezTo>
                    <a:pt x="440" y="5399"/>
                    <a:pt x="357" y="5253"/>
                    <a:pt x="252" y="5127"/>
                  </a:cubicBezTo>
                  <a:cubicBezTo>
                    <a:pt x="1" y="4771"/>
                    <a:pt x="147" y="4186"/>
                    <a:pt x="691" y="4165"/>
                  </a:cubicBezTo>
                  <a:cubicBezTo>
                    <a:pt x="1800" y="4102"/>
                    <a:pt x="2867" y="4269"/>
                    <a:pt x="3872" y="4771"/>
                  </a:cubicBezTo>
                  <a:cubicBezTo>
                    <a:pt x="4102" y="4876"/>
                    <a:pt x="4332" y="5023"/>
                    <a:pt x="4709" y="489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Tree>
    <p:custDataLst>
      <p:tags r:id="rId1"/>
    </p:custDataLst>
    <p:extLst>
      <p:ext uri="{BB962C8B-B14F-4D97-AF65-F5344CB8AC3E}">
        <p14:creationId xmlns:p14="http://schemas.microsoft.com/office/powerpoint/2010/main" val="1668097670"/>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grpId="0" nodeType="clickEffect">
                                  <p:stCondLst>
                                    <p:cond delay="0"/>
                                  </p:stCondLst>
                                  <p:childTnLst>
                                    <p:set>
                                      <p:cBhvr>
                                        <p:cTn id="6" dur="1" fill="hold">
                                          <p:stCondLst>
                                            <p:cond delay="0"/>
                                          </p:stCondLst>
                                        </p:cTn>
                                        <p:tgtEl>
                                          <p:spTgt spid="149"/>
                                        </p:tgtEl>
                                        <p:attrNameLst>
                                          <p:attrName>style.visibility</p:attrName>
                                        </p:attrNameLst>
                                      </p:cBhvr>
                                      <p:to>
                                        <p:strVal val="visible"/>
                                      </p:to>
                                    </p:set>
                                    <p:anim calcmode="lin" valueType="num">
                                      <p:cBhvr>
                                        <p:cTn id="7" dur="1500" fill="hold"/>
                                        <p:tgtEl>
                                          <p:spTgt spid="149"/>
                                        </p:tgtEl>
                                        <p:attrNameLst>
                                          <p:attrName>ppt_w</p:attrName>
                                        </p:attrNameLst>
                                      </p:cBhvr>
                                      <p:tavLst>
                                        <p:tav tm="0">
                                          <p:val>
                                            <p:fltVal val="0"/>
                                          </p:val>
                                        </p:tav>
                                        <p:tav tm="100000">
                                          <p:val>
                                            <p:strVal val="#ppt_w"/>
                                          </p:val>
                                        </p:tav>
                                      </p:tavLst>
                                    </p:anim>
                                    <p:anim calcmode="lin" valueType="num">
                                      <p:cBhvr>
                                        <p:cTn id="8" dur="1500" fill="hold"/>
                                        <p:tgtEl>
                                          <p:spTgt spid="149"/>
                                        </p:tgtEl>
                                        <p:attrNameLst>
                                          <p:attrName>ppt_h</p:attrName>
                                        </p:attrNameLst>
                                      </p:cBhvr>
                                      <p:tavLst>
                                        <p:tav tm="0">
                                          <p:val>
                                            <p:fltVal val="0"/>
                                          </p:val>
                                        </p:tav>
                                        <p:tav tm="100000">
                                          <p:val>
                                            <p:strVal val="#ppt_h"/>
                                          </p:val>
                                        </p:tav>
                                      </p:tavLst>
                                    </p:anim>
                                    <p:animEffect transition="in" filter="fade">
                                      <p:cBhvr>
                                        <p:cTn id="9" dur="1500"/>
                                        <p:tgtEl>
                                          <p:spTgt spid="149"/>
                                        </p:tgtEl>
                                      </p:cBhvr>
                                    </p:animEffect>
                                  </p:childTnLst>
                                </p:cTn>
                              </p:par>
                            </p:childTnLst>
                          </p:cTn>
                        </p:par>
                        <p:par>
                          <p:cTn id="10" fill="hold">
                            <p:stCondLst>
                              <p:cond delay="1500"/>
                            </p:stCondLst>
                            <p:childTnLst>
                              <p:par>
                                <p:cTn id="11" presetID="22" presetClass="entr" presetSubtype="8" fill="hold" grpId="0" nodeType="afterEffect">
                                  <p:stCondLst>
                                    <p:cond delay="0"/>
                                  </p:stCondLst>
                                  <p:childTnLst>
                                    <p:set>
                                      <p:cBhvr>
                                        <p:cTn id="12" dur="1" fill="hold">
                                          <p:stCondLst>
                                            <p:cond delay="0"/>
                                          </p:stCondLst>
                                        </p:cTn>
                                        <p:tgtEl>
                                          <p:spTgt spid="262"/>
                                        </p:tgtEl>
                                        <p:attrNameLst>
                                          <p:attrName>style.visibility</p:attrName>
                                        </p:attrNameLst>
                                      </p:cBhvr>
                                      <p:to>
                                        <p:strVal val="visible"/>
                                      </p:to>
                                    </p:set>
                                    <p:animEffect transition="in" filter="wipe(left)">
                                      <p:cBhvr>
                                        <p:cTn id="13" dur="1500"/>
                                        <p:tgtEl>
                                          <p:spTgt spid="262"/>
                                        </p:tgtEl>
                                      </p:cBhvr>
                                    </p:animEffect>
                                  </p:childTnLst>
                                </p:cTn>
                              </p:par>
                            </p:childTnLst>
                          </p:cTn>
                        </p:par>
                        <p:par>
                          <p:cTn id="14" fill="hold">
                            <p:stCondLst>
                              <p:cond delay="3000"/>
                            </p:stCondLst>
                            <p:childTnLst>
                              <p:par>
                                <p:cTn id="15" presetID="22" presetClass="entr" presetSubtype="8" fill="hold" grpId="0" nodeType="afterEffect">
                                  <p:stCondLst>
                                    <p:cond delay="0"/>
                                  </p:stCondLst>
                                  <p:childTnLst>
                                    <p:set>
                                      <p:cBhvr>
                                        <p:cTn id="16" dur="1" fill="hold">
                                          <p:stCondLst>
                                            <p:cond delay="0"/>
                                          </p:stCondLst>
                                        </p:cTn>
                                        <p:tgtEl>
                                          <p:spTgt spid="150">
                                            <p:txEl>
                                              <p:pRg st="0" end="0"/>
                                            </p:txEl>
                                          </p:spTgt>
                                        </p:tgtEl>
                                        <p:attrNameLst>
                                          <p:attrName>style.visibility</p:attrName>
                                        </p:attrNameLst>
                                      </p:cBhvr>
                                      <p:to>
                                        <p:strVal val="visible"/>
                                      </p:to>
                                    </p:set>
                                    <p:animEffect transition="in" filter="wipe(left)">
                                      <p:cBhvr>
                                        <p:cTn id="17" dur="1750"/>
                                        <p:tgtEl>
                                          <p:spTgt spid="150">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9" grpId="0"/>
      <p:bldP spid="150" grpId="0" build="p"/>
      <p:bldP spid="262"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48"/>
        <p:cNvGrpSpPr/>
        <p:nvPr/>
      </p:nvGrpSpPr>
      <p:grpSpPr>
        <a:xfrm>
          <a:off x="0" y="0"/>
          <a:ext cx="0" cy="0"/>
          <a:chOff x="0" y="0"/>
          <a:chExt cx="0" cy="0"/>
        </a:xfrm>
      </p:grpSpPr>
      <p:sp>
        <p:nvSpPr>
          <p:cNvPr id="151" name="Google Shape;151;p33"/>
          <p:cNvSpPr/>
          <p:nvPr/>
        </p:nvSpPr>
        <p:spPr>
          <a:xfrm>
            <a:off x="10133707" y="3324337"/>
            <a:ext cx="313875" cy="324875"/>
          </a:xfrm>
          <a:custGeom>
            <a:avLst/>
            <a:gdLst/>
            <a:ahLst/>
            <a:cxnLst/>
            <a:rect l="l" t="t" r="r" b="b"/>
            <a:pathLst>
              <a:path w="12555" h="12995" extrusionOk="0">
                <a:moveTo>
                  <a:pt x="2742" y="11634"/>
                </a:moveTo>
                <a:cubicBezTo>
                  <a:pt x="2909" y="11321"/>
                  <a:pt x="3160" y="11467"/>
                  <a:pt x="3369" y="11509"/>
                </a:cubicBezTo>
                <a:cubicBezTo>
                  <a:pt x="3872" y="11676"/>
                  <a:pt x="4374" y="11739"/>
                  <a:pt x="4897" y="11593"/>
                </a:cubicBezTo>
                <a:cubicBezTo>
                  <a:pt x="5002" y="11572"/>
                  <a:pt x="5085" y="11509"/>
                  <a:pt x="5148" y="11467"/>
                </a:cubicBezTo>
                <a:cubicBezTo>
                  <a:pt x="4562" y="10253"/>
                  <a:pt x="3976" y="9061"/>
                  <a:pt x="3369" y="7826"/>
                </a:cubicBezTo>
                <a:lnTo>
                  <a:pt x="2784" y="7826"/>
                </a:lnTo>
                <a:cubicBezTo>
                  <a:pt x="2512" y="7826"/>
                  <a:pt x="2323" y="7701"/>
                  <a:pt x="2261" y="7429"/>
                </a:cubicBezTo>
                <a:cubicBezTo>
                  <a:pt x="2177" y="7178"/>
                  <a:pt x="2261" y="6968"/>
                  <a:pt x="2470" y="6801"/>
                </a:cubicBezTo>
                <a:cubicBezTo>
                  <a:pt x="2595" y="6696"/>
                  <a:pt x="2742" y="6613"/>
                  <a:pt x="2888" y="6508"/>
                </a:cubicBezTo>
                <a:cubicBezTo>
                  <a:pt x="2805" y="4918"/>
                  <a:pt x="2637" y="4395"/>
                  <a:pt x="1968" y="3328"/>
                </a:cubicBezTo>
                <a:cubicBezTo>
                  <a:pt x="1842" y="3411"/>
                  <a:pt x="1675" y="3453"/>
                  <a:pt x="1570" y="3558"/>
                </a:cubicBezTo>
                <a:cubicBezTo>
                  <a:pt x="1340" y="3788"/>
                  <a:pt x="1131" y="4081"/>
                  <a:pt x="900" y="4311"/>
                </a:cubicBezTo>
                <a:cubicBezTo>
                  <a:pt x="796" y="4416"/>
                  <a:pt x="587" y="4479"/>
                  <a:pt x="419" y="4499"/>
                </a:cubicBezTo>
                <a:cubicBezTo>
                  <a:pt x="315" y="4499"/>
                  <a:pt x="189" y="4395"/>
                  <a:pt x="1" y="4311"/>
                </a:cubicBezTo>
                <a:cubicBezTo>
                  <a:pt x="294" y="3935"/>
                  <a:pt x="545" y="3558"/>
                  <a:pt x="817" y="3223"/>
                </a:cubicBezTo>
                <a:cubicBezTo>
                  <a:pt x="1068" y="2909"/>
                  <a:pt x="1340" y="2595"/>
                  <a:pt x="1633" y="2282"/>
                </a:cubicBezTo>
                <a:cubicBezTo>
                  <a:pt x="1591" y="2051"/>
                  <a:pt x="1549" y="1779"/>
                  <a:pt x="1570" y="1486"/>
                </a:cubicBezTo>
                <a:cubicBezTo>
                  <a:pt x="1591" y="1340"/>
                  <a:pt x="1696" y="1173"/>
                  <a:pt x="1842" y="1068"/>
                </a:cubicBezTo>
                <a:cubicBezTo>
                  <a:pt x="2009" y="942"/>
                  <a:pt x="2219" y="1026"/>
                  <a:pt x="2386" y="1173"/>
                </a:cubicBezTo>
                <a:lnTo>
                  <a:pt x="2616" y="1486"/>
                </a:lnTo>
                <a:cubicBezTo>
                  <a:pt x="2721" y="1486"/>
                  <a:pt x="2805" y="1507"/>
                  <a:pt x="2846" y="1466"/>
                </a:cubicBezTo>
                <a:cubicBezTo>
                  <a:pt x="3453" y="942"/>
                  <a:pt x="4165" y="754"/>
                  <a:pt x="4918" y="649"/>
                </a:cubicBezTo>
                <a:cubicBezTo>
                  <a:pt x="5838" y="524"/>
                  <a:pt x="6759" y="336"/>
                  <a:pt x="7659" y="189"/>
                </a:cubicBezTo>
                <a:cubicBezTo>
                  <a:pt x="8538" y="1"/>
                  <a:pt x="9207" y="419"/>
                  <a:pt x="9835" y="922"/>
                </a:cubicBezTo>
                <a:cubicBezTo>
                  <a:pt x="10253" y="1256"/>
                  <a:pt x="10358" y="2282"/>
                  <a:pt x="10065" y="2742"/>
                </a:cubicBezTo>
                <a:cubicBezTo>
                  <a:pt x="9709" y="3286"/>
                  <a:pt x="9312" y="3809"/>
                  <a:pt x="8914" y="4332"/>
                </a:cubicBezTo>
                <a:cubicBezTo>
                  <a:pt x="8789" y="4499"/>
                  <a:pt x="8663" y="4646"/>
                  <a:pt x="8475" y="4897"/>
                </a:cubicBezTo>
                <a:cubicBezTo>
                  <a:pt x="8705" y="4939"/>
                  <a:pt x="8872" y="5002"/>
                  <a:pt x="9019" y="5023"/>
                </a:cubicBezTo>
                <a:cubicBezTo>
                  <a:pt x="9709" y="5127"/>
                  <a:pt x="10379" y="5211"/>
                  <a:pt x="11069" y="5357"/>
                </a:cubicBezTo>
                <a:cubicBezTo>
                  <a:pt x="12011" y="5587"/>
                  <a:pt x="12555" y="6466"/>
                  <a:pt x="12408" y="7408"/>
                </a:cubicBezTo>
                <a:cubicBezTo>
                  <a:pt x="12262" y="8287"/>
                  <a:pt x="11927" y="9124"/>
                  <a:pt x="11279" y="9793"/>
                </a:cubicBezTo>
                <a:cubicBezTo>
                  <a:pt x="10484" y="10567"/>
                  <a:pt x="9647" y="11279"/>
                  <a:pt x="8642" y="11718"/>
                </a:cubicBezTo>
                <a:cubicBezTo>
                  <a:pt x="8600" y="11739"/>
                  <a:pt x="8579" y="11739"/>
                  <a:pt x="8559" y="11760"/>
                </a:cubicBezTo>
                <a:cubicBezTo>
                  <a:pt x="7408" y="12471"/>
                  <a:pt x="6131" y="12681"/>
                  <a:pt x="4813" y="12869"/>
                </a:cubicBezTo>
                <a:cubicBezTo>
                  <a:pt x="3767" y="12994"/>
                  <a:pt x="3223" y="12681"/>
                  <a:pt x="2742" y="11634"/>
                </a:cubicBezTo>
                <a:close/>
                <a:moveTo>
                  <a:pt x="6759" y="11258"/>
                </a:moveTo>
                <a:cubicBezTo>
                  <a:pt x="7178" y="11049"/>
                  <a:pt x="7596" y="10839"/>
                  <a:pt x="8035" y="10651"/>
                </a:cubicBezTo>
                <a:cubicBezTo>
                  <a:pt x="8956" y="10274"/>
                  <a:pt x="9688" y="9647"/>
                  <a:pt x="10358" y="8998"/>
                </a:cubicBezTo>
                <a:cubicBezTo>
                  <a:pt x="10860" y="8538"/>
                  <a:pt x="11069" y="7931"/>
                  <a:pt x="11195" y="7261"/>
                </a:cubicBezTo>
                <a:cubicBezTo>
                  <a:pt x="11279" y="6927"/>
                  <a:pt x="11111" y="6675"/>
                  <a:pt x="10776" y="6529"/>
                </a:cubicBezTo>
                <a:cubicBezTo>
                  <a:pt x="10672" y="6508"/>
                  <a:pt x="10588" y="6466"/>
                  <a:pt x="10484" y="6466"/>
                </a:cubicBezTo>
                <a:cubicBezTo>
                  <a:pt x="9521" y="6278"/>
                  <a:pt x="8517" y="6090"/>
                  <a:pt x="7533" y="6383"/>
                </a:cubicBezTo>
                <a:cubicBezTo>
                  <a:pt x="7240" y="6466"/>
                  <a:pt x="6926" y="6508"/>
                  <a:pt x="6613" y="6529"/>
                </a:cubicBezTo>
                <a:cubicBezTo>
                  <a:pt x="5880" y="6613"/>
                  <a:pt x="5274" y="7010"/>
                  <a:pt x="4646" y="7345"/>
                </a:cubicBezTo>
                <a:cubicBezTo>
                  <a:pt x="5106" y="8831"/>
                  <a:pt x="5922" y="10379"/>
                  <a:pt x="6759" y="11258"/>
                </a:cubicBezTo>
                <a:close/>
                <a:moveTo>
                  <a:pt x="4144" y="6090"/>
                </a:moveTo>
                <a:cubicBezTo>
                  <a:pt x="4604" y="5859"/>
                  <a:pt x="4939" y="5650"/>
                  <a:pt x="5294" y="5525"/>
                </a:cubicBezTo>
                <a:cubicBezTo>
                  <a:pt x="6801" y="4939"/>
                  <a:pt x="7847" y="3872"/>
                  <a:pt x="8747" y="2595"/>
                </a:cubicBezTo>
                <a:cubicBezTo>
                  <a:pt x="9228" y="1863"/>
                  <a:pt x="9123" y="1507"/>
                  <a:pt x="8266" y="1277"/>
                </a:cubicBezTo>
                <a:cubicBezTo>
                  <a:pt x="8056" y="1235"/>
                  <a:pt x="7805" y="1256"/>
                  <a:pt x="7554" y="1277"/>
                </a:cubicBezTo>
                <a:cubicBezTo>
                  <a:pt x="6675" y="1424"/>
                  <a:pt x="5818" y="1633"/>
                  <a:pt x="4918" y="1738"/>
                </a:cubicBezTo>
                <a:cubicBezTo>
                  <a:pt x="4206" y="1800"/>
                  <a:pt x="3641" y="2114"/>
                  <a:pt x="3097" y="2700"/>
                </a:cubicBezTo>
                <a:cubicBezTo>
                  <a:pt x="3307" y="3223"/>
                  <a:pt x="3537" y="3746"/>
                  <a:pt x="3704" y="4290"/>
                </a:cubicBezTo>
                <a:cubicBezTo>
                  <a:pt x="3934" y="4834"/>
                  <a:pt x="3997" y="5420"/>
                  <a:pt x="4144" y="6090"/>
                </a:cubicBezTo>
                <a:close/>
              </a:path>
            </a:pathLst>
          </a:custGeom>
          <a:solidFill>
            <a:schemeClr val="dk1"/>
          </a:solidFill>
          <a:ln>
            <a:noFill/>
          </a:ln>
        </p:spPr>
        <p:txBody>
          <a:bodyPr spcFirstLastPara="1" wrap="square" lIns="91425" tIns="91425" rIns="91425" bIns="91425" anchor="ctr" anchorCtr="0">
            <a:noAutofit/>
          </a:bodyPr>
          <a:lstStyle/>
          <a:p>
            <a:endParaRPr dirty="0"/>
          </a:p>
        </p:txBody>
      </p:sp>
      <p:sp>
        <p:nvSpPr>
          <p:cNvPr id="152" name="Google Shape;152;p33"/>
          <p:cNvSpPr/>
          <p:nvPr/>
        </p:nvSpPr>
        <p:spPr>
          <a:xfrm>
            <a:off x="299949" y="4634489"/>
            <a:ext cx="283550" cy="431575"/>
          </a:xfrm>
          <a:custGeom>
            <a:avLst/>
            <a:gdLst/>
            <a:ahLst/>
            <a:cxnLst/>
            <a:rect l="l" t="t" r="r" b="b"/>
            <a:pathLst>
              <a:path w="11342" h="17263" extrusionOk="0">
                <a:moveTo>
                  <a:pt x="7826" y="9709"/>
                </a:moveTo>
                <a:cubicBezTo>
                  <a:pt x="7324" y="10316"/>
                  <a:pt x="6738" y="10420"/>
                  <a:pt x="6110" y="10399"/>
                </a:cubicBezTo>
                <a:cubicBezTo>
                  <a:pt x="5797" y="10399"/>
                  <a:pt x="5483" y="10504"/>
                  <a:pt x="5169" y="10630"/>
                </a:cubicBezTo>
                <a:cubicBezTo>
                  <a:pt x="4750" y="10776"/>
                  <a:pt x="4353" y="10985"/>
                  <a:pt x="3976" y="11195"/>
                </a:cubicBezTo>
                <a:cubicBezTo>
                  <a:pt x="3411" y="11487"/>
                  <a:pt x="2867" y="11739"/>
                  <a:pt x="2261" y="11822"/>
                </a:cubicBezTo>
                <a:cubicBezTo>
                  <a:pt x="2030" y="11843"/>
                  <a:pt x="1821" y="12011"/>
                  <a:pt x="1549" y="12136"/>
                </a:cubicBezTo>
                <a:cubicBezTo>
                  <a:pt x="1486" y="12868"/>
                  <a:pt x="1403" y="13580"/>
                  <a:pt x="1382" y="14312"/>
                </a:cubicBezTo>
                <a:cubicBezTo>
                  <a:pt x="1361" y="14919"/>
                  <a:pt x="1361" y="15547"/>
                  <a:pt x="1319" y="16153"/>
                </a:cubicBezTo>
                <a:cubicBezTo>
                  <a:pt x="1319" y="16384"/>
                  <a:pt x="1298" y="16635"/>
                  <a:pt x="1193" y="16844"/>
                </a:cubicBezTo>
                <a:cubicBezTo>
                  <a:pt x="1131" y="17011"/>
                  <a:pt x="942" y="17158"/>
                  <a:pt x="775" y="17221"/>
                </a:cubicBezTo>
                <a:cubicBezTo>
                  <a:pt x="566" y="17262"/>
                  <a:pt x="377" y="17116"/>
                  <a:pt x="336" y="16907"/>
                </a:cubicBezTo>
                <a:cubicBezTo>
                  <a:pt x="252" y="16551"/>
                  <a:pt x="168" y="16195"/>
                  <a:pt x="147" y="15840"/>
                </a:cubicBezTo>
                <a:cubicBezTo>
                  <a:pt x="1" y="13454"/>
                  <a:pt x="231" y="11132"/>
                  <a:pt x="629" y="8788"/>
                </a:cubicBezTo>
                <a:cubicBezTo>
                  <a:pt x="942" y="7073"/>
                  <a:pt x="1382" y="5399"/>
                  <a:pt x="1737" y="3662"/>
                </a:cubicBezTo>
                <a:cubicBezTo>
                  <a:pt x="1905" y="2888"/>
                  <a:pt x="2302" y="2156"/>
                  <a:pt x="2365" y="1319"/>
                </a:cubicBezTo>
                <a:cubicBezTo>
                  <a:pt x="2407" y="1026"/>
                  <a:pt x="2616" y="712"/>
                  <a:pt x="2825" y="461"/>
                </a:cubicBezTo>
                <a:cubicBezTo>
                  <a:pt x="3160" y="42"/>
                  <a:pt x="3830" y="0"/>
                  <a:pt x="4227" y="419"/>
                </a:cubicBezTo>
                <a:cubicBezTo>
                  <a:pt x="4395" y="607"/>
                  <a:pt x="4520" y="816"/>
                  <a:pt x="4646" y="1005"/>
                </a:cubicBezTo>
                <a:cubicBezTo>
                  <a:pt x="6215" y="3432"/>
                  <a:pt x="7701" y="5901"/>
                  <a:pt x="8935" y="8516"/>
                </a:cubicBezTo>
                <a:cubicBezTo>
                  <a:pt x="9312" y="9290"/>
                  <a:pt x="9772" y="10002"/>
                  <a:pt x="10170" y="10755"/>
                </a:cubicBezTo>
                <a:cubicBezTo>
                  <a:pt x="10504" y="11404"/>
                  <a:pt x="10818" y="12073"/>
                  <a:pt x="11132" y="12722"/>
                </a:cubicBezTo>
                <a:cubicBezTo>
                  <a:pt x="11216" y="12848"/>
                  <a:pt x="11258" y="13036"/>
                  <a:pt x="11300" y="13182"/>
                </a:cubicBezTo>
                <a:cubicBezTo>
                  <a:pt x="11341" y="13705"/>
                  <a:pt x="10797" y="14103"/>
                  <a:pt x="10295" y="13894"/>
                </a:cubicBezTo>
                <a:cubicBezTo>
                  <a:pt x="9940" y="13747"/>
                  <a:pt x="9668" y="13496"/>
                  <a:pt x="9563" y="13140"/>
                </a:cubicBezTo>
                <a:cubicBezTo>
                  <a:pt x="9228" y="11906"/>
                  <a:pt x="8370" y="10964"/>
                  <a:pt x="7826" y="9709"/>
                </a:cubicBezTo>
                <a:close/>
                <a:moveTo>
                  <a:pt x="3600" y="2386"/>
                </a:moveTo>
                <a:cubicBezTo>
                  <a:pt x="2637" y="4813"/>
                  <a:pt x="2323" y="7156"/>
                  <a:pt x="1821" y="9416"/>
                </a:cubicBezTo>
                <a:cubicBezTo>
                  <a:pt x="1779" y="9709"/>
                  <a:pt x="1821" y="10044"/>
                  <a:pt x="1821" y="10420"/>
                </a:cubicBezTo>
                <a:cubicBezTo>
                  <a:pt x="2114" y="10399"/>
                  <a:pt x="2344" y="10399"/>
                  <a:pt x="2553" y="10316"/>
                </a:cubicBezTo>
                <a:cubicBezTo>
                  <a:pt x="2930" y="10148"/>
                  <a:pt x="3286" y="9981"/>
                  <a:pt x="3662" y="9772"/>
                </a:cubicBezTo>
                <a:cubicBezTo>
                  <a:pt x="4709" y="9165"/>
                  <a:pt x="5776" y="8746"/>
                  <a:pt x="7010" y="8935"/>
                </a:cubicBezTo>
                <a:cubicBezTo>
                  <a:pt x="7094" y="8935"/>
                  <a:pt x="7136" y="8872"/>
                  <a:pt x="7324" y="8830"/>
                </a:cubicBezTo>
                <a:cubicBezTo>
                  <a:pt x="6320" y="6633"/>
                  <a:pt x="5169" y="4541"/>
                  <a:pt x="3600" y="238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153" name="Google Shape;153;p33"/>
          <p:cNvSpPr/>
          <p:nvPr/>
        </p:nvSpPr>
        <p:spPr>
          <a:xfrm>
            <a:off x="10228768" y="5246412"/>
            <a:ext cx="297150" cy="326950"/>
          </a:xfrm>
          <a:custGeom>
            <a:avLst/>
            <a:gdLst/>
            <a:ahLst/>
            <a:cxnLst/>
            <a:rect l="l" t="t" r="r" b="b"/>
            <a:pathLst>
              <a:path w="11886" h="13078" extrusionOk="0">
                <a:moveTo>
                  <a:pt x="11195" y="8181"/>
                </a:moveTo>
                <a:cubicBezTo>
                  <a:pt x="11864" y="8997"/>
                  <a:pt x="11885" y="9102"/>
                  <a:pt x="11509" y="9772"/>
                </a:cubicBezTo>
                <a:cubicBezTo>
                  <a:pt x="11027" y="10650"/>
                  <a:pt x="10483" y="11425"/>
                  <a:pt x="9521" y="11843"/>
                </a:cubicBezTo>
                <a:cubicBezTo>
                  <a:pt x="8956" y="12073"/>
                  <a:pt x="8496" y="12450"/>
                  <a:pt x="7952" y="12680"/>
                </a:cubicBezTo>
                <a:cubicBezTo>
                  <a:pt x="7052" y="13057"/>
                  <a:pt x="6131" y="13078"/>
                  <a:pt x="5190" y="12806"/>
                </a:cubicBezTo>
                <a:cubicBezTo>
                  <a:pt x="4813" y="12701"/>
                  <a:pt x="4353" y="12638"/>
                  <a:pt x="3934" y="12596"/>
                </a:cubicBezTo>
                <a:cubicBezTo>
                  <a:pt x="3349" y="12575"/>
                  <a:pt x="2888" y="12345"/>
                  <a:pt x="2512" y="11906"/>
                </a:cubicBezTo>
                <a:cubicBezTo>
                  <a:pt x="2030" y="11404"/>
                  <a:pt x="1570" y="10922"/>
                  <a:pt x="1068" y="10462"/>
                </a:cubicBezTo>
                <a:cubicBezTo>
                  <a:pt x="419" y="9834"/>
                  <a:pt x="147" y="9039"/>
                  <a:pt x="105" y="8181"/>
                </a:cubicBezTo>
                <a:cubicBezTo>
                  <a:pt x="43" y="7428"/>
                  <a:pt x="1" y="6633"/>
                  <a:pt x="126" y="5880"/>
                </a:cubicBezTo>
                <a:cubicBezTo>
                  <a:pt x="377" y="4185"/>
                  <a:pt x="984" y="2616"/>
                  <a:pt x="2240" y="1360"/>
                </a:cubicBezTo>
                <a:cubicBezTo>
                  <a:pt x="2574" y="1026"/>
                  <a:pt x="2993" y="858"/>
                  <a:pt x="3411" y="649"/>
                </a:cubicBezTo>
                <a:cubicBezTo>
                  <a:pt x="4750" y="0"/>
                  <a:pt x="6131" y="42"/>
                  <a:pt x="7533" y="210"/>
                </a:cubicBezTo>
                <a:cubicBezTo>
                  <a:pt x="8203" y="293"/>
                  <a:pt x="8642" y="1067"/>
                  <a:pt x="8391" y="1716"/>
                </a:cubicBezTo>
                <a:cubicBezTo>
                  <a:pt x="8370" y="1821"/>
                  <a:pt x="8203" y="1883"/>
                  <a:pt x="8077" y="1967"/>
                </a:cubicBezTo>
                <a:cubicBezTo>
                  <a:pt x="7805" y="1716"/>
                  <a:pt x="7575" y="1486"/>
                  <a:pt x="7324" y="1256"/>
                </a:cubicBezTo>
                <a:cubicBezTo>
                  <a:pt x="6299" y="1256"/>
                  <a:pt x="5336" y="1298"/>
                  <a:pt x="4332" y="1695"/>
                </a:cubicBezTo>
                <a:cubicBezTo>
                  <a:pt x="3244" y="2135"/>
                  <a:pt x="2658" y="2951"/>
                  <a:pt x="2219" y="3913"/>
                </a:cubicBezTo>
                <a:cubicBezTo>
                  <a:pt x="1612" y="5231"/>
                  <a:pt x="1528" y="6612"/>
                  <a:pt x="1675" y="8035"/>
                </a:cubicBezTo>
                <a:cubicBezTo>
                  <a:pt x="1696" y="8391"/>
                  <a:pt x="1821" y="8809"/>
                  <a:pt x="2051" y="9081"/>
                </a:cubicBezTo>
                <a:cubicBezTo>
                  <a:pt x="2553" y="9646"/>
                  <a:pt x="3097" y="10169"/>
                  <a:pt x="3683" y="10692"/>
                </a:cubicBezTo>
                <a:cubicBezTo>
                  <a:pt x="3809" y="10818"/>
                  <a:pt x="4039" y="10860"/>
                  <a:pt x="4248" y="10902"/>
                </a:cubicBezTo>
                <a:cubicBezTo>
                  <a:pt x="4667" y="11006"/>
                  <a:pt x="5085" y="11006"/>
                  <a:pt x="5483" y="11174"/>
                </a:cubicBezTo>
                <a:cubicBezTo>
                  <a:pt x="6403" y="11508"/>
                  <a:pt x="7240" y="11278"/>
                  <a:pt x="8056" y="10818"/>
                </a:cubicBezTo>
                <a:cubicBezTo>
                  <a:pt x="9123" y="10232"/>
                  <a:pt x="10149" y="9521"/>
                  <a:pt x="10818" y="8453"/>
                </a:cubicBezTo>
                <a:cubicBezTo>
                  <a:pt x="10902" y="8412"/>
                  <a:pt x="11027" y="8349"/>
                  <a:pt x="11195" y="8181"/>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nvGrpSpPr>
          <p:cNvPr id="165" name="Google Shape;165;p33"/>
          <p:cNvGrpSpPr/>
          <p:nvPr/>
        </p:nvGrpSpPr>
        <p:grpSpPr>
          <a:xfrm>
            <a:off x="1986853" y="5501662"/>
            <a:ext cx="956750" cy="553975"/>
            <a:chOff x="-1199475" y="2658325"/>
            <a:chExt cx="956750" cy="553975"/>
          </a:xfrm>
        </p:grpSpPr>
        <p:sp>
          <p:nvSpPr>
            <p:cNvPr id="166" name="Google Shape;166;p33"/>
            <p:cNvSpPr/>
            <p:nvPr/>
          </p:nvSpPr>
          <p:spPr>
            <a:xfrm>
              <a:off x="-1137750" y="2679225"/>
              <a:ext cx="873050" cy="389225"/>
            </a:xfrm>
            <a:custGeom>
              <a:avLst/>
              <a:gdLst/>
              <a:ahLst/>
              <a:cxnLst/>
              <a:rect l="l" t="t" r="r" b="b"/>
              <a:pathLst>
                <a:path w="34922" h="15569" extrusionOk="0">
                  <a:moveTo>
                    <a:pt x="20631" y="1"/>
                  </a:moveTo>
                  <a:cubicBezTo>
                    <a:pt x="21426" y="587"/>
                    <a:pt x="22158" y="1068"/>
                    <a:pt x="22472" y="1989"/>
                  </a:cubicBezTo>
                  <a:cubicBezTo>
                    <a:pt x="22556" y="2261"/>
                    <a:pt x="22723" y="2428"/>
                    <a:pt x="22912" y="2637"/>
                  </a:cubicBezTo>
                  <a:cubicBezTo>
                    <a:pt x="23456" y="3202"/>
                    <a:pt x="24021" y="3725"/>
                    <a:pt x="24460" y="4374"/>
                  </a:cubicBezTo>
                  <a:cubicBezTo>
                    <a:pt x="24586" y="4583"/>
                    <a:pt x="24816" y="4772"/>
                    <a:pt x="25025" y="4918"/>
                  </a:cubicBezTo>
                  <a:cubicBezTo>
                    <a:pt x="25694" y="5357"/>
                    <a:pt x="26343" y="5776"/>
                    <a:pt x="26992" y="6194"/>
                  </a:cubicBezTo>
                  <a:cubicBezTo>
                    <a:pt x="28205" y="6969"/>
                    <a:pt x="29314" y="7805"/>
                    <a:pt x="30340" y="8768"/>
                  </a:cubicBezTo>
                  <a:cubicBezTo>
                    <a:pt x="30946" y="9312"/>
                    <a:pt x="31595" y="9751"/>
                    <a:pt x="32223" y="10254"/>
                  </a:cubicBezTo>
                  <a:cubicBezTo>
                    <a:pt x="32516" y="10484"/>
                    <a:pt x="32767" y="10735"/>
                    <a:pt x="33039" y="10965"/>
                  </a:cubicBezTo>
                  <a:cubicBezTo>
                    <a:pt x="33122" y="11049"/>
                    <a:pt x="33185" y="11174"/>
                    <a:pt x="33290" y="11216"/>
                  </a:cubicBezTo>
                  <a:cubicBezTo>
                    <a:pt x="34022" y="11530"/>
                    <a:pt x="34294" y="12241"/>
                    <a:pt x="34713" y="12827"/>
                  </a:cubicBezTo>
                  <a:cubicBezTo>
                    <a:pt x="34922" y="13078"/>
                    <a:pt x="34901" y="13371"/>
                    <a:pt x="34733" y="13664"/>
                  </a:cubicBezTo>
                  <a:cubicBezTo>
                    <a:pt x="34608" y="13894"/>
                    <a:pt x="34441" y="14145"/>
                    <a:pt x="34273" y="14438"/>
                  </a:cubicBezTo>
                  <a:cubicBezTo>
                    <a:pt x="34210" y="14292"/>
                    <a:pt x="34169" y="14187"/>
                    <a:pt x="34127" y="14083"/>
                  </a:cubicBezTo>
                  <a:cubicBezTo>
                    <a:pt x="34106" y="13831"/>
                    <a:pt x="33980" y="13685"/>
                    <a:pt x="33771" y="13601"/>
                  </a:cubicBezTo>
                  <a:cubicBezTo>
                    <a:pt x="33373" y="13392"/>
                    <a:pt x="32976" y="13183"/>
                    <a:pt x="32557" y="12995"/>
                  </a:cubicBezTo>
                  <a:cubicBezTo>
                    <a:pt x="32411" y="12932"/>
                    <a:pt x="32223" y="12890"/>
                    <a:pt x="32034" y="12869"/>
                  </a:cubicBezTo>
                  <a:cubicBezTo>
                    <a:pt x="31344" y="12785"/>
                    <a:pt x="30612" y="12639"/>
                    <a:pt x="29900" y="12869"/>
                  </a:cubicBezTo>
                  <a:cubicBezTo>
                    <a:pt x="29210" y="12743"/>
                    <a:pt x="28540" y="12953"/>
                    <a:pt x="27829" y="12953"/>
                  </a:cubicBezTo>
                  <a:cubicBezTo>
                    <a:pt x="27264" y="12953"/>
                    <a:pt x="26699" y="13057"/>
                    <a:pt x="26134" y="13141"/>
                  </a:cubicBezTo>
                  <a:cubicBezTo>
                    <a:pt x="25548" y="13204"/>
                    <a:pt x="25004" y="13350"/>
                    <a:pt x="24460" y="13413"/>
                  </a:cubicBezTo>
                  <a:cubicBezTo>
                    <a:pt x="23749" y="13497"/>
                    <a:pt x="23037" y="13685"/>
                    <a:pt x="22347" y="13831"/>
                  </a:cubicBezTo>
                  <a:cubicBezTo>
                    <a:pt x="21217" y="14124"/>
                    <a:pt x="20066" y="14334"/>
                    <a:pt x="18915" y="14606"/>
                  </a:cubicBezTo>
                  <a:cubicBezTo>
                    <a:pt x="18497" y="14668"/>
                    <a:pt x="18099" y="14773"/>
                    <a:pt x="17702" y="14920"/>
                  </a:cubicBezTo>
                  <a:cubicBezTo>
                    <a:pt x="17116" y="15129"/>
                    <a:pt x="16509" y="15275"/>
                    <a:pt x="15881" y="15296"/>
                  </a:cubicBezTo>
                  <a:cubicBezTo>
                    <a:pt x="15358" y="15338"/>
                    <a:pt x="14814" y="15401"/>
                    <a:pt x="14291" y="15484"/>
                  </a:cubicBezTo>
                  <a:cubicBezTo>
                    <a:pt x="13810" y="15568"/>
                    <a:pt x="13266" y="15464"/>
                    <a:pt x="12764" y="15380"/>
                  </a:cubicBezTo>
                  <a:cubicBezTo>
                    <a:pt x="12638" y="15359"/>
                    <a:pt x="12513" y="15233"/>
                    <a:pt x="12408" y="15129"/>
                  </a:cubicBezTo>
                  <a:cubicBezTo>
                    <a:pt x="11508" y="14229"/>
                    <a:pt x="10650" y="13287"/>
                    <a:pt x="9897" y="12304"/>
                  </a:cubicBezTo>
                  <a:cubicBezTo>
                    <a:pt x="9583" y="11907"/>
                    <a:pt x="9207" y="11530"/>
                    <a:pt x="8851" y="11195"/>
                  </a:cubicBezTo>
                  <a:cubicBezTo>
                    <a:pt x="7972" y="10421"/>
                    <a:pt x="7198" y="9542"/>
                    <a:pt x="6466" y="8601"/>
                  </a:cubicBezTo>
                  <a:cubicBezTo>
                    <a:pt x="6131" y="8161"/>
                    <a:pt x="5712" y="7743"/>
                    <a:pt x="5315" y="7345"/>
                  </a:cubicBezTo>
                  <a:cubicBezTo>
                    <a:pt x="4290" y="6341"/>
                    <a:pt x="3160" y="5420"/>
                    <a:pt x="2218" y="4311"/>
                  </a:cubicBezTo>
                  <a:cubicBezTo>
                    <a:pt x="1883" y="3935"/>
                    <a:pt x="1381" y="3642"/>
                    <a:pt x="942" y="3328"/>
                  </a:cubicBezTo>
                  <a:cubicBezTo>
                    <a:pt x="649" y="3119"/>
                    <a:pt x="335" y="2930"/>
                    <a:pt x="0" y="2721"/>
                  </a:cubicBezTo>
                  <a:cubicBezTo>
                    <a:pt x="21" y="2575"/>
                    <a:pt x="84" y="2428"/>
                    <a:pt x="105" y="2324"/>
                  </a:cubicBezTo>
                  <a:cubicBezTo>
                    <a:pt x="210" y="2282"/>
                    <a:pt x="272" y="2261"/>
                    <a:pt x="314" y="2261"/>
                  </a:cubicBezTo>
                  <a:cubicBezTo>
                    <a:pt x="963" y="2365"/>
                    <a:pt x="1632" y="2282"/>
                    <a:pt x="2281" y="2156"/>
                  </a:cubicBezTo>
                  <a:cubicBezTo>
                    <a:pt x="2804" y="2052"/>
                    <a:pt x="3348" y="1989"/>
                    <a:pt x="3871" y="1863"/>
                  </a:cubicBezTo>
                  <a:cubicBezTo>
                    <a:pt x="5043" y="1570"/>
                    <a:pt x="6236" y="1466"/>
                    <a:pt x="7428" y="1424"/>
                  </a:cubicBezTo>
                  <a:cubicBezTo>
                    <a:pt x="9918" y="1277"/>
                    <a:pt x="12408" y="1131"/>
                    <a:pt x="14877" y="963"/>
                  </a:cubicBezTo>
                  <a:cubicBezTo>
                    <a:pt x="15379" y="943"/>
                    <a:pt x="15902" y="922"/>
                    <a:pt x="16425" y="943"/>
                  </a:cubicBezTo>
                  <a:cubicBezTo>
                    <a:pt x="17137" y="963"/>
                    <a:pt x="17806" y="922"/>
                    <a:pt x="18497" y="817"/>
                  </a:cubicBezTo>
                  <a:cubicBezTo>
                    <a:pt x="18832" y="754"/>
                    <a:pt x="19208" y="817"/>
                    <a:pt x="19564" y="838"/>
                  </a:cubicBezTo>
                  <a:cubicBezTo>
                    <a:pt x="19982" y="901"/>
                    <a:pt x="20275" y="796"/>
                    <a:pt x="20401" y="336"/>
                  </a:cubicBezTo>
                  <a:cubicBezTo>
                    <a:pt x="20464" y="273"/>
                    <a:pt x="20505" y="189"/>
                    <a:pt x="20631" y="1"/>
                  </a:cubicBezTo>
                  <a:close/>
                  <a:moveTo>
                    <a:pt x="7240" y="4500"/>
                  </a:moveTo>
                  <a:cubicBezTo>
                    <a:pt x="7303" y="4604"/>
                    <a:pt x="7303" y="4688"/>
                    <a:pt x="7324" y="4709"/>
                  </a:cubicBezTo>
                  <a:cubicBezTo>
                    <a:pt x="7616" y="4813"/>
                    <a:pt x="7721" y="5002"/>
                    <a:pt x="7763" y="5295"/>
                  </a:cubicBezTo>
                  <a:cubicBezTo>
                    <a:pt x="7847" y="5713"/>
                    <a:pt x="8056" y="6048"/>
                    <a:pt x="8286" y="6404"/>
                  </a:cubicBezTo>
                  <a:cubicBezTo>
                    <a:pt x="8600" y="6906"/>
                    <a:pt x="9060" y="7324"/>
                    <a:pt x="9416" y="7764"/>
                  </a:cubicBezTo>
                  <a:cubicBezTo>
                    <a:pt x="9834" y="8287"/>
                    <a:pt x="10378" y="8329"/>
                    <a:pt x="10964" y="8161"/>
                  </a:cubicBezTo>
                  <a:cubicBezTo>
                    <a:pt x="11299" y="8057"/>
                    <a:pt x="11613" y="7910"/>
                    <a:pt x="11927" y="7722"/>
                  </a:cubicBezTo>
                  <a:cubicBezTo>
                    <a:pt x="12345" y="7492"/>
                    <a:pt x="12785" y="7220"/>
                    <a:pt x="13266" y="7241"/>
                  </a:cubicBezTo>
                  <a:cubicBezTo>
                    <a:pt x="13789" y="7282"/>
                    <a:pt x="14249" y="7115"/>
                    <a:pt x="14751" y="6989"/>
                  </a:cubicBezTo>
                  <a:cubicBezTo>
                    <a:pt x="15379" y="6822"/>
                    <a:pt x="16007" y="6571"/>
                    <a:pt x="16697" y="6697"/>
                  </a:cubicBezTo>
                  <a:cubicBezTo>
                    <a:pt x="16802" y="6717"/>
                    <a:pt x="16927" y="6697"/>
                    <a:pt x="17053" y="6655"/>
                  </a:cubicBezTo>
                  <a:cubicBezTo>
                    <a:pt x="17660" y="6466"/>
                    <a:pt x="18288" y="6362"/>
                    <a:pt x="18915" y="6299"/>
                  </a:cubicBezTo>
                  <a:cubicBezTo>
                    <a:pt x="19124" y="6278"/>
                    <a:pt x="19334" y="6278"/>
                    <a:pt x="19543" y="6215"/>
                  </a:cubicBezTo>
                  <a:cubicBezTo>
                    <a:pt x="19773" y="6173"/>
                    <a:pt x="20003" y="6153"/>
                    <a:pt x="20254" y="6069"/>
                  </a:cubicBezTo>
                  <a:cubicBezTo>
                    <a:pt x="20694" y="5881"/>
                    <a:pt x="20798" y="5525"/>
                    <a:pt x="20589" y="5127"/>
                  </a:cubicBezTo>
                  <a:cubicBezTo>
                    <a:pt x="20526" y="5023"/>
                    <a:pt x="20422" y="4939"/>
                    <a:pt x="20380" y="4834"/>
                  </a:cubicBezTo>
                  <a:cubicBezTo>
                    <a:pt x="20275" y="4625"/>
                    <a:pt x="20108" y="4416"/>
                    <a:pt x="20066" y="4207"/>
                  </a:cubicBezTo>
                  <a:cubicBezTo>
                    <a:pt x="19878" y="3391"/>
                    <a:pt x="19271" y="3035"/>
                    <a:pt x="18518" y="2930"/>
                  </a:cubicBezTo>
                  <a:cubicBezTo>
                    <a:pt x="17702" y="2805"/>
                    <a:pt x="16865" y="2637"/>
                    <a:pt x="16028" y="2909"/>
                  </a:cubicBezTo>
                  <a:cubicBezTo>
                    <a:pt x="15965" y="2930"/>
                    <a:pt x="15860" y="2909"/>
                    <a:pt x="15777" y="2909"/>
                  </a:cubicBezTo>
                  <a:cubicBezTo>
                    <a:pt x="15254" y="2909"/>
                    <a:pt x="14772" y="3056"/>
                    <a:pt x="14312" y="3265"/>
                  </a:cubicBezTo>
                  <a:cubicBezTo>
                    <a:pt x="13977" y="3432"/>
                    <a:pt x="13580" y="3558"/>
                    <a:pt x="13203" y="3642"/>
                  </a:cubicBezTo>
                  <a:cubicBezTo>
                    <a:pt x="12429" y="3809"/>
                    <a:pt x="11613" y="3893"/>
                    <a:pt x="10839" y="4081"/>
                  </a:cubicBezTo>
                  <a:cubicBezTo>
                    <a:pt x="9939" y="4311"/>
                    <a:pt x="9081" y="4416"/>
                    <a:pt x="8161" y="4311"/>
                  </a:cubicBezTo>
                  <a:cubicBezTo>
                    <a:pt x="7868" y="4311"/>
                    <a:pt x="7554" y="4290"/>
                    <a:pt x="7240" y="4500"/>
                  </a:cubicBezTo>
                  <a:close/>
                  <a:moveTo>
                    <a:pt x="31867" y="11781"/>
                  </a:moveTo>
                  <a:cubicBezTo>
                    <a:pt x="31532" y="11404"/>
                    <a:pt x="31197" y="11091"/>
                    <a:pt x="30779" y="10881"/>
                  </a:cubicBezTo>
                  <a:cubicBezTo>
                    <a:pt x="30319" y="10651"/>
                    <a:pt x="29921" y="10337"/>
                    <a:pt x="29544" y="10002"/>
                  </a:cubicBezTo>
                  <a:cubicBezTo>
                    <a:pt x="28979" y="9479"/>
                    <a:pt x="28435" y="8914"/>
                    <a:pt x="27745" y="8538"/>
                  </a:cubicBezTo>
                  <a:cubicBezTo>
                    <a:pt x="27536" y="8391"/>
                    <a:pt x="27389" y="8224"/>
                    <a:pt x="27222" y="8057"/>
                  </a:cubicBezTo>
                  <a:lnTo>
                    <a:pt x="25255" y="6090"/>
                  </a:lnTo>
                  <a:cubicBezTo>
                    <a:pt x="25130" y="5964"/>
                    <a:pt x="25004" y="5839"/>
                    <a:pt x="24899" y="5713"/>
                  </a:cubicBezTo>
                  <a:cubicBezTo>
                    <a:pt x="24125" y="4562"/>
                    <a:pt x="22995" y="3725"/>
                    <a:pt x="22117" y="2637"/>
                  </a:cubicBezTo>
                  <a:cubicBezTo>
                    <a:pt x="21970" y="2470"/>
                    <a:pt x="21803" y="2282"/>
                    <a:pt x="21552" y="2324"/>
                  </a:cubicBezTo>
                  <a:cubicBezTo>
                    <a:pt x="21384" y="2512"/>
                    <a:pt x="21447" y="2700"/>
                    <a:pt x="21552" y="2826"/>
                  </a:cubicBezTo>
                  <a:cubicBezTo>
                    <a:pt x="21886" y="3307"/>
                    <a:pt x="22179" y="3788"/>
                    <a:pt x="22598" y="4165"/>
                  </a:cubicBezTo>
                  <a:cubicBezTo>
                    <a:pt x="23205" y="4709"/>
                    <a:pt x="23686" y="5337"/>
                    <a:pt x="24209" y="5964"/>
                  </a:cubicBezTo>
                  <a:cubicBezTo>
                    <a:pt x="24397" y="6173"/>
                    <a:pt x="24565" y="6383"/>
                    <a:pt x="24732" y="6571"/>
                  </a:cubicBezTo>
                  <a:lnTo>
                    <a:pt x="26783" y="8601"/>
                  </a:lnTo>
                  <a:cubicBezTo>
                    <a:pt x="26929" y="8768"/>
                    <a:pt x="27075" y="8914"/>
                    <a:pt x="27243" y="9019"/>
                  </a:cubicBezTo>
                  <a:cubicBezTo>
                    <a:pt x="28059" y="9500"/>
                    <a:pt x="28707" y="10149"/>
                    <a:pt x="29419" y="10756"/>
                  </a:cubicBezTo>
                  <a:cubicBezTo>
                    <a:pt x="30109" y="11321"/>
                    <a:pt x="30904" y="11614"/>
                    <a:pt x="31720" y="11886"/>
                  </a:cubicBezTo>
                  <a:cubicBezTo>
                    <a:pt x="31720" y="11844"/>
                    <a:pt x="31762" y="11823"/>
                    <a:pt x="31867" y="11781"/>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167" name="Google Shape;167;p33"/>
            <p:cNvSpPr/>
            <p:nvPr/>
          </p:nvSpPr>
          <p:spPr>
            <a:xfrm>
              <a:off x="-1173850" y="2814725"/>
              <a:ext cx="870975" cy="335325"/>
            </a:xfrm>
            <a:custGeom>
              <a:avLst/>
              <a:gdLst/>
              <a:ahLst/>
              <a:cxnLst/>
              <a:rect l="l" t="t" r="r" b="b"/>
              <a:pathLst>
                <a:path w="34839" h="13413" extrusionOk="0">
                  <a:moveTo>
                    <a:pt x="13601" y="11236"/>
                  </a:moveTo>
                  <a:cubicBezTo>
                    <a:pt x="13643" y="11090"/>
                    <a:pt x="13664" y="10901"/>
                    <a:pt x="13706" y="10713"/>
                  </a:cubicBezTo>
                  <a:cubicBezTo>
                    <a:pt x="14019" y="10755"/>
                    <a:pt x="14312" y="10776"/>
                    <a:pt x="14626" y="10818"/>
                  </a:cubicBezTo>
                  <a:cubicBezTo>
                    <a:pt x="15233" y="10901"/>
                    <a:pt x="15798" y="10964"/>
                    <a:pt x="16405" y="10776"/>
                  </a:cubicBezTo>
                  <a:cubicBezTo>
                    <a:pt x="16698" y="10671"/>
                    <a:pt x="17011" y="10692"/>
                    <a:pt x="17283" y="10692"/>
                  </a:cubicBezTo>
                  <a:cubicBezTo>
                    <a:pt x="18016" y="10671"/>
                    <a:pt x="18727" y="10525"/>
                    <a:pt x="19418" y="10274"/>
                  </a:cubicBezTo>
                  <a:cubicBezTo>
                    <a:pt x="19836" y="10106"/>
                    <a:pt x="20276" y="10064"/>
                    <a:pt x="20715" y="9960"/>
                  </a:cubicBezTo>
                  <a:cubicBezTo>
                    <a:pt x="20799" y="9939"/>
                    <a:pt x="20903" y="9939"/>
                    <a:pt x="20987" y="9918"/>
                  </a:cubicBezTo>
                  <a:cubicBezTo>
                    <a:pt x="22180" y="9646"/>
                    <a:pt x="23393" y="9353"/>
                    <a:pt x="24586" y="9102"/>
                  </a:cubicBezTo>
                  <a:cubicBezTo>
                    <a:pt x="24774" y="9039"/>
                    <a:pt x="24921" y="8997"/>
                    <a:pt x="25109" y="8956"/>
                  </a:cubicBezTo>
                  <a:cubicBezTo>
                    <a:pt x="26322" y="8788"/>
                    <a:pt x="27536" y="8579"/>
                    <a:pt x="28771" y="8391"/>
                  </a:cubicBezTo>
                  <a:cubicBezTo>
                    <a:pt x="28980" y="8370"/>
                    <a:pt x="29189" y="8349"/>
                    <a:pt x="29398" y="8370"/>
                  </a:cubicBezTo>
                  <a:cubicBezTo>
                    <a:pt x="29733" y="8391"/>
                    <a:pt x="30047" y="8286"/>
                    <a:pt x="30361" y="8307"/>
                  </a:cubicBezTo>
                  <a:cubicBezTo>
                    <a:pt x="31867" y="8370"/>
                    <a:pt x="33353" y="8014"/>
                    <a:pt x="34838" y="8474"/>
                  </a:cubicBezTo>
                  <a:cubicBezTo>
                    <a:pt x="34817" y="8684"/>
                    <a:pt x="34797" y="8893"/>
                    <a:pt x="34797" y="9039"/>
                  </a:cubicBezTo>
                  <a:cubicBezTo>
                    <a:pt x="34713" y="9102"/>
                    <a:pt x="34713" y="9123"/>
                    <a:pt x="34692" y="9123"/>
                  </a:cubicBezTo>
                  <a:cubicBezTo>
                    <a:pt x="33248" y="9290"/>
                    <a:pt x="31846" y="9458"/>
                    <a:pt x="30403" y="9562"/>
                  </a:cubicBezTo>
                  <a:cubicBezTo>
                    <a:pt x="28331" y="9730"/>
                    <a:pt x="26260" y="9981"/>
                    <a:pt x="24251" y="10378"/>
                  </a:cubicBezTo>
                  <a:cubicBezTo>
                    <a:pt x="22368" y="10734"/>
                    <a:pt x="20464" y="10964"/>
                    <a:pt x="18560" y="11132"/>
                  </a:cubicBezTo>
                  <a:cubicBezTo>
                    <a:pt x="17576" y="11215"/>
                    <a:pt x="16635" y="11320"/>
                    <a:pt x="15672" y="11404"/>
                  </a:cubicBezTo>
                  <a:cubicBezTo>
                    <a:pt x="15589" y="11404"/>
                    <a:pt x="15526" y="11487"/>
                    <a:pt x="15442" y="11508"/>
                  </a:cubicBezTo>
                  <a:cubicBezTo>
                    <a:pt x="15798" y="11843"/>
                    <a:pt x="16216" y="12031"/>
                    <a:pt x="16802" y="11989"/>
                  </a:cubicBezTo>
                  <a:cubicBezTo>
                    <a:pt x="17304" y="11969"/>
                    <a:pt x="17827" y="11885"/>
                    <a:pt x="18309" y="11864"/>
                  </a:cubicBezTo>
                  <a:cubicBezTo>
                    <a:pt x="18309" y="12094"/>
                    <a:pt x="18141" y="12073"/>
                    <a:pt x="18037" y="12094"/>
                  </a:cubicBezTo>
                  <a:cubicBezTo>
                    <a:pt x="16844" y="12303"/>
                    <a:pt x="15672" y="12513"/>
                    <a:pt x="14438" y="12722"/>
                  </a:cubicBezTo>
                  <a:cubicBezTo>
                    <a:pt x="14145" y="12513"/>
                    <a:pt x="13852" y="12303"/>
                    <a:pt x="13538" y="12073"/>
                  </a:cubicBezTo>
                  <a:cubicBezTo>
                    <a:pt x="13454" y="12031"/>
                    <a:pt x="13350" y="11969"/>
                    <a:pt x="13329" y="11927"/>
                  </a:cubicBezTo>
                  <a:cubicBezTo>
                    <a:pt x="13120" y="11299"/>
                    <a:pt x="12659" y="11445"/>
                    <a:pt x="12178" y="11571"/>
                  </a:cubicBezTo>
                  <a:cubicBezTo>
                    <a:pt x="10546" y="10044"/>
                    <a:pt x="8893" y="8516"/>
                    <a:pt x="7261" y="6968"/>
                  </a:cubicBezTo>
                  <a:lnTo>
                    <a:pt x="7115" y="6842"/>
                  </a:lnTo>
                  <a:cubicBezTo>
                    <a:pt x="6027" y="6110"/>
                    <a:pt x="5127" y="5126"/>
                    <a:pt x="4143" y="4227"/>
                  </a:cubicBezTo>
                  <a:cubicBezTo>
                    <a:pt x="3620" y="3766"/>
                    <a:pt x="3034" y="3285"/>
                    <a:pt x="2490" y="2825"/>
                  </a:cubicBezTo>
                  <a:cubicBezTo>
                    <a:pt x="2239" y="2574"/>
                    <a:pt x="1967" y="2532"/>
                    <a:pt x="1612" y="2678"/>
                  </a:cubicBezTo>
                  <a:cubicBezTo>
                    <a:pt x="1842" y="2888"/>
                    <a:pt x="2051" y="3076"/>
                    <a:pt x="2239" y="3285"/>
                  </a:cubicBezTo>
                  <a:cubicBezTo>
                    <a:pt x="2449" y="3494"/>
                    <a:pt x="2616" y="3725"/>
                    <a:pt x="2825" y="3934"/>
                  </a:cubicBezTo>
                  <a:cubicBezTo>
                    <a:pt x="3348" y="4436"/>
                    <a:pt x="3871" y="4938"/>
                    <a:pt x="4374" y="5461"/>
                  </a:cubicBezTo>
                  <a:cubicBezTo>
                    <a:pt x="4980" y="6068"/>
                    <a:pt x="5587" y="6633"/>
                    <a:pt x="6257" y="7135"/>
                  </a:cubicBezTo>
                  <a:cubicBezTo>
                    <a:pt x="6571" y="7365"/>
                    <a:pt x="6843" y="7658"/>
                    <a:pt x="7115" y="7909"/>
                  </a:cubicBezTo>
                  <a:cubicBezTo>
                    <a:pt x="8349" y="9060"/>
                    <a:pt x="9605" y="10190"/>
                    <a:pt x="10839" y="11341"/>
                  </a:cubicBezTo>
                  <a:cubicBezTo>
                    <a:pt x="11090" y="11571"/>
                    <a:pt x="11362" y="11843"/>
                    <a:pt x="11592" y="12094"/>
                  </a:cubicBezTo>
                  <a:cubicBezTo>
                    <a:pt x="11822" y="12387"/>
                    <a:pt x="12073" y="12617"/>
                    <a:pt x="12492" y="12659"/>
                  </a:cubicBezTo>
                  <a:cubicBezTo>
                    <a:pt x="12722" y="12680"/>
                    <a:pt x="12931" y="12785"/>
                    <a:pt x="13141" y="12868"/>
                  </a:cubicBezTo>
                  <a:cubicBezTo>
                    <a:pt x="13162" y="13182"/>
                    <a:pt x="12952" y="13245"/>
                    <a:pt x="12743" y="13412"/>
                  </a:cubicBezTo>
                  <a:cubicBezTo>
                    <a:pt x="12241" y="13182"/>
                    <a:pt x="11781" y="12889"/>
                    <a:pt x="11362" y="12492"/>
                  </a:cubicBezTo>
                  <a:cubicBezTo>
                    <a:pt x="10860" y="11989"/>
                    <a:pt x="10316" y="11613"/>
                    <a:pt x="9688" y="11299"/>
                  </a:cubicBezTo>
                  <a:cubicBezTo>
                    <a:pt x="9458" y="11152"/>
                    <a:pt x="9207" y="11006"/>
                    <a:pt x="8998" y="10839"/>
                  </a:cubicBezTo>
                  <a:cubicBezTo>
                    <a:pt x="7596" y="9730"/>
                    <a:pt x="6215" y="8600"/>
                    <a:pt x="4813" y="7428"/>
                  </a:cubicBezTo>
                  <a:cubicBezTo>
                    <a:pt x="4081" y="6800"/>
                    <a:pt x="3390" y="6131"/>
                    <a:pt x="2679" y="5482"/>
                  </a:cubicBezTo>
                  <a:cubicBezTo>
                    <a:pt x="2386" y="5231"/>
                    <a:pt x="2093" y="4959"/>
                    <a:pt x="1779" y="4729"/>
                  </a:cubicBezTo>
                  <a:cubicBezTo>
                    <a:pt x="1151" y="4248"/>
                    <a:pt x="586" y="3725"/>
                    <a:pt x="63" y="3097"/>
                  </a:cubicBezTo>
                  <a:cubicBezTo>
                    <a:pt x="1" y="2720"/>
                    <a:pt x="1" y="2344"/>
                    <a:pt x="293" y="2009"/>
                  </a:cubicBezTo>
                  <a:cubicBezTo>
                    <a:pt x="733" y="1507"/>
                    <a:pt x="817" y="963"/>
                    <a:pt x="691" y="335"/>
                  </a:cubicBezTo>
                  <a:cubicBezTo>
                    <a:pt x="670" y="251"/>
                    <a:pt x="712" y="168"/>
                    <a:pt x="733" y="0"/>
                  </a:cubicBezTo>
                  <a:cubicBezTo>
                    <a:pt x="1361" y="879"/>
                    <a:pt x="2281" y="1297"/>
                    <a:pt x="3034" y="1946"/>
                  </a:cubicBezTo>
                  <a:cubicBezTo>
                    <a:pt x="3725" y="2532"/>
                    <a:pt x="4457" y="3076"/>
                    <a:pt x="5169" y="3620"/>
                  </a:cubicBezTo>
                  <a:cubicBezTo>
                    <a:pt x="5315" y="3766"/>
                    <a:pt x="5503" y="3892"/>
                    <a:pt x="5650" y="4018"/>
                  </a:cubicBezTo>
                  <a:cubicBezTo>
                    <a:pt x="7303" y="5503"/>
                    <a:pt x="8956" y="7010"/>
                    <a:pt x="10567" y="8516"/>
                  </a:cubicBezTo>
                  <a:cubicBezTo>
                    <a:pt x="11048" y="8935"/>
                    <a:pt x="11446" y="9437"/>
                    <a:pt x="11885" y="9897"/>
                  </a:cubicBezTo>
                  <a:cubicBezTo>
                    <a:pt x="12283" y="10316"/>
                    <a:pt x="12638" y="10776"/>
                    <a:pt x="13015" y="11194"/>
                  </a:cubicBezTo>
                  <a:cubicBezTo>
                    <a:pt x="13182" y="11383"/>
                    <a:pt x="13371" y="11383"/>
                    <a:pt x="13601" y="11236"/>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68" name="Google Shape;168;p33"/>
            <p:cNvSpPr/>
            <p:nvPr/>
          </p:nvSpPr>
          <p:spPr>
            <a:xfrm>
              <a:off x="-831225" y="3061100"/>
              <a:ext cx="516325" cy="128175"/>
            </a:xfrm>
            <a:custGeom>
              <a:avLst/>
              <a:gdLst/>
              <a:ahLst/>
              <a:cxnLst/>
              <a:rect l="l" t="t" r="r" b="b"/>
              <a:pathLst>
                <a:path w="20653" h="5127" extrusionOk="0">
                  <a:moveTo>
                    <a:pt x="879" y="4310"/>
                  </a:moveTo>
                  <a:cubicBezTo>
                    <a:pt x="1256" y="4896"/>
                    <a:pt x="1884" y="4708"/>
                    <a:pt x="2449" y="4938"/>
                  </a:cubicBezTo>
                  <a:cubicBezTo>
                    <a:pt x="2239" y="5022"/>
                    <a:pt x="2093" y="5127"/>
                    <a:pt x="1946" y="5127"/>
                  </a:cubicBezTo>
                  <a:cubicBezTo>
                    <a:pt x="1528" y="5106"/>
                    <a:pt x="1109" y="5043"/>
                    <a:pt x="691" y="5001"/>
                  </a:cubicBezTo>
                  <a:cubicBezTo>
                    <a:pt x="482" y="4708"/>
                    <a:pt x="252" y="4415"/>
                    <a:pt x="1" y="4080"/>
                  </a:cubicBezTo>
                  <a:cubicBezTo>
                    <a:pt x="84" y="3913"/>
                    <a:pt x="168" y="3746"/>
                    <a:pt x="273" y="3536"/>
                  </a:cubicBezTo>
                  <a:cubicBezTo>
                    <a:pt x="1402" y="3348"/>
                    <a:pt x="2511" y="3160"/>
                    <a:pt x="3641" y="3013"/>
                  </a:cubicBezTo>
                  <a:cubicBezTo>
                    <a:pt x="3767" y="2971"/>
                    <a:pt x="3871" y="3013"/>
                    <a:pt x="4018" y="2971"/>
                  </a:cubicBezTo>
                  <a:cubicBezTo>
                    <a:pt x="6006" y="2448"/>
                    <a:pt x="8056" y="2448"/>
                    <a:pt x="10023" y="1904"/>
                  </a:cubicBezTo>
                  <a:cubicBezTo>
                    <a:pt x="11048" y="1611"/>
                    <a:pt x="12115" y="1611"/>
                    <a:pt x="13141" y="1507"/>
                  </a:cubicBezTo>
                  <a:cubicBezTo>
                    <a:pt x="14187" y="1381"/>
                    <a:pt x="15233" y="1277"/>
                    <a:pt x="16279" y="1151"/>
                  </a:cubicBezTo>
                  <a:cubicBezTo>
                    <a:pt x="16781" y="1088"/>
                    <a:pt x="17263" y="984"/>
                    <a:pt x="17786" y="1067"/>
                  </a:cubicBezTo>
                  <a:cubicBezTo>
                    <a:pt x="18037" y="1088"/>
                    <a:pt x="18267" y="1025"/>
                    <a:pt x="18497" y="984"/>
                  </a:cubicBezTo>
                  <a:cubicBezTo>
                    <a:pt x="18915" y="942"/>
                    <a:pt x="19313" y="858"/>
                    <a:pt x="19857" y="774"/>
                  </a:cubicBezTo>
                  <a:cubicBezTo>
                    <a:pt x="19606" y="565"/>
                    <a:pt x="19459" y="440"/>
                    <a:pt x="19313" y="335"/>
                  </a:cubicBezTo>
                  <a:cubicBezTo>
                    <a:pt x="19334" y="314"/>
                    <a:pt x="19334" y="230"/>
                    <a:pt x="19397" y="230"/>
                  </a:cubicBezTo>
                  <a:cubicBezTo>
                    <a:pt x="19773" y="126"/>
                    <a:pt x="20192" y="0"/>
                    <a:pt x="20652" y="230"/>
                  </a:cubicBezTo>
                  <a:cubicBezTo>
                    <a:pt x="20610" y="565"/>
                    <a:pt x="20589" y="942"/>
                    <a:pt x="20506" y="1277"/>
                  </a:cubicBezTo>
                  <a:cubicBezTo>
                    <a:pt x="20464" y="1590"/>
                    <a:pt x="20296" y="1758"/>
                    <a:pt x="20024" y="1674"/>
                  </a:cubicBezTo>
                  <a:cubicBezTo>
                    <a:pt x="19418" y="1549"/>
                    <a:pt x="18832" y="1779"/>
                    <a:pt x="18246" y="1821"/>
                  </a:cubicBezTo>
                  <a:cubicBezTo>
                    <a:pt x="17681" y="1862"/>
                    <a:pt x="17158" y="1967"/>
                    <a:pt x="16614" y="1883"/>
                  </a:cubicBezTo>
                  <a:cubicBezTo>
                    <a:pt x="16363" y="1862"/>
                    <a:pt x="16091" y="1925"/>
                    <a:pt x="15798" y="1988"/>
                  </a:cubicBezTo>
                  <a:cubicBezTo>
                    <a:pt x="13915" y="2386"/>
                    <a:pt x="12032" y="2804"/>
                    <a:pt x="10128" y="3034"/>
                  </a:cubicBezTo>
                  <a:cubicBezTo>
                    <a:pt x="9709" y="3076"/>
                    <a:pt x="9312" y="3222"/>
                    <a:pt x="8893" y="3264"/>
                  </a:cubicBezTo>
                  <a:cubicBezTo>
                    <a:pt x="7512" y="3453"/>
                    <a:pt x="6089" y="3641"/>
                    <a:pt x="4729" y="3955"/>
                  </a:cubicBezTo>
                  <a:cubicBezTo>
                    <a:pt x="4248" y="4059"/>
                    <a:pt x="3725" y="4101"/>
                    <a:pt x="3223" y="4122"/>
                  </a:cubicBezTo>
                  <a:cubicBezTo>
                    <a:pt x="2825" y="4164"/>
                    <a:pt x="2449" y="4122"/>
                    <a:pt x="2051" y="4101"/>
                  </a:cubicBezTo>
                  <a:cubicBezTo>
                    <a:pt x="1716" y="4080"/>
                    <a:pt x="1319" y="4038"/>
                    <a:pt x="879" y="4310"/>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69" name="Google Shape;169;p33"/>
            <p:cNvSpPr/>
            <p:nvPr/>
          </p:nvSpPr>
          <p:spPr>
            <a:xfrm>
              <a:off x="-1156575" y="2763450"/>
              <a:ext cx="254225" cy="244825"/>
            </a:xfrm>
            <a:custGeom>
              <a:avLst/>
              <a:gdLst/>
              <a:ahLst/>
              <a:cxnLst/>
              <a:rect l="l" t="t" r="r" b="b"/>
              <a:pathLst>
                <a:path w="10169" h="9793" extrusionOk="0">
                  <a:moveTo>
                    <a:pt x="126" y="1256"/>
                  </a:moveTo>
                  <a:cubicBezTo>
                    <a:pt x="126" y="984"/>
                    <a:pt x="126" y="733"/>
                    <a:pt x="105" y="503"/>
                  </a:cubicBezTo>
                  <a:cubicBezTo>
                    <a:pt x="84" y="315"/>
                    <a:pt x="0" y="105"/>
                    <a:pt x="209" y="43"/>
                  </a:cubicBezTo>
                  <a:cubicBezTo>
                    <a:pt x="335" y="1"/>
                    <a:pt x="544" y="105"/>
                    <a:pt x="670" y="189"/>
                  </a:cubicBezTo>
                  <a:cubicBezTo>
                    <a:pt x="1507" y="712"/>
                    <a:pt x="2302" y="1319"/>
                    <a:pt x="2888" y="2135"/>
                  </a:cubicBezTo>
                  <a:cubicBezTo>
                    <a:pt x="3285" y="2658"/>
                    <a:pt x="3808" y="3076"/>
                    <a:pt x="4310" y="3516"/>
                  </a:cubicBezTo>
                  <a:cubicBezTo>
                    <a:pt x="5440" y="4499"/>
                    <a:pt x="6445" y="5608"/>
                    <a:pt x="7386" y="6780"/>
                  </a:cubicBezTo>
                  <a:cubicBezTo>
                    <a:pt x="7909" y="7429"/>
                    <a:pt x="8579" y="7952"/>
                    <a:pt x="9165" y="8558"/>
                  </a:cubicBezTo>
                  <a:cubicBezTo>
                    <a:pt x="9520" y="8893"/>
                    <a:pt x="9834" y="9249"/>
                    <a:pt x="10169" y="9605"/>
                  </a:cubicBezTo>
                  <a:cubicBezTo>
                    <a:pt x="9939" y="9793"/>
                    <a:pt x="9855" y="9605"/>
                    <a:pt x="9771" y="9521"/>
                  </a:cubicBezTo>
                  <a:cubicBezTo>
                    <a:pt x="8369" y="8245"/>
                    <a:pt x="6947" y="6905"/>
                    <a:pt x="5503" y="5629"/>
                  </a:cubicBezTo>
                  <a:cubicBezTo>
                    <a:pt x="5043" y="5211"/>
                    <a:pt x="4520" y="4855"/>
                    <a:pt x="4017" y="4457"/>
                  </a:cubicBezTo>
                  <a:cubicBezTo>
                    <a:pt x="3097" y="3767"/>
                    <a:pt x="2239" y="3035"/>
                    <a:pt x="1276" y="2407"/>
                  </a:cubicBezTo>
                  <a:cubicBezTo>
                    <a:pt x="837" y="2156"/>
                    <a:pt x="502" y="1654"/>
                    <a:pt x="126" y="1256"/>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70" name="Google Shape;170;p33"/>
            <p:cNvSpPr/>
            <p:nvPr/>
          </p:nvSpPr>
          <p:spPr>
            <a:xfrm>
              <a:off x="-1171750" y="2927700"/>
              <a:ext cx="148050" cy="129750"/>
            </a:xfrm>
            <a:custGeom>
              <a:avLst/>
              <a:gdLst/>
              <a:ahLst/>
              <a:cxnLst/>
              <a:rect l="l" t="t" r="r" b="b"/>
              <a:pathLst>
                <a:path w="5922" h="5190" extrusionOk="0">
                  <a:moveTo>
                    <a:pt x="5838" y="5190"/>
                  </a:moveTo>
                  <a:cubicBezTo>
                    <a:pt x="5524" y="4939"/>
                    <a:pt x="5210" y="4709"/>
                    <a:pt x="4896" y="4499"/>
                  </a:cubicBezTo>
                  <a:cubicBezTo>
                    <a:pt x="4311" y="4144"/>
                    <a:pt x="3787" y="3683"/>
                    <a:pt x="3327" y="3160"/>
                  </a:cubicBezTo>
                  <a:cubicBezTo>
                    <a:pt x="2741" y="2553"/>
                    <a:pt x="2093" y="2030"/>
                    <a:pt x="1528" y="1444"/>
                  </a:cubicBezTo>
                  <a:cubicBezTo>
                    <a:pt x="1130" y="1026"/>
                    <a:pt x="712" y="649"/>
                    <a:pt x="189" y="398"/>
                  </a:cubicBezTo>
                  <a:cubicBezTo>
                    <a:pt x="63" y="315"/>
                    <a:pt x="0" y="168"/>
                    <a:pt x="209" y="1"/>
                  </a:cubicBezTo>
                  <a:cubicBezTo>
                    <a:pt x="921" y="607"/>
                    <a:pt x="1632" y="1172"/>
                    <a:pt x="2302" y="1800"/>
                  </a:cubicBezTo>
                  <a:cubicBezTo>
                    <a:pt x="3306" y="2658"/>
                    <a:pt x="4290" y="3558"/>
                    <a:pt x="5294" y="4416"/>
                  </a:cubicBezTo>
                  <a:cubicBezTo>
                    <a:pt x="5482" y="4604"/>
                    <a:pt x="5712" y="4750"/>
                    <a:pt x="5880" y="4960"/>
                  </a:cubicBezTo>
                  <a:cubicBezTo>
                    <a:pt x="5922" y="4981"/>
                    <a:pt x="5838" y="5106"/>
                    <a:pt x="5838" y="5190"/>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71" name="Google Shape;171;p33"/>
            <p:cNvSpPr/>
            <p:nvPr/>
          </p:nvSpPr>
          <p:spPr>
            <a:xfrm>
              <a:off x="-572300" y="3140075"/>
              <a:ext cx="156950" cy="27225"/>
            </a:xfrm>
            <a:custGeom>
              <a:avLst/>
              <a:gdLst/>
              <a:ahLst/>
              <a:cxnLst/>
              <a:rect l="l" t="t" r="r" b="b"/>
              <a:pathLst>
                <a:path w="6278" h="1089" extrusionOk="0">
                  <a:moveTo>
                    <a:pt x="1" y="900"/>
                  </a:moveTo>
                  <a:cubicBezTo>
                    <a:pt x="2093" y="377"/>
                    <a:pt x="4165" y="147"/>
                    <a:pt x="6278" y="1"/>
                  </a:cubicBezTo>
                  <a:cubicBezTo>
                    <a:pt x="6006" y="210"/>
                    <a:pt x="5420" y="461"/>
                    <a:pt x="5085" y="419"/>
                  </a:cubicBezTo>
                  <a:cubicBezTo>
                    <a:pt x="4583" y="398"/>
                    <a:pt x="4144" y="461"/>
                    <a:pt x="3662" y="587"/>
                  </a:cubicBezTo>
                  <a:cubicBezTo>
                    <a:pt x="3453" y="628"/>
                    <a:pt x="3244" y="628"/>
                    <a:pt x="3035" y="628"/>
                  </a:cubicBezTo>
                  <a:cubicBezTo>
                    <a:pt x="2344" y="628"/>
                    <a:pt x="1675" y="775"/>
                    <a:pt x="1005" y="921"/>
                  </a:cubicBezTo>
                  <a:cubicBezTo>
                    <a:pt x="691" y="1005"/>
                    <a:pt x="377" y="1089"/>
                    <a:pt x="1" y="900"/>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72" name="Google Shape;172;p33"/>
            <p:cNvSpPr/>
            <p:nvPr/>
          </p:nvSpPr>
          <p:spPr>
            <a:xfrm>
              <a:off x="-1012725" y="3059000"/>
              <a:ext cx="52850" cy="46575"/>
            </a:xfrm>
            <a:custGeom>
              <a:avLst/>
              <a:gdLst/>
              <a:ahLst/>
              <a:cxnLst/>
              <a:rect l="l" t="t" r="r" b="b"/>
              <a:pathLst>
                <a:path w="2114" h="1863" extrusionOk="0">
                  <a:moveTo>
                    <a:pt x="0" y="1"/>
                  </a:moveTo>
                  <a:cubicBezTo>
                    <a:pt x="732" y="586"/>
                    <a:pt x="1486" y="1130"/>
                    <a:pt x="2113" y="1863"/>
                  </a:cubicBezTo>
                  <a:cubicBezTo>
                    <a:pt x="1988" y="1821"/>
                    <a:pt x="1862" y="1779"/>
                    <a:pt x="1758" y="1737"/>
                  </a:cubicBezTo>
                  <a:cubicBezTo>
                    <a:pt x="1151" y="1340"/>
                    <a:pt x="565" y="921"/>
                    <a:pt x="126" y="314"/>
                  </a:cubicBezTo>
                  <a:cubicBezTo>
                    <a:pt x="84" y="252"/>
                    <a:pt x="42" y="105"/>
                    <a:pt x="21" y="1"/>
                  </a:cubicBezTo>
                  <a:close/>
                </a:path>
              </a:pathLst>
            </a:custGeom>
            <a:solidFill>
              <a:srgbClr val="E6E6E1"/>
            </a:solidFill>
            <a:ln>
              <a:noFill/>
            </a:ln>
          </p:spPr>
          <p:txBody>
            <a:bodyPr spcFirstLastPara="1" wrap="square" lIns="91425" tIns="91425" rIns="91425" bIns="91425" anchor="ctr" anchorCtr="0">
              <a:noAutofit/>
            </a:bodyPr>
            <a:lstStyle/>
            <a:p>
              <a:endParaRPr/>
            </a:p>
          </p:txBody>
        </p:sp>
        <p:sp>
          <p:nvSpPr>
            <p:cNvPr id="173" name="Google Shape;173;p33"/>
            <p:cNvSpPr/>
            <p:nvPr/>
          </p:nvSpPr>
          <p:spPr>
            <a:xfrm>
              <a:off x="-1025825" y="3053775"/>
              <a:ext cx="13625" cy="5250"/>
            </a:xfrm>
            <a:custGeom>
              <a:avLst/>
              <a:gdLst/>
              <a:ahLst/>
              <a:cxnLst/>
              <a:rect l="l" t="t" r="r" b="b"/>
              <a:pathLst>
                <a:path w="545" h="210" extrusionOk="0">
                  <a:moveTo>
                    <a:pt x="1" y="147"/>
                  </a:moveTo>
                  <a:cubicBezTo>
                    <a:pt x="210" y="0"/>
                    <a:pt x="357" y="84"/>
                    <a:pt x="524" y="210"/>
                  </a:cubicBezTo>
                  <a:lnTo>
                    <a:pt x="545" y="189"/>
                  </a:lnTo>
                  <a:cubicBezTo>
                    <a:pt x="357" y="168"/>
                    <a:pt x="168" y="147"/>
                    <a:pt x="1" y="147"/>
                  </a:cubicBezTo>
                  <a:close/>
                </a:path>
              </a:pathLst>
            </a:custGeom>
            <a:solidFill>
              <a:srgbClr val="E6E6E1"/>
            </a:solidFill>
            <a:ln>
              <a:noFill/>
            </a:ln>
          </p:spPr>
          <p:txBody>
            <a:bodyPr spcFirstLastPara="1" wrap="square" lIns="91425" tIns="91425" rIns="91425" bIns="91425" anchor="ctr" anchorCtr="0">
              <a:noAutofit/>
            </a:bodyPr>
            <a:lstStyle/>
            <a:p>
              <a:endParaRPr/>
            </a:p>
          </p:txBody>
        </p:sp>
        <p:sp>
          <p:nvSpPr>
            <p:cNvPr id="174" name="Google Shape;174;p33"/>
            <p:cNvSpPr/>
            <p:nvPr/>
          </p:nvSpPr>
          <p:spPr>
            <a:xfrm>
              <a:off x="-922775" y="2765025"/>
              <a:ext cx="278850" cy="100450"/>
            </a:xfrm>
            <a:custGeom>
              <a:avLst/>
              <a:gdLst/>
              <a:ahLst/>
              <a:cxnLst/>
              <a:rect l="l" t="t" r="r" b="b"/>
              <a:pathLst>
                <a:path w="11154" h="4018" extrusionOk="0">
                  <a:moveTo>
                    <a:pt x="1" y="1653"/>
                  </a:moveTo>
                  <a:cubicBezTo>
                    <a:pt x="838" y="1800"/>
                    <a:pt x="1528" y="1612"/>
                    <a:pt x="2198" y="1486"/>
                  </a:cubicBezTo>
                  <a:cubicBezTo>
                    <a:pt x="3056" y="1319"/>
                    <a:pt x="3935" y="1193"/>
                    <a:pt x="4771" y="1005"/>
                  </a:cubicBezTo>
                  <a:cubicBezTo>
                    <a:pt x="5211" y="921"/>
                    <a:pt x="5629" y="754"/>
                    <a:pt x="6027" y="565"/>
                  </a:cubicBezTo>
                  <a:cubicBezTo>
                    <a:pt x="6445" y="398"/>
                    <a:pt x="6864" y="231"/>
                    <a:pt x="7324" y="272"/>
                  </a:cubicBezTo>
                  <a:cubicBezTo>
                    <a:pt x="7450" y="272"/>
                    <a:pt x="7596" y="314"/>
                    <a:pt x="7701" y="252"/>
                  </a:cubicBezTo>
                  <a:cubicBezTo>
                    <a:pt x="8349" y="0"/>
                    <a:pt x="8998" y="210"/>
                    <a:pt x="9647" y="231"/>
                  </a:cubicBezTo>
                  <a:cubicBezTo>
                    <a:pt x="10170" y="252"/>
                    <a:pt x="10463" y="565"/>
                    <a:pt x="10693" y="963"/>
                  </a:cubicBezTo>
                  <a:cubicBezTo>
                    <a:pt x="10860" y="1277"/>
                    <a:pt x="10986" y="1612"/>
                    <a:pt x="11153" y="2009"/>
                  </a:cubicBezTo>
                  <a:cubicBezTo>
                    <a:pt x="10902" y="2030"/>
                    <a:pt x="10693" y="2030"/>
                    <a:pt x="10484" y="2093"/>
                  </a:cubicBezTo>
                  <a:cubicBezTo>
                    <a:pt x="9814" y="2239"/>
                    <a:pt x="9124" y="2239"/>
                    <a:pt x="8475" y="2469"/>
                  </a:cubicBezTo>
                  <a:cubicBezTo>
                    <a:pt x="8370" y="2532"/>
                    <a:pt x="8245" y="2553"/>
                    <a:pt x="8140" y="2532"/>
                  </a:cubicBezTo>
                  <a:cubicBezTo>
                    <a:pt x="7324" y="2344"/>
                    <a:pt x="6592" y="2721"/>
                    <a:pt x="5860" y="2867"/>
                  </a:cubicBezTo>
                  <a:cubicBezTo>
                    <a:pt x="5525" y="2951"/>
                    <a:pt x="5190" y="3055"/>
                    <a:pt x="4813" y="3055"/>
                  </a:cubicBezTo>
                  <a:cubicBezTo>
                    <a:pt x="4374" y="3055"/>
                    <a:pt x="3935" y="3160"/>
                    <a:pt x="3537" y="3390"/>
                  </a:cubicBezTo>
                  <a:cubicBezTo>
                    <a:pt x="2993" y="3704"/>
                    <a:pt x="2407" y="3913"/>
                    <a:pt x="1696" y="4018"/>
                  </a:cubicBezTo>
                  <a:cubicBezTo>
                    <a:pt x="1089" y="3369"/>
                    <a:pt x="357" y="2741"/>
                    <a:pt x="1" y="1653"/>
                  </a:cubicBezTo>
                  <a:close/>
                </a:path>
              </a:pathLst>
            </a:custGeom>
            <a:solidFill>
              <a:schemeClr val="lt1"/>
            </a:solidFill>
            <a:ln>
              <a:noFill/>
            </a:ln>
          </p:spPr>
          <p:txBody>
            <a:bodyPr spcFirstLastPara="1" wrap="square" lIns="91425" tIns="91425" rIns="91425" bIns="91425" anchor="ctr" anchorCtr="0">
              <a:noAutofit/>
            </a:bodyPr>
            <a:lstStyle/>
            <a:p>
              <a:endParaRPr/>
            </a:p>
          </p:txBody>
        </p:sp>
        <p:sp>
          <p:nvSpPr>
            <p:cNvPr id="175" name="Google Shape;175;p33"/>
            <p:cNvSpPr/>
            <p:nvPr/>
          </p:nvSpPr>
          <p:spPr>
            <a:xfrm>
              <a:off x="-1199475" y="2658325"/>
              <a:ext cx="956750" cy="553975"/>
            </a:xfrm>
            <a:custGeom>
              <a:avLst/>
              <a:gdLst/>
              <a:ahLst/>
              <a:cxnLst/>
              <a:rect l="l" t="t" r="r" b="b"/>
              <a:pathLst>
                <a:path w="38270" h="22159" extrusionOk="0">
                  <a:moveTo>
                    <a:pt x="36156" y="19647"/>
                  </a:moveTo>
                  <a:lnTo>
                    <a:pt x="35529" y="19333"/>
                  </a:lnTo>
                  <a:cubicBezTo>
                    <a:pt x="34482" y="19543"/>
                    <a:pt x="33499" y="19752"/>
                    <a:pt x="32495" y="19961"/>
                  </a:cubicBezTo>
                  <a:cubicBezTo>
                    <a:pt x="32244" y="20003"/>
                    <a:pt x="31972" y="20087"/>
                    <a:pt x="31741" y="20170"/>
                  </a:cubicBezTo>
                  <a:cubicBezTo>
                    <a:pt x="31114" y="20359"/>
                    <a:pt x="30486" y="20589"/>
                    <a:pt x="29796" y="20526"/>
                  </a:cubicBezTo>
                  <a:cubicBezTo>
                    <a:pt x="29754" y="20526"/>
                    <a:pt x="29670" y="20505"/>
                    <a:pt x="29628" y="20526"/>
                  </a:cubicBezTo>
                  <a:cubicBezTo>
                    <a:pt x="28519" y="20694"/>
                    <a:pt x="27431" y="20819"/>
                    <a:pt x="26322" y="21007"/>
                  </a:cubicBezTo>
                  <a:cubicBezTo>
                    <a:pt x="25862" y="21091"/>
                    <a:pt x="25381" y="21154"/>
                    <a:pt x="24878" y="21112"/>
                  </a:cubicBezTo>
                  <a:cubicBezTo>
                    <a:pt x="24648" y="21070"/>
                    <a:pt x="24418" y="21070"/>
                    <a:pt x="24167" y="21133"/>
                  </a:cubicBezTo>
                  <a:cubicBezTo>
                    <a:pt x="23163" y="21258"/>
                    <a:pt x="22158" y="21447"/>
                    <a:pt x="21133" y="21572"/>
                  </a:cubicBezTo>
                  <a:cubicBezTo>
                    <a:pt x="20652" y="21656"/>
                    <a:pt x="20129" y="21698"/>
                    <a:pt x="19627" y="21635"/>
                  </a:cubicBezTo>
                  <a:cubicBezTo>
                    <a:pt x="19355" y="21593"/>
                    <a:pt x="19104" y="21635"/>
                    <a:pt x="18811" y="21677"/>
                  </a:cubicBezTo>
                  <a:cubicBezTo>
                    <a:pt x="18580" y="21698"/>
                    <a:pt x="18350" y="21761"/>
                    <a:pt x="18099" y="21844"/>
                  </a:cubicBezTo>
                  <a:cubicBezTo>
                    <a:pt x="17137" y="22158"/>
                    <a:pt x="16153" y="22074"/>
                    <a:pt x="15170" y="21928"/>
                  </a:cubicBezTo>
                  <a:cubicBezTo>
                    <a:pt x="14710" y="21844"/>
                    <a:pt x="14710" y="21844"/>
                    <a:pt x="14333" y="21342"/>
                  </a:cubicBezTo>
                  <a:cubicBezTo>
                    <a:pt x="14291" y="21321"/>
                    <a:pt x="14228" y="21300"/>
                    <a:pt x="14187" y="21300"/>
                  </a:cubicBezTo>
                  <a:cubicBezTo>
                    <a:pt x="13036" y="21238"/>
                    <a:pt x="12199" y="20505"/>
                    <a:pt x="11341" y="19877"/>
                  </a:cubicBezTo>
                  <a:cubicBezTo>
                    <a:pt x="11194" y="19794"/>
                    <a:pt x="11132" y="19668"/>
                    <a:pt x="10985" y="19626"/>
                  </a:cubicBezTo>
                  <a:cubicBezTo>
                    <a:pt x="10295" y="19250"/>
                    <a:pt x="9562" y="18894"/>
                    <a:pt x="8851" y="18517"/>
                  </a:cubicBezTo>
                  <a:cubicBezTo>
                    <a:pt x="8244" y="18204"/>
                    <a:pt x="7784" y="17743"/>
                    <a:pt x="7303" y="17283"/>
                  </a:cubicBezTo>
                  <a:cubicBezTo>
                    <a:pt x="6989" y="17011"/>
                    <a:pt x="6675" y="16739"/>
                    <a:pt x="6340" y="16509"/>
                  </a:cubicBezTo>
                  <a:cubicBezTo>
                    <a:pt x="5754" y="16111"/>
                    <a:pt x="5168" y="15776"/>
                    <a:pt x="4645" y="15337"/>
                  </a:cubicBezTo>
                  <a:cubicBezTo>
                    <a:pt x="3955" y="14751"/>
                    <a:pt x="3348" y="14082"/>
                    <a:pt x="2699" y="13454"/>
                  </a:cubicBezTo>
                  <a:cubicBezTo>
                    <a:pt x="2176" y="12931"/>
                    <a:pt x="1653" y="12366"/>
                    <a:pt x="1005" y="11989"/>
                  </a:cubicBezTo>
                  <a:cubicBezTo>
                    <a:pt x="565" y="11717"/>
                    <a:pt x="356" y="11382"/>
                    <a:pt x="461" y="10859"/>
                  </a:cubicBezTo>
                  <a:cubicBezTo>
                    <a:pt x="523" y="10483"/>
                    <a:pt x="419" y="10148"/>
                    <a:pt x="272" y="9813"/>
                  </a:cubicBezTo>
                  <a:cubicBezTo>
                    <a:pt x="189" y="9625"/>
                    <a:pt x="105" y="9416"/>
                    <a:pt x="0" y="9206"/>
                  </a:cubicBezTo>
                  <a:cubicBezTo>
                    <a:pt x="314" y="8767"/>
                    <a:pt x="628" y="8286"/>
                    <a:pt x="942" y="7846"/>
                  </a:cubicBezTo>
                  <a:cubicBezTo>
                    <a:pt x="1109" y="7616"/>
                    <a:pt x="1193" y="7344"/>
                    <a:pt x="1026" y="7093"/>
                  </a:cubicBezTo>
                  <a:cubicBezTo>
                    <a:pt x="816" y="6758"/>
                    <a:pt x="837" y="6403"/>
                    <a:pt x="900" y="6047"/>
                  </a:cubicBezTo>
                  <a:cubicBezTo>
                    <a:pt x="942" y="5566"/>
                    <a:pt x="1026" y="5105"/>
                    <a:pt x="837" y="4624"/>
                  </a:cubicBezTo>
                  <a:cubicBezTo>
                    <a:pt x="691" y="4185"/>
                    <a:pt x="1005" y="3829"/>
                    <a:pt x="1298" y="3536"/>
                  </a:cubicBezTo>
                  <a:cubicBezTo>
                    <a:pt x="1570" y="3243"/>
                    <a:pt x="1946" y="3013"/>
                    <a:pt x="2281" y="2783"/>
                  </a:cubicBezTo>
                  <a:cubicBezTo>
                    <a:pt x="2448" y="2678"/>
                    <a:pt x="2679" y="2595"/>
                    <a:pt x="2888" y="2595"/>
                  </a:cubicBezTo>
                  <a:cubicBezTo>
                    <a:pt x="3850" y="2595"/>
                    <a:pt x="4792" y="2385"/>
                    <a:pt x="5733" y="2155"/>
                  </a:cubicBezTo>
                  <a:cubicBezTo>
                    <a:pt x="7282" y="1737"/>
                    <a:pt x="8851" y="1569"/>
                    <a:pt x="10441" y="1486"/>
                  </a:cubicBezTo>
                  <a:lnTo>
                    <a:pt x="17262" y="1109"/>
                  </a:lnTo>
                  <a:cubicBezTo>
                    <a:pt x="18057" y="1046"/>
                    <a:pt x="18832" y="1067"/>
                    <a:pt x="19627" y="1046"/>
                  </a:cubicBezTo>
                  <a:cubicBezTo>
                    <a:pt x="20443" y="1025"/>
                    <a:pt x="21238" y="1025"/>
                    <a:pt x="22075" y="1004"/>
                  </a:cubicBezTo>
                  <a:cubicBezTo>
                    <a:pt x="22263" y="753"/>
                    <a:pt x="22472" y="481"/>
                    <a:pt x="22682" y="167"/>
                  </a:cubicBezTo>
                  <a:cubicBezTo>
                    <a:pt x="23184" y="0"/>
                    <a:pt x="23581" y="167"/>
                    <a:pt x="23895" y="523"/>
                  </a:cubicBezTo>
                  <a:cubicBezTo>
                    <a:pt x="24062" y="753"/>
                    <a:pt x="24272" y="963"/>
                    <a:pt x="24481" y="1214"/>
                  </a:cubicBezTo>
                  <a:cubicBezTo>
                    <a:pt x="24648" y="1381"/>
                    <a:pt x="24774" y="1590"/>
                    <a:pt x="24983" y="1737"/>
                  </a:cubicBezTo>
                  <a:cubicBezTo>
                    <a:pt x="25318" y="1967"/>
                    <a:pt x="25506" y="2281"/>
                    <a:pt x="25715" y="2615"/>
                  </a:cubicBezTo>
                  <a:cubicBezTo>
                    <a:pt x="26008" y="3055"/>
                    <a:pt x="26343" y="3473"/>
                    <a:pt x="26720" y="3892"/>
                  </a:cubicBezTo>
                  <a:cubicBezTo>
                    <a:pt x="26992" y="4248"/>
                    <a:pt x="27410" y="4457"/>
                    <a:pt x="27578" y="4917"/>
                  </a:cubicBezTo>
                  <a:cubicBezTo>
                    <a:pt x="27619" y="5084"/>
                    <a:pt x="27891" y="5210"/>
                    <a:pt x="28038" y="5315"/>
                  </a:cubicBezTo>
                  <a:lnTo>
                    <a:pt x="30235" y="6717"/>
                  </a:lnTo>
                  <a:cubicBezTo>
                    <a:pt x="31323" y="7407"/>
                    <a:pt x="32285" y="8181"/>
                    <a:pt x="33248" y="9018"/>
                  </a:cubicBezTo>
                  <a:cubicBezTo>
                    <a:pt x="33897" y="9583"/>
                    <a:pt x="34566" y="10169"/>
                    <a:pt x="35319" y="10587"/>
                  </a:cubicBezTo>
                  <a:cubicBezTo>
                    <a:pt x="35508" y="10692"/>
                    <a:pt x="35633" y="10859"/>
                    <a:pt x="35780" y="11006"/>
                  </a:cubicBezTo>
                  <a:cubicBezTo>
                    <a:pt x="36052" y="11278"/>
                    <a:pt x="36240" y="11571"/>
                    <a:pt x="36658" y="11634"/>
                  </a:cubicBezTo>
                  <a:cubicBezTo>
                    <a:pt x="36784" y="11675"/>
                    <a:pt x="36889" y="11822"/>
                    <a:pt x="36993" y="11927"/>
                  </a:cubicBezTo>
                  <a:cubicBezTo>
                    <a:pt x="37202" y="12136"/>
                    <a:pt x="37433" y="12345"/>
                    <a:pt x="37642" y="12554"/>
                  </a:cubicBezTo>
                  <a:cubicBezTo>
                    <a:pt x="38039" y="12931"/>
                    <a:pt x="38270" y="13349"/>
                    <a:pt x="38186" y="13893"/>
                  </a:cubicBezTo>
                  <a:cubicBezTo>
                    <a:pt x="38081" y="14709"/>
                    <a:pt x="37872" y="15463"/>
                    <a:pt x="37412" y="16174"/>
                  </a:cubicBezTo>
                  <a:cubicBezTo>
                    <a:pt x="37182" y="16530"/>
                    <a:pt x="37035" y="16906"/>
                    <a:pt x="37014" y="17346"/>
                  </a:cubicBezTo>
                  <a:cubicBezTo>
                    <a:pt x="36993" y="17764"/>
                    <a:pt x="36910" y="18183"/>
                    <a:pt x="36679" y="18538"/>
                  </a:cubicBezTo>
                  <a:cubicBezTo>
                    <a:pt x="36554" y="18748"/>
                    <a:pt x="36554" y="19020"/>
                    <a:pt x="36449" y="19229"/>
                  </a:cubicBezTo>
                  <a:cubicBezTo>
                    <a:pt x="36386" y="19271"/>
                    <a:pt x="36282" y="19438"/>
                    <a:pt x="36156" y="19647"/>
                  </a:cubicBezTo>
                  <a:close/>
                  <a:moveTo>
                    <a:pt x="7470" y="16028"/>
                  </a:moveTo>
                  <a:cubicBezTo>
                    <a:pt x="7303" y="15902"/>
                    <a:pt x="7135" y="15818"/>
                    <a:pt x="6947" y="15965"/>
                  </a:cubicBezTo>
                  <a:cubicBezTo>
                    <a:pt x="6968" y="15881"/>
                    <a:pt x="7031" y="15756"/>
                    <a:pt x="6989" y="15714"/>
                  </a:cubicBezTo>
                  <a:cubicBezTo>
                    <a:pt x="6821" y="15546"/>
                    <a:pt x="6612" y="15358"/>
                    <a:pt x="6403" y="15170"/>
                  </a:cubicBezTo>
                  <a:cubicBezTo>
                    <a:pt x="5399" y="14312"/>
                    <a:pt x="4415" y="13412"/>
                    <a:pt x="3411" y="12554"/>
                  </a:cubicBezTo>
                  <a:cubicBezTo>
                    <a:pt x="2699" y="11947"/>
                    <a:pt x="2009" y="11362"/>
                    <a:pt x="1318" y="10755"/>
                  </a:cubicBezTo>
                  <a:cubicBezTo>
                    <a:pt x="1109" y="10901"/>
                    <a:pt x="1172" y="11090"/>
                    <a:pt x="1298" y="11152"/>
                  </a:cubicBezTo>
                  <a:cubicBezTo>
                    <a:pt x="1800" y="11424"/>
                    <a:pt x="2218" y="11801"/>
                    <a:pt x="2637" y="12199"/>
                  </a:cubicBezTo>
                  <a:cubicBezTo>
                    <a:pt x="3202" y="12784"/>
                    <a:pt x="3892" y="13307"/>
                    <a:pt x="4436" y="13914"/>
                  </a:cubicBezTo>
                  <a:cubicBezTo>
                    <a:pt x="4896" y="14437"/>
                    <a:pt x="5420" y="14856"/>
                    <a:pt x="6005" y="15253"/>
                  </a:cubicBezTo>
                  <a:cubicBezTo>
                    <a:pt x="6319" y="15463"/>
                    <a:pt x="6633" y="15693"/>
                    <a:pt x="6968" y="15902"/>
                  </a:cubicBezTo>
                  <a:lnTo>
                    <a:pt x="7512" y="15986"/>
                  </a:lnTo>
                  <a:cubicBezTo>
                    <a:pt x="7554" y="16090"/>
                    <a:pt x="7554" y="16216"/>
                    <a:pt x="7617" y="16300"/>
                  </a:cubicBezTo>
                  <a:cubicBezTo>
                    <a:pt x="8035" y="16906"/>
                    <a:pt x="8642" y="17325"/>
                    <a:pt x="9249" y="17701"/>
                  </a:cubicBezTo>
                  <a:cubicBezTo>
                    <a:pt x="9353" y="17785"/>
                    <a:pt x="9479" y="17806"/>
                    <a:pt x="9604" y="17848"/>
                  </a:cubicBezTo>
                  <a:cubicBezTo>
                    <a:pt x="8956" y="17157"/>
                    <a:pt x="8202" y="16613"/>
                    <a:pt x="7470" y="16028"/>
                  </a:cubicBezTo>
                  <a:close/>
                  <a:moveTo>
                    <a:pt x="23100" y="837"/>
                  </a:moveTo>
                  <a:cubicBezTo>
                    <a:pt x="22974" y="1025"/>
                    <a:pt x="22891" y="1109"/>
                    <a:pt x="22891" y="1172"/>
                  </a:cubicBezTo>
                  <a:cubicBezTo>
                    <a:pt x="22786" y="1632"/>
                    <a:pt x="22472" y="1695"/>
                    <a:pt x="22054" y="1674"/>
                  </a:cubicBezTo>
                  <a:cubicBezTo>
                    <a:pt x="21698" y="1653"/>
                    <a:pt x="21321" y="1590"/>
                    <a:pt x="20987" y="1653"/>
                  </a:cubicBezTo>
                  <a:cubicBezTo>
                    <a:pt x="20317" y="1758"/>
                    <a:pt x="19627" y="1799"/>
                    <a:pt x="18915" y="1779"/>
                  </a:cubicBezTo>
                  <a:cubicBezTo>
                    <a:pt x="18392" y="1758"/>
                    <a:pt x="17911" y="1779"/>
                    <a:pt x="17388" y="1799"/>
                  </a:cubicBezTo>
                  <a:cubicBezTo>
                    <a:pt x="14898" y="1946"/>
                    <a:pt x="12408" y="2113"/>
                    <a:pt x="9918" y="2260"/>
                  </a:cubicBezTo>
                  <a:cubicBezTo>
                    <a:pt x="8725" y="2323"/>
                    <a:pt x="7512" y="2427"/>
                    <a:pt x="6361" y="2699"/>
                  </a:cubicBezTo>
                  <a:cubicBezTo>
                    <a:pt x="5838" y="2825"/>
                    <a:pt x="5294" y="2867"/>
                    <a:pt x="4771" y="2992"/>
                  </a:cubicBezTo>
                  <a:cubicBezTo>
                    <a:pt x="4122" y="3118"/>
                    <a:pt x="3453" y="3201"/>
                    <a:pt x="2804" y="3097"/>
                  </a:cubicBezTo>
                  <a:cubicBezTo>
                    <a:pt x="2762" y="3097"/>
                    <a:pt x="2699" y="3139"/>
                    <a:pt x="2595" y="3160"/>
                  </a:cubicBezTo>
                  <a:cubicBezTo>
                    <a:pt x="2574" y="3264"/>
                    <a:pt x="2553" y="3390"/>
                    <a:pt x="2490" y="3557"/>
                  </a:cubicBezTo>
                  <a:cubicBezTo>
                    <a:pt x="2846" y="3766"/>
                    <a:pt x="3160" y="3955"/>
                    <a:pt x="3432" y="4164"/>
                  </a:cubicBezTo>
                  <a:cubicBezTo>
                    <a:pt x="3892" y="4478"/>
                    <a:pt x="4352" y="4771"/>
                    <a:pt x="4729" y="5147"/>
                  </a:cubicBezTo>
                  <a:cubicBezTo>
                    <a:pt x="5671" y="6256"/>
                    <a:pt x="6780" y="7177"/>
                    <a:pt x="7805" y="8181"/>
                  </a:cubicBezTo>
                  <a:cubicBezTo>
                    <a:pt x="8202" y="8579"/>
                    <a:pt x="8621" y="8997"/>
                    <a:pt x="8956" y="9437"/>
                  </a:cubicBezTo>
                  <a:cubicBezTo>
                    <a:pt x="9688" y="10357"/>
                    <a:pt x="10462" y="11215"/>
                    <a:pt x="11341" y="12031"/>
                  </a:cubicBezTo>
                  <a:cubicBezTo>
                    <a:pt x="11697" y="12366"/>
                    <a:pt x="12094" y="12743"/>
                    <a:pt x="12387" y="13140"/>
                  </a:cubicBezTo>
                  <a:cubicBezTo>
                    <a:pt x="13140" y="14123"/>
                    <a:pt x="13998" y="15065"/>
                    <a:pt x="14898" y="15965"/>
                  </a:cubicBezTo>
                  <a:cubicBezTo>
                    <a:pt x="15003" y="16069"/>
                    <a:pt x="15128" y="16195"/>
                    <a:pt x="15254" y="16216"/>
                  </a:cubicBezTo>
                  <a:cubicBezTo>
                    <a:pt x="15756" y="16300"/>
                    <a:pt x="16279" y="16404"/>
                    <a:pt x="16781" y="16320"/>
                  </a:cubicBezTo>
                  <a:cubicBezTo>
                    <a:pt x="17304" y="16216"/>
                    <a:pt x="17848" y="16174"/>
                    <a:pt x="18371" y="16132"/>
                  </a:cubicBezTo>
                  <a:cubicBezTo>
                    <a:pt x="18999" y="16111"/>
                    <a:pt x="19606" y="15965"/>
                    <a:pt x="20213" y="15756"/>
                  </a:cubicBezTo>
                  <a:cubicBezTo>
                    <a:pt x="20589" y="15609"/>
                    <a:pt x="21008" y="15546"/>
                    <a:pt x="21405" y="15442"/>
                  </a:cubicBezTo>
                  <a:cubicBezTo>
                    <a:pt x="22556" y="15170"/>
                    <a:pt x="23707" y="14960"/>
                    <a:pt x="24837" y="14667"/>
                  </a:cubicBezTo>
                  <a:cubicBezTo>
                    <a:pt x="25548" y="14500"/>
                    <a:pt x="26218" y="14333"/>
                    <a:pt x="26950" y="14249"/>
                  </a:cubicBezTo>
                  <a:cubicBezTo>
                    <a:pt x="27536" y="14186"/>
                    <a:pt x="28080" y="14040"/>
                    <a:pt x="28624" y="13977"/>
                  </a:cubicBezTo>
                  <a:cubicBezTo>
                    <a:pt x="29210" y="13893"/>
                    <a:pt x="29754" y="13789"/>
                    <a:pt x="30319" y="13789"/>
                  </a:cubicBezTo>
                  <a:cubicBezTo>
                    <a:pt x="31009" y="13789"/>
                    <a:pt x="31679" y="13579"/>
                    <a:pt x="32390" y="13705"/>
                  </a:cubicBezTo>
                  <a:cubicBezTo>
                    <a:pt x="33101" y="13475"/>
                    <a:pt x="33834" y="13663"/>
                    <a:pt x="34545" y="13705"/>
                  </a:cubicBezTo>
                  <a:cubicBezTo>
                    <a:pt x="34713" y="13726"/>
                    <a:pt x="34901" y="13768"/>
                    <a:pt x="35068" y="13831"/>
                  </a:cubicBezTo>
                  <a:cubicBezTo>
                    <a:pt x="35487" y="14019"/>
                    <a:pt x="35863" y="14228"/>
                    <a:pt x="36261" y="14437"/>
                  </a:cubicBezTo>
                  <a:cubicBezTo>
                    <a:pt x="36449" y="14542"/>
                    <a:pt x="36596" y="14667"/>
                    <a:pt x="36638" y="14919"/>
                  </a:cubicBezTo>
                  <a:cubicBezTo>
                    <a:pt x="36638" y="15023"/>
                    <a:pt x="36700" y="15128"/>
                    <a:pt x="36763" y="15274"/>
                  </a:cubicBezTo>
                  <a:cubicBezTo>
                    <a:pt x="36951" y="14960"/>
                    <a:pt x="37098" y="14730"/>
                    <a:pt x="37223" y="14500"/>
                  </a:cubicBezTo>
                  <a:cubicBezTo>
                    <a:pt x="37391" y="14207"/>
                    <a:pt x="37412" y="13914"/>
                    <a:pt x="37202" y="13663"/>
                  </a:cubicBezTo>
                  <a:cubicBezTo>
                    <a:pt x="36763" y="13098"/>
                    <a:pt x="36491" y="12366"/>
                    <a:pt x="35801" y="12052"/>
                  </a:cubicBezTo>
                  <a:cubicBezTo>
                    <a:pt x="35696" y="12010"/>
                    <a:pt x="35633" y="11885"/>
                    <a:pt x="35529" y="11801"/>
                  </a:cubicBezTo>
                  <a:cubicBezTo>
                    <a:pt x="35278" y="11571"/>
                    <a:pt x="35006" y="11320"/>
                    <a:pt x="34713" y="11090"/>
                  </a:cubicBezTo>
                  <a:cubicBezTo>
                    <a:pt x="34085" y="10587"/>
                    <a:pt x="33415" y="10127"/>
                    <a:pt x="32829" y="9604"/>
                  </a:cubicBezTo>
                  <a:cubicBezTo>
                    <a:pt x="31783" y="8641"/>
                    <a:pt x="30674" y="7805"/>
                    <a:pt x="29482" y="7030"/>
                  </a:cubicBezTo>
                  <a:cubicBezTo>
                    <a:pt x="28833" y="6612"/>
                    <a:pt x="28184" y="6193"/>
                    <a:pt x="27536" y="5754"/>
                  </a:cubicBezTo>
                  <a:cubicBezTo>
                    <a:pt x="27327" y="5608"/>
                    <a:pt x="27075" y="5440"/>
                    <a:pt x="26950" y="5210"/>
                  </a:cubicBezTo>
                  <a:cubicBezTo>
                    <a:pt x="26531" y="4561"/>
                    <a:pt x="25967" y="4038"/>
                    <a:pt x="25402" y="3473"/>
                  </a:cubicBezTo>
                  <a:cubicBezTo>
                    <a:pt x="25213" y="3264"/>
                    <a:pt x="25046" y="3118"/>
                    <a:pt x="24962" y="2825"/>
                  </a:cubicBezTo>
                  <a:cubicBezTo>
                    <a:pt x="24627" y="1904"/>
                    <a:pt x="23895" y="1423"/>
                    <a:pt x="23100" y="837"/>
                  </a:cubicBezTo>
                  <a:close/>
                  <a:moveTo>
                    <a:pt x="14626" y="17492"/>
                  </a:moveTo>
                  <a:cubicBezTo>
                    <a:pt x="14417" y="17660"/>
                    <a:pt x="14207" y="17639"/>
                    <a:pt x="14061" y="17471"/>
                  </a:cubicBezTo>
                  <a:cubicBezTo>
                    <a:pt x="13663" y="17053"/>
                    <a:pt x="13308" y="16613"/>
                    <a:pt x="12931" y="16195"/>
                  </a:cubicBezTo>
                  <a:cubicBezTo>
                    <a:pt x="12513" y="15714"/>
                    <a:pt x="12094" y="15253"/>
                    <a:pt x="11634" y="14814"/>
                  </a:cubicBezTo>
                  <a:cubicBezTo>
                    <a:pt x="10002" y="13287"/>
                    <a:pt x="8349" y="11801"/>
                    <a:pt x="6717" y="10315"/>
                  </a:cubicBezTo>
                  <a:cubicBezTo>
                    <a:pt x="6549" y="10169"/>
                    <a:pt x="6403" y="10043"/>
                    <a:pt x="6215" y="9918"/>
                  </a:cubicBezTo>
                  <a:cubicBezTo>
                    <a:pt x="5503" y="9374"/>
                    <a:pt x="4771" y="8809"/>
                    <a:pt x="4101" y="8244"/>
                  </a:cubicBezTo>
                  <a:cubicBezTo>
                    <a:pt x="3327" y="7616"/>
                    <a:pt x="2427" y="7198"/>
                    <a:pt x="1800" y="6277"/>
                  </a:cubicBezTo>
                  <a:cubicBezTo>
                    <a:pt x="1758" y="6465"/>
                    <a:pt x="1716" y="6570"/>
                    <a:pt x="1737" y="6612"/>
                  </a:cubicBezTo>
                  <a:cubicBezTo>
                    <a:pt x="1904" y="7240"/>
                    <a:pt x="1800" y="7825"/>
                    <a:pt x="1339" y="8286"/>
                  </a:cubicBezTo>
                  <a:cubicBezTo>
                    <a:pt x="1067" y="8600"/>
                    <a:pt x="1067" y="8997"/>
                    <a:pt x="1109" y="9395"/>
                  </a:cubicBezTo>
                  <a:cubicBezTo>
                    <a:pt x="1632" y="10002"/>
                    <a:pt x="2218" y="10546"/>
                    <a:pt x="2846" y="11006"/>
                  </a:cubicBezTo>
                  <a:cubicBezTo>
                    <a:pt x="3160" y="11236"/>
                    <a:pt x="3432" y="11508"/>
                    <a:pt x="3725" y="11759"/>
                  </a:cubicBezTo>
                  <a:cubicBezTo>
                    <a:pt x="4436" y="12387"/>
                    <a:pt x="5148" y="13077"/>
                    <a:pt x="5880" y="13705"/>
                  </a:cubicBezTo>
                  <a:cubicBezTo>
                    <a:pt x="7261" y="14856"/>
                    <a:pt x="8663" y="15986"/>
                    <a:pt x="10065" y="17136"/>
                  </a:cubicBezTo>
                  <a:cubicBezTo>
                    <a:pt x="10274" y="17283"/>
                    <a:pt x="10504" y="17450"/>
                    <a:pt x="10734" y="17576"/>
                  </a:cubicBezTo>
                  <a:cubicBezTo>
                    <a:pt x="11362" y="17890"/>
                    <a:pt x="11906" y="18287"/>
                    <a:pt x="12408" y="18789"/>
                  </a:cubicBezTo>
                  <a:cubicBezTo>
                    <a:pt x="12806" y="19166"/>
                    <a:pt x="13308" y="19459"/>
                    <a:pt x="13789" y="19689"/>
                  </a:cubicBezTo>
                  <a:cubicBezTo>
                    <a:pt x="13998" y="19522"/>
                    <a:pt x="14207" y="19438"/>
                    <a:pt x="14187" y="19145"/>
                  </a:cubicBezTo>
                  <a:cubicBezTo>
                    <a:pt x="13977" y="19061"/>
                    <a:pt x="13768" y="18957"/>
                    <a:pt x="13538" y="18936"/>
                  </a:cubicBezTo>
                  <a:cubicBezTo>
                    <a:pt x="13140" y="18873"/>
                    <a:pt x="12889" y="18664"/>
                    <a:pt x="12638" y="18392"/>
                  </a:cubicBezTo>
                  <a:cubicBezTo>
                    <a:pt x="12408" y="18099"/>
                    <a:pt x="12157" y="17869"/>
                    <a:pt x="11885" y="17618"/>
                  </a:cubicBezTo>
                  <a:cubicBezTo>
                    <a:pt x="10650" y="16467"/>
                    <a:pt x="9395" y="15358"/>
                    <a:pt x="8181" y="14207"/>
                  </a:cubicBezTo>
                  <a:cubicBezTo>
                    <a:pt x="7889" y="13935"/>
                    <a:pt x="7617" y="13642"/>
                    <a:pt x="7303" y="13412"/>
                  </a:cubicBezTo>
                  <a:cubicBezTo>
                    <a:pt x="6633" y="12910"/>
                    <a:pt x="6026" y="12345"/>
                    <a:pt x="5420" y="11738"/>
                  </a:cubicBezTo>
                  <a:cubicBezTo>
                    <a:pt x="4938" y="11215"/>
                    <a:pt x="4373" y="10755"/>
                    <a:pt x="3892" y="10232"/>
                  </a:cubicBezTo>
                  <a:cubicBezTo>
                    <a:pt x="3683" y="10022"/>
                    <a:pt x="3495" y="9771"/>
                    <a:pt x="3285" y="9562"/>
                  </a:cubicBezTo>
                  <a:cubicBezTo>
                    <a:pt x="3076" y="9353"/>
                    <a:pt x="2867" y="9186"/>
                    <a:pt x="2658" y="8976"/>
                  </a:cubicBezTo>
                  <a:cubicBezTo>
                    <a:pt x="3013" y="8809"/>
                    <a:pt x="3285" y="8872"/>
                    <a:pt x="3536" y="9102"/>
                  </a:cubicBezTo>
                  <a:cubicBezTo>
                    <a:pt x="4101" y="9562"/>
                    <a:pt x="4645" y="10022"/>
                    <a:pt x="5189" y="10504"/>
                  </a:cubicBezTo>
                  <a:cubicBezTo>
                    <a:pt x="6152" y="11403"/>
                    <a:pt x="7072" y="12387"/>
                    <a:pt x="8181" y="13119"/>
                  </a:cubicBezTo>
                  <a:cubicBezTo>
                    <a:pt x="8223" y="13161"/>
                    <a:pt x="8244" y="13203"/>
                    <a:pt x="8307" y="13266"/>
                  </a:cubicBezTo>
                  <a:cubicBezTo>
                    <a:pt x="9960" y="14793"/>
                    <a:pt x="11592" y="16341"/>
                    <a:pt x="13224" y="17869"/>
                  </a:cubicBezTo>
                  <a:cubicBezTo>
                    <a:pt x="13726" y="17722"/>
                    <a:pt x="14166" y="17576"/>
                    <a:pt x="14375" y="18204"/>
                  </a:cubicBezTo>
                  <a:cubicBezTo>
                    <a:pt x="14396" y="18287"/>
                    <a:pt x="14500" y="18308"/>
                    <a:pt x="14584" y="18350"/>
                  </a:cubicBezTo>
                  <a:cubicBezTo>
                    <a:pt x="14898" y="18601"/>
                    <a:pt x="15212" y="18810"/>
                    <a:pt x="15505" y="19020"/>
                  </a:cubicBezTo>
                  <a:cubicBezTo>
                    <a:pt x="16697" y="18810"/>
                    <a:pt x="17911" y="18622"/>
                    <a:pt x="19083" y="18392"/>
                  </a:cubicBezTo>
                  <a:cubicBezTo>
                    <a:pt x="19187" y="18350"/>
                    <a:pt x="19376" y="18413"/>
                    <a:pt x="19376" y="18162"/>
                  </a:cubicBezTo>
                  <a:cubicBezTo>
                    <a:pt x="18852" y="18204"/>
                    <a:pt x="18350" y="18266"/>
                    <a:pt x="17848" y="18287"/>
                  </a:cubicBezTo>
                  <a:cubicBezTo>
                    <a:pt x="17283" y="18308"/>
                    <a:pt x="16865" y="18162"/>
                    <a:pt x="16488" y="17785"/>
                  </a:cubicBezTo>
                  <a:cubicBezTo>
                    <a:pt x="16572" y="17743"/>
                    <a:pt x="16656" y="17680"/>
                    <a:pt x="16718" y="17680"/>
                  </a:cubicBezTo>
                  <a:cubicBezTo>
                    <a:pt x="17702" y="17576"/>
                    <a:pt x="18643" y="17492"/>
                    <a:pt x="19606" y="17429"/>
                  </a:cubicBezTo>
                  <a:cubicBezTo>
                    <a:pt x="21510" y="17241"/>
                    <a:pt x="23414" y="17032"/>
                    <a:pt x="25297" y="16655"/>
                  </a:cubicBezTo>
                  <a:cubicBezTo>
                    <a:pt x="27347" y="16279"/>
                    <a:pt x="29377" y="15986"/>
                    <a:pt x="31448" y="15860"/>
                  </a:cubicBezTo>
                  <a:cubicBezTo>
                    <a:pt x="32892" y="15756"/>
                    <a:pt x="34294" y="15567"/>
                    <a:pt x="35738" y="15400"/>
                  </a:cubicBezTo>
                  <a:cubicBezTo>
                    <a:pt x="35759" y="15400"/>
                    <a:pt x="35801" y="15379"/>
                    <a:pt x="35842" y="15337"/>
                  </a:cubicBezTo>
                  <a:cubicBezTo>
                    <a:pt x="35863" y="15149"/>
                    <a:pt x="35905" y="14960"/>
                    <a:pt x="35905" y="14751"/>
                  </a:cubicBezTo>
                  <a:cubicBezTo>
                    <a:pt x="34399" y="14333"/>
                    <a:pt x="32913" y="14667"/>
                    <a:pt x="31428" y="14605"/>
                  </a:cubicBezTo>
                  <a:cubicBezTo>
                    <a:pt x="31114" y="14605"/>
                    <a:pt x="30779" y="14667"/>
                    <a:pt x="30444" y="14647"/>
                  </a:cubicBezTo>
                  <a:cubicBezTo>
                    <a:pt x="30256" y="14626"/>
                    <a:pt x="30026" y="14647"/>
                    <a:pt x="29816" y="14667"/>
                  </a:cubicBezTo>
                  <a:cubicBezTo>
                    <a:pt x="28603" y="14856"/>
                    <a:pt x="27389" y="15044"/>
                    <a:pt x="26155" y="15253"/>
                  </a:cubicBezTo>
                  <a:cubicBezTo>
                    <a:pt x="25987" y="15274"/>
                    <a:pt x="25820" y="15337"/>
                    <a:pt x="25632" y="15379"/>
                  </a:cubicBezTo>
                  <a:cubicBezTo>
                    <a:pt x="24439" y="15651"/>
                    <a:pt x="23226" y="15923"/>
                    <a:pt x="22033" y="16195"/>
                  </a:cubicBezTo>
                  <a:cubicBezTo>
                    <a:pt x="21949" y="16216"/>
                    <a:pt x="21845" y="16216"/>
                    <a:pt x="21782" y="16237"/>
                  </a:cubicBezTo>
                  <a:cubicBezTo>
                    <a:pt x="21321" y="16341"/>
                    <a:pt x="20882" y="16425"/>
                    <a:pt x="20464" y="16551"/>
                  </a:cubicBezTo>
                  <a:cubicBezTo>
                    <a:pt x="19794" y="16802"/>
                    <a:pt x="19083" y="16948"/>
                    <a:pt x="18350" y="16969"/>
                  </a:cubicBezTo>
                  <a:cubicBezTo>
                    <a:pt x="18057" y="16969"/>
                    <a:pt x="17723" y="16969"/>
                    <a:pt x="17451" y="17053"/>
                  </a:cubicBezTo>
                  <a:cubicBezTo>
                    <a:pt x="16865" y="17262"/>
                    <a:pt x="16279" y="17178"/>
                    <a:pt x="15672" y="17116"/>
                  </a:cubicBezTo>
                  <a:cubicBezTo>
                    <a:pt x="15400" y="17074"/>
                    <a:pt x="15086" y="17032"/>
                    <a:pt x="14772" y="17011"/>
                  </a:cubicBezTo>
                  <a:cubicBezTo>
                    <a:pt x="14689" y="17157"/>
                    <a:pt x="14668" y="17346"/>
                    <a:pt x="14626" y="17492"/>
                  </a:cubicBezTo>
                  <a:close/>
                  <a:moveTo>
                    <a:pt x="15609" y="20421"/>
                  </a:moveTo>
                  <a:cubicBezTo>
                    <a:pt x="16049" y="20108"/>
                    <a:pt x="16446" y="20170"/>
                    <a:pt x="16823" y="20191"/>
                  </a:cubicBezTo>
                  <a:cubicBezTo>
                    <a:pt x="17220" y="20212"/>
                    <a:pt x="17618" y="20254"/>
                    <a:pt x="18016" y="20212"/>
                  </a:cubicBezTo>
                  <a:cubicBezTo>
                    <a:pt x="18497" y="20191"/>
                    <a:pt x="19020" y="20149"/>
                    <a:pt x="19522" y="20045"/>
                  </a:cubicBezTo>
                  <a:cubicBezTo>
                    <a:pt x="20903" y="19731"/>
                    <a:pt x="22305" y="19543"/>
                    <a:pt x="23686" y="19354"/>
                  </a:cubicBezTo>
                  <a:cubicBezTo>
                    <a:pt x="24104" y="19313"/>
                    <a:pt x="24502" y="19166"/>
                    <a:pt x="24920" y="19124"/>
                  </a:cubicBezTo>
                  <a:cubicBezTo>
                    <a:pt x="26824" y="18894"/>
                    <a:pt x="28708" y="18476"/>
                    <a:pt x="30591" y="18078"/>
                  </a:cubicBezTo>
                  <a:cubicBezTo>
                    <a:pt x="30842" y="18015"/>
                    <a:pt x="31135" y="17953"/>
                    <a:pt x="31407" y="17973"/>
                  </a:cubicBezTo>
                  <a:cubicBezTo>
                    <a:pt x="31951" y="18015"/>
                    <a:pt x="32474" y="17953"/>
                    <a:pt x="33018" y="17911"/>
                  </a:cubicBezTo>
                  <a:cubicBezTo>
                    <a:pt x="33625" y="17890"/>
                    <a:pt x="34189" y="17660"/>
                    <a:pt x="34796" y="17764"/>
                  </a:cubicBezTo>
                  <a:cubicBezTo>
                    <a:pt x="35089" y="17806"/>
                    <a:pt x="35236" y="17660"/>
                    <a:pt x="35298" y="17367"/>
                  </a:cubicBezTo>
                  <a:cubicBezTo>
                    <a:pt x="35340" y="17032"/>
                    <a:pt x="35382" y="16655"/>
                    <a:pt x="35424" y="16320"/>
                  </a:cubicBezTo>
                  <a:cubicBezTo>
                    <a:pt x="34985" y="16069"/>
                    <a:pt x="34566" y="16216"/>
                    <a:pt x="34169" y="16320"/>
                  </a:cubicBezTo>
                  <a:cubicBezTo>
                    <a:pt x="34148" y="16320"/>
                    <a:pt x="34127" y="16404"/>
                    <a:pt x="34085" y="16425"/>
                  </a:cubicBezTo>
                  <a:cubicBezTo>
                    <a:pt x="34252" y="16551"/>
                    <a:pt x="34378" y="16655"/>
                    <a:pt x="34650" y="16864"/>
                  </a:cubicBezTo>
                  <a:cubicBezTo>
                    <a:pt x="34085" y="16948"/>
                    <a:pt x="33708" y="17032"/>
                    <a:pt x="33290" y="17074"/>
                  </a:cubicBezTo>
                  <a:cubicBezTo>
                    <a:pt x="33039" y="17116"/>
                    <a:pt x="32809" y="17178"/>
                    <a:pt x="32578" y="17157"/>
                  </a:cubicBezTo>
                  <a:cubicBezTo>
                    <a:pt x="32055" y="17074"/>
                    <a:pt x="31553" y="17178"/>
                    <a:pt x="31051" y="17241"/>
                  </a:cubicBezTo>
                  <a:cubicBezTo>
                    <a:pt x="30005" y="17367"/>
                    <a:pt x="28959" y="17471"/>
                    <a:pt x="27912" y="17597"/>
                  </a:cubicBezTo>
                  <a:cubicBezTo>
                    <a:pt x="26866" y="17743"/>
                    <a:pt x="25799" y="17743"/>
                    <a:pt x="24816" y="17994"/>
                  </a:cubicBezTo>
                  <a:cubicBezTo>
                    <a:pt x="22849" y="18538"/>
                    <a:pt x="20757" y="18517"/>
                    <a:pt x="18790" y="19061"/>
                  </a:cubicBezTo>
                  <a:cubicBezTo>
                    <a:pt x="18685" y="19103"/>
                    <a:pt x="18560" y="19103"/>
                    <a:pt x="18434" y="19103"/>
                  </a:cubicBezTo>
                  <a:cubicBezTo>
                    <a:pt x="17304" y="19271"/>
                    <a:pt x="16174" y="19438"/>
                    <a:pt x="15044" y="19626"/>
                  </a:cubicBezTo>
                  <a:cubicBezTo>
                    <a:pt x="14940" y="19836"/>
                    <a:pt x="14877" y="20003"/>
                    <a:pt x="14793" y="20170"/>
                  </a:cubicBezTo>
                  <a:cubicBezTo>
                    <a:pt x="15044" y="20505"/>
                    <a:pt x="15254" y="20798"/>
                    <a:pt x="15463" y="21091"/>
                  </a:cubicBezTo>
                  <a:cubicBezTo>
                    <a:pt x="15881" y="21133"/>
                    <a:pt x="16300" y="21196"/>
                    <a:pt x="16718" y="21217"/>
                  </a:cubicBezTo>
                  <a:cubicBezTo>
                    <a:pt x="16865" y="21217"/>
                    <a:pt x="17011" y="21112"/>
                    <a:pt x="17220" y="21028"/>
                  </a:cubicBezTo>
                  <a:cubicBezTo>
                    <a:pt x="16656" y="20819"/>
                    <a:pt x="16028" y="21028"/>
                    <a:pt x="15609" y="20421"/>
                  </a:cubicBezTo>
                  <a:close/>
                  <a:moveTo>
                    <a:pt x="1842" y="5461"/>
                  </a:moveTo>
                  <a:cubicBezTo>
                    <a:pt x="2218" y="5859"/>
                    <a:pt x="2553" y="6361"/>
                    <a:pt x="3013" y="6654"/>
                  </a:cubicBezTo>
                  <a:cubicBezTo>
                    <a:pt x="3997" y="7281"/>
                    <a:pt x="4855" y="8014"/>
                    <a:pt x="5775" y="8683"/>
                  </a:cubicBezTo>
                  <a:cubicBezTo>
                    <a:pt x="6256" y="9081"/>
                    <a:pt x="6780" y="9437"/>
                    <a:pt x="7261" y="9855"/>
                  </a:cubicBezTo>
                  <a:cubicBezTo>
                    <a:pt x="8705" y="11152"/>
                    <a:pt x="10085" y="12450"/>
                    <a:pt x="11529" y="13768"/>
                  </a:cubicBezTo>
                  <a:cubicBezTo>
                    <a:pt x="11592" y="13831"/>
                    <a:pt x="11676" y="14019"/>
                    <a:pt x="11906" y="13831"/>
                  </a:cubicBezTo>
                  <a:cubicBezTo>
                    <a:pt x="11571" y="13475"/>
                    <a:pt x="11257" y="13140"/>
                    <a:pt x="10922" y="12784"/>
                  </a:cubicBezTo>
                  <a:cubicBezTo>
                    <a:pt x="10316" y="12199"/>
                    <a:pt x="9667" y="11675"/>
                    <a:pt x="9144" y="11006"/>
                  </a:cubicBezTo>
                  <a:cubicBezTo>
                    <a:pt x="8202" y="9834"/>
                    <a:pt x="7177" y="8746"/>
                    <a:pt x="6047" y="7742"/>
                  </a:cubicBezTo>
                  <a:cubicBezTo>
                    <a:pt x="5566" y="7302"/>
                    <a:pt x="5064" y="6884"/>
                    <a:pt x="4645" y="6361"/>
                  </a:cubicBezTo>
                  <a:cubicBezTo>
                    <a:pt x="4018" y="5545"/>
                    <a:pt x="3264" y="4938"/>
                    <a:pt x="2427" y="4415"/>
                  </a:cubicBezTo>
                  <a:cubicBezTo>
                    <a:pt x="2281" y="4352"/>
                    <a:pt x="2072" y="4248"/>
                    <a:pt x="1946" y="4268"/>
                  </a:cubicBezTo>
                  <a:cubicBezTo>
                    <a:pt x="1737" y="4310"/>
                    <a:pt x="1821" y="4561"/>
                    <a:pt x="1842" y="4729"/>
                  </a:cubicBezTo>
                  <a:close/>
                  <a:moveTo>
                    <a:pt x="25088" y="20170"/>
                  </a:moveTo>
                  <a:cubicBezTo>
                    <a:pt x="25464" y="20359"/>
                    <a:pt x="25778" y="20296"/>
                    <a:pt x="26092" y="20212"/>
                  </a:cubicBezTo>
                  <a:cubicBezTo>
                    <a:pt x="26762" y="20066"/>
                    <a:pt x="27452" y="19919"/>
                    <a:pt x="28122" y="19919"/>
                  </a:cubicBezTo>
                  <a:cubicBezTo>
                    <a:pt x="28331" y="19919"/>
                    <a:pt x="28540" y="19919"/>
                    <a:pt x="28749" y="19877"/>
                  </a:cubicBezTo>
                  <a:cubicBezTo>
                    <a:pt x="29231" y="19752"/>
                    <a:pt x="29691" y="19668"/>
                    <a:pt x="30172" y="19710"/>
                  </a:cubicBezTo>
                  <a:cubicBezTo>
                    <a:pt x="30507" y="19752"/>
                    <a:pt x="31072" y="19501"/>
                    <a:pt x="31365" y="19292"/>
                  </a:cubicBezTo>
                  <a:cubicBezTo>
                    <a:pt x="29252" y="19417"/>
                    <a:pt x="27159" y="19626"/>
                    <a:pt x="25088" y="20170"/>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176" name="Google Shape;176;p33"/>
            <p:cNvSpPr/>
            <p:nvPr/>
          </p:nvSpPr>
          <p:spPr>
            <a:xfrm>
              <a:off x="-956775" y="2745150"/>
              <a:ext cx="339000" cy="142825"/>
            </a:xfrm>
            <a:custGeom>
              <a:avLst/>
              <a:gdLst/>
              <a:ahLst/>
              <a:cxnLst/>
              <a:rect l="l" t="t" r="r" b="b"/>
              <a:pathLst>
                <a:path w="13560" h="5713" extrusionOk="0">
                  <a:moveTo>
                    <a:pt x="1" y="1863"/>
                  </a:moveTo>
                  <a:cubicBezTo>
                    <a:pt x="315" y="1632"/>
                    <a:pt x="629" y="1674"/>
                    <a:pt x="922" y="1716"/>
                  </a:cubicBezTo>
                  <a:cubicBezTo>
                    <a:pt x="1842" y="1842"/>
                    <a:pt x="2700" y="1716"/>
                    <a:pt x="3600" y="1465"/>
                  </a:cubicBezTo>
                  <a:cubicBezTo>
                    <a:pt x="4374" y="1256"/>
                    <a:pt x="5190" y="1193"/>
                    <a:pt x="5964" y="1026"/>
                  </a:cubicBezTo>
                  <a:cubicBezTo>
                    <a:pt x="6341" y="942"/>
                    <a:pt x="6738" y="816"/>
                    <a:pt x="7073" y="670"/>
                  </a:cubicBezTo>
                  <a:cubicBezTo>
                    <a:pt x="7533" y="461"/>
                    <a:pt x="8015" y="293"/>
                    <a:pt x="8538" y="293"/>
                  </a:cubicBezTo>
                  <a:cubicBezTo>
                    <a:pt x="8621" y="293"/>
                    <a:pt x="8726" y="314"/>
                    <a:pt x="8789" y="293"/>
                  </a:cubicBezTo>
                  <a:cubicBezTo>
                    <a:pt x="9626" y="0"/>
                    <a:pt x="10463" y="189"/>
                    <a:pt x="11279" y="314"/>
                  </a:cubicBezTo>
                  <a:cubicBezTo>
                    <a:pt x="12032" y="419"/>
                    <a:pt x="12618" y="795"/>
                    <a:pt x="12827" y="1611"/>
                  </a:cubicBezTo>
                  <a:cubicBezTo>
                    <a:pt x="12869" y="1842"/>
                    <a:pt x="13015" y="2030"/>
                    <a:pt x="13141" y="2239"/>
                  </a:cubicBezTo>
                  <a:cubicBezTo>
                    <a:pt x="13183" y="2344"/>
                    <a:pt x="13287" y="2407"/>
                    <a:pt x="13350" y="2511"/>
                  </a:cubicBezTo>
                  <a:cubicBezTo>
                    <a:pt x="13559" y="2909"/>
                    <a:pt x="13455" y="3306"/>
                    <a:pt x="13015" y="3453"/>
                  </a:cubicBezTo>
                  <a:cubicBezTo>
                    <a:pt x="12806" y="3536"/>
                    <a:pt x="12534" y="3599"/>
                    <a:pt x="12304" y="3620"/>
                  </a:cubicBezTo>
                  <a:lnTo>
                    <a:pt x="11676" y="3704"/>
                  </a:lnTo>
                  <a:cubicBezTo>
                    <a:pt x="11049" y="3746"/>
                    <a:pt x="10442" y="3850"/>
                    <a:pt x="9814" y="4039"/>
                  </a:cubicBezTo>
                  <a:cubicBezTo>
                    <a:pt x="9709" y="4060"/>
                    <a:pt x="9584" y="4080"/>
                    <a:pt x="9458" y="4080"/>
                  </a:cubicBezTo>
                  <a:cubicBezTo>
                    <a:pt x="8768" y="3955"/>
                    <a:pt x="8140" y="4227"/>
                    <a:pt x="7512" y="4373"/>
                  </a:cubicBezTo>
                  <a:cubicBezTo>
                    <a:pt x="7010" y="4499"/>
                    <a:pt x="6550" y="4666"/>
                    <a:pt x="6027" y="4645"/>
                  </a:cubicBezTo>
                  <a:cubicBezTo>
                    <a:pt x="5525" y="4604"/>
                    <a:pt x="5106" y="4896"/>
                    <a:pt x="4688" y="5106"/>
                  </a:cubicBezTo>
                  <a:cubicBezTo>
                    <a:pt x="4374" y="5273"/>
                    <a:pt x="4060" y="5441"/>
                    <a:pt x="3725" y="5545"/>
                  </a:cubicBezTo>
                  <a:cubicBezTo>
                    <a:pt x="3139" y="5713"/>
                    <a:pt x="2616" y="5692"/>
                    <a:pt x="2177" y="5168"/>
                  </a:cubicBezTo>
                  <a:cubicBezTo>
                    <a:pt x="1821" y="4687"/>
                    <a:pt x="1361" y="4290"/>
                    <a:pt x="1047" y="3808"/>
                  </a:cubicBezTo>
                  <a:cubicBezTo>
                    <a:pt x="817" y="3432"/>
                    <a:pt x="608" y="3076"/>
                    <a:pt x="524" y="2679"/>
                  </a:cubicBezTo>
                  <a:cubicBezTo>
                    <a:pt x="482" y="2386"/>
                    <a:pt x="357" y="2197"/>
                    <a:pt x="85" y="2093"/>
                  </a:cubicBezTo>
                  <a:cubicBezTo>
                    <a:pt x="64" y="2072"/>
                    <a:pt x="64" y="1967"/>
                    <a:pt x="1" y="1863"/>
                  </a:cubicBezTo>
                  <a:close/>
                  <a:moveTo>
                    <a:pt x="1361" y="2448"/>
                  </a:moveTo>
                  <a:cubicBezTo>
                    <a:pt x="1717" y="3557"/>
                    <a:pt x="2449" y="4164"/>
                    <a:pt x="3014" y="4855"/>
                  </a:cubicBezTo>
                  <a:cubicBezTo>
                    <a:pt x="3704" y="4750"/>
                    <a:pt x="4290" y="4541"/>
                    <a:pt x="4855" y="4227"/>
                  </a:cubicBezTo>
                  <a:cubicBezTo>
                    <a:pt x="5232" y="3976"/>
                    <a:pt x="5692" y="3871"/>
                    <a:pt x="6131" y="3871"/>
                  </a:cubicBezTo>
                  <a:cubicBezTo>
                    <a:pt x="6487" y="3871"/>
                    <a:pt x="6843" y="3767"/>
                    <a:pt x="7178" y="3704"/>
                  </a:cubicBezTo>
                  <a:cubicBezTo>
                    <a:pt x="7931" y="3536"/>
                    <a:pt x="8642" y="3181"/>
                    <a:pt x="9458" y="3348"/>
                  </a:cubicBezTo>
                  <a:cubicBezTo>
                    <a:pt x="9563" y="3390"/>
                    <a:pt x="9688" y="3327"/>
                    <a:pt x="9793" y="3306"/>
                  </a:cubicBezTo>
                  <a:cubicBezTo>
                    <a:pt x="10442" y="3076"/>
                    <a:pt x="11132" y="3034"/>
                    <a:pt x="11802" y="2909"/>
                  </a:cubicBezTo>
                  <a:cubicBezTo>
                    <a:pt x="11990" y="2867"/>
                    <a:pt x="12199" y="2867"/>
                    <a:pt x="12450" y="2825"/>
                  </a:cubicBezTo>
                  <a:cubicBezTo>
                    <a:pt x="12304" y="2448"/>
                    <a:pt x="12178" y="2093"/>
                    <a:pt x="12011" y="1779"/>
                  </a:cubicBezTo>
                  <a:cubicBezTo>
                    <a:pt x="11802" y="1360"/>
                    <a:pt x="11488" y="1088"/>
                    <a:pt x="10965" y="1047"/>
                  </a:cubicBezTo>
                  <a:cubicBezTo>
                    <a:pt x="10316" y="1026"/>
                    <a:pt x="9647" y="816"/>
                    <a:pt x="8998" y="1088"/>
                  </a:cubicBezTo>
                  <a:cubicBezTo>
                    <a:pt x="8893" y="1130"/>
                    <a:pt x="8768" y="1109"/>
                    <a:pt x="8642" y="1109"/>
                  </a:cubicBezTo>
                  <a:cubicBezTo>
                    <a:pt x="8161" y="1088"/>
                    <a:pt x="7743" y="1214"/>
                    <a:pt x="7324" y="1402"/>
                  </a:cubicBezTo>
                  <a:cubicBezTo>
                    <a:pt x="6906" y="1570"/>
                    <a:pt x="6487" y="1737"/>
                    <a:pt x="6069" y="1842"/>
                  </a:cubicBezTo>
                  <a:cubicBezTo>
                    <a:pt x="5232" y="2030"/>
                    <a:pt x="4374" y="2155"/>
                    <a:pt x="3516" y="2302"/>
                  </a:cubicBezTo>
                  <a:cubicBezTo>
                    <a:pt x="2888" y="2407"/>
                    <a:pt x="2198" y="2595"/>
                    <a:pt x="1361" y="2448"/>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177" name="Google Shape;177;p33"/>
            <p:cNvSpPr/>
            <p:nvPr/>
          </p:nvSpPr>
          <p:spPr>
            <a:xfrm>
              <a:off x="-604200" y="2736250"/>
              <a:ext cx="263125" cy="239075"/>
            </a:xfrm>
            <a:custGeom>
              <a:avLst/>
              <a:gdLst/>
              <a:ahLst/>
              <a:cxnLst/>
              <a:rect l="l" t="t" r="r" b="b"/>
              <a:pathLst>
                <a:path w="10525" h="9563" extrusionOk="0">
                  <a:moveTo>
                    <a:pt x="10525" y="9500"/>
                  </a:moveTo>
                  <a:cubicBezTo>
                    <a:pt x="10420" y="9542"/>
                    <a:pt x="10378" y="9563"/>
                    <a:pt x="10358" y="9563"/>
                  </a:cubicBezTo>
                  <a:cubicBezTo>
                    <a:pt x="9542" y="9291"/>
                    <a:pt x="8705" y="9019"/>
                    <a:pt x="8056" y="8454"/>
                  </a:cubicBezTo>
                  <a:cubicBezTo>
                    <a:pt x="7345" y="7847"/>
                    <a:pt x="6696" y="7157"/>
                    <a:pt x="5880" y="6717"/>
                  </a:cubicBezTo>
                  <a:cubicBezTo>
                    <a:pt x="5713" y="6613"/>
                    <a:pt x="5566" y="6424"/>
                    <a:pt x="5420" y="6299"/>
                  </a:cubicBezTo>
                  <a:lnTo>
                    <a:pt x="3369" y="4248"/>
                  </a:lnTo>
                  <a:cubicBezTo>
                    <a:pt x="3202" y="4081"/>
                    <a:pt x="3013" y="3872"/>
                    <a:pt x="2846" y="3662"/>
                  </a:cubicBezTo>
                  <a:cubicBezTo>
                    <a:pt x="2323" y="3035"/>
                    <a:pt x="1842" y="2407"/>
                    <a:pt x="1235" y="1842"/>
                  </a:cubicBezTo>
                  <a:cubicBezTo>
                    <a:pt x="816" y="1486"/>
                    <a:pt x="523" y="963"/>
                    <a:pt x="189" y="524"/>
                  </a:cubicBezTo>
                  <a:cubicBezTo>
                    <a:pt x="84" y="377"/>
                    <a:pt x="0" y="210"/>
                    <a:pt x="189" y="22"/>
                  </a:cubicBezTo>
                  <a:cubicBezTo>
                    <a:pt x="440" y="1"/>
                    <a:pt x="628" y="189"/>
                    <a:pt x="754" y="335"/>
                  </a:cubicBezTo>
                  <a:cubicBezTo>
                    <a:pt x="1653" y="1403"/>
                    <a:pt x="2741" y="2239"/>
                    <a:pt x="3536" y="3390"/>
                  </a:cubicBezTo>
                  <a:cubicBezTo>
                    <a:pt x="3641" y="3558"/>
                    <a:pt x="3767" y="3662"/>
                    <a:pt x="3892" y="3788"/>
                  </a:cubicBezTo>
                  <a:lnTo>
                    <a:pt x="5859" y="5755"/>
                  </a:lnTo>
                  <a:cubicBezTo>
                    <a:pt x="6026" y="5901"/>
                    <a:pt x="6194" y="6110"/>
                    <a:pt x="6382" y="6215"/>
                  </a:cubicBezTo>
                  <a:cubicBezTo>
                    <a:pt x="7073" y="6613"/>
                    <a:pt x="7617" y="7157"/>
                    <a:pt x="8182" y="7680"/>
                  </a:cubicBezTo>
                  <a:cubicBezTo>
                    <a:pt x="8558" y="8035"/>
                    <a:pt x="8956" y="8349"/>
                    <a:pt x="9416" y="8579"/>
                  </a:cubicBezTo>
                  <a:cubicBezTo>
                    <a:pt x="9855" y="8789"/>
                    <a:pt x="10211" y="9123"/>
                    <a:pt x="10525" y="950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269" name="Google Shape;269;p33"/>
          <p:cNvGrpSpPr/>
          <p:nvPr/>
        </p:nvGrpSpPr>
        <p:grpSpPr>
          <a:xfrm>
            <a:off x="4722518" y="6028675"/>
            <a:ext cx="1334627" cy="217438"/>
            <a:chOff x="806663" y="3241275"/>
            <a:chExt cx="643950" cy="195675"/>
          </a:xfrm>
        </p:grpSpPr>
        <p:sp>
          <p:nvSpPr>
            <p:cNvPr id="270" name="Google Shape;270;p33"/>
            <p:cNvSpPr/>
            <p:nvPr/>
          </p:nvSpPr>
          <p:spPr>
            <a:xfrm>
              <a:off x="808238" y="3264300"/>
              <a:ext cx="600025" cy="172650"/>
            </a:xfrm>
            <a:custGeom>
              <a:avLst/>
              <a:gdLst/>
              <a:ahLst/>
              <a:cxnLst/>
              <a:rect l="l" t="t" r="r" b="b"/>
              <a:pathLst>
                <a:path w="24001" h="6906" extrusionOk="0">
                  <a:moveTo>
                    <a:pt x="22870" y="858"/>
                  </a:moveTo>
                  <a:cubicBezTo>
                    <a:pt x="22054" y="1026"/>
                    <a:pt x="21406" y="1570"/>
                    <a:pt x="20694" y="1967"/>
                  </a:cubicBezTo>
                  <a:cubicBezTo>
                    <a:pt x="20673" y="1967"/>
                    <a:pt x="20652" y="1988"/>
                    <a:pt x="20652" y="1988"/>
                  </a:cubicBezTo>
                  <a:cubicBezTo>
                    <a:pt x="19941" y="2156"/>
                    <a:pt x="19334" y="2469"/>
                    <a:pt x="18727" y="2930"/>
                  </a:cubicBezTo>
                  <a:cubicBezTo>
                    <a:pt x="18497" y="3118"/>
                    <a:pt x="18141" y="3537"/>
                    <a:pt x="17744" y="3871"/>
                  </a:cubicBezTo>
                  <a:cubicBezTo>
                    <a:pt x="18100" y="3034"/>
                    <a:pt x="18497" y="2156"/>
                    <a:pt x="17535" y="1570"/>
                  </a:cubicBezTo>
                  <a:cubicBezTo>
                    <a:pt x="17576" y="1381"/>
                    <a:pt x="17618" y="1172"/>
                    <a:pt x="17576" y="942"/>
                  </a:cubicBezTo>
                  <a:cubicBezTo>
                    <a:pt x="17556" y="377"/>
                    <a:pt x="16991" y="0"/>
                    <a:pt x="16426" y="293"/>
                  </a:cubicBezTo>
                  <a:cubicBezTo>
                    <a:pt x="15735" y="649"/>
                    <a:pt x="15317" y="1444"/>
                    <a:pt x="14961" y="2114"/>
                  </a:cubicBezTo>
                  <a:cubicBezTo>
                    <a:pt x="14815" y="2469"/>
                    <a:pt x="14647" y="2783"/>
                    <a:pt x="14501" y="3118"/>
                  </a:cubicBezTo>
                  <a:cubicBezTo>
                    <a:pt x="14333" y="2407"/>
                    <a:pt x="14082" y="1779"/>
                    <a:pt x="13287" y="1633"/>
                  </a:cubicBezTo>
                  <a:cubicBezTo>
                    <a:pt x="12952" y="1277"/>
                    <a:pt x="12408" y="1214"/>
                    <a:pt x="11990" y="1591"/>
                  </a:cubicBezTo>
                  <a:cubicBezTo>
                    <a:pt x="11341" y="2218"/>
                    <a:pt x="11467" y="3055"/>
                    <a:pt x="11404" y="3829"/>
                  </a:cubicBezTo>
                  <a:cubicBezTo>
                    <a:pt x="10714" y="3055"/>
                    <a:pt x="10149" y="2177"/>
                    <a:pt x="9165" y="1758"/>
                  </a:cubicBezTo>
                  <a:cubicBezTo>
                    <a:pt x="8684" y="1549"/>
                    <a:pt x="7910" y="1737"/>
                    <a:pt x="7847" y="2323"/>
                  </a:cubicBezTo>
                  <a:cubicBezTo>
                    <a:pt x="7575" y="2197"/>
                    <a:pt x="7261" y="2156"/>
                    <a:pt x="6885" y="2197"/>
                  </a:cubicBezTo>
                  <a:cubicBezTo>
                    <a:pt x="6592" y="2218"/>
                    <a:pt x="6257" y="2407"/>
                    <a:pt x="6110" y="2679"/>
                  </a:cubicBezTo>
                  <a:cubicBezTo>
                    <a:pt x="6069" y="2637"/>
                    <a:pt x="6027" y="2616"/>
                    <a:pt x="6006" y="2595"/>
                  </a:cubicBezTo>
                  <a:cubicBezTo>
                    <a:pt x="5315" y="2051"/>
                    <a:pt x="4562" y="1633"/>
                    <a:pt x="3704" y="1988"/>
                  </a:cubicBezTo>
                  <a:cubicBezTo>
                    <a:pt x="2783" y="2386"/>
                    <a:pt x="3851" y="3829"/>
                    <a:pt x="4980" y="5001"/>
                  </a:cubicBezTo>
                  <a:cubicBezTo>
                    <a:pt x="4353" y="4813"/>
                    <a:pt x="3725" y="4583"/>
                    <a:pt x="3181" y="4290"/>
                  </a:cubicBezTo>
                  <a:cubicBezTo>
                    <a:pt x="2344" y="3850"/>
                    <a:pt x="1403" y="3620"/>
                    <a:pt x="482" y="3850"/>
                  </a:cubicBezTo>
                  <a:cubicBezTo>
                    <a:pt x="168" y="3934"/>
                    <a:pt x="1" y="4311"/>
                    <a:pt x="189" y="4583"/>
                  </a:cubicBezTo>
                  <a:cubicBezTo>
                    <a:pt x="942" y="5817"/>
                    <a:pt x="1988" y="6152"/>
                    <a:pt x="3286" y="6654"/>
                  </a:cubicBezTo>
                  <a:cubicBezTo>
                    <a:pt x="3851" y="6884"/>
                    <a:pt x="4667" y="6905"/>
                    <a:pt x="4750" y="6152"/>
                  </a:cubicBezTo>
                  <a:cubicBezTo>
                    <a:pt x="4750" y="6089"/>
                    <a:pt x="4750" y="6068"/>
                    <a:pt x="4708" y="6026"/>
                  </a:cubicBezTo>
                  <a:cubicBezTo>
                    <a:pt x="5483" y="6257"/>
                    <a:pt x="6215" y="6550"/>
                    <a:pt x="6989" y="6759"/>
                  </a:cubicBezTo>
                  <a:cubicBezTo>
                    <a:pt x="7491" y="6884"/>
                    <a:pt x="7805" y="6466"/>
                    <a:pt x="7742" y="6068"/>
                  </a:cubicBezTo>
                  <a:cubicBezTo>
                    <a:pt x="7805" y="6131"/>
                    <a:pt x="7847" y="6152"/>
                    <a:pt x="7889" y="6194"/>
                  </a:cubicBezTo>
                  <a:cubicBezTo>
                    <a:pt x="8349" y="6675"/>
                    <a:pt x="9144" y="6361"/>
                    <a:pt x="9270" y="5775"/>
                  </a:cubicBezTo>
                  <a:cubicBezTo>
                    <a:pt x="9709" y="6047"/>
                    <a:pt x="10421" y="5880"/>
                    <a:pt x="10609" y="5441"/>
                  </a:cubicBezTo>
                  <a:cubicBezTo>
                    <a:pt x="10839" y="5713"/>
                    <a:pt x="11090" y="5943"/>
                    <a:pt x="11404" y="6152"/>
                  </a:cubicBezTo>
                  <a:cubicBezTo>
                    <a:pt x="11509" y="6194"/>
                    <a:pt x="11592" y="6257"/>
                    <a:pt x="11697" y="6257"/>
                  </a:cubicBezTo>
                  <a:cubicBezTo>
                    <a:pt x="12178" y="6717"/>
                    <a:pt x="13120" y="6654"/>
                    <a:pt x="13287" y="5859"/>
                  </a:cubicBezTo>
                  <a:cubicBezTo>
                    <a:pt x="13287" y="5817"/>
                    <a:pt x="13329" y="5775"/>
                    <a:pt x="13329" y="5734"/>
                  </a:cubicBezTo>
                  <a:cubicBezTo>
                    <a:pt x="13475" y="5880"/>
                    <a:pt x="13685" y="5985"/>
                    <a:pt x="13957" y="5985"/>
                  </a:cubicBezTo>
                  <a:cubicBezTo>
                    <a:pt x="14815" y="6068"/>
                    <a:pt x="15359" y="5315"/>
                    <a:pt x="15756" y="4625"/>
                  </a:cubicBezTo>
                  <a:cubicBezTo>
                    <a:pt x="15735" y="4792"/>
                    <a:pt x="15735" y="4918"/>
                    <a:pt x="15756" y="5085"/>
                  </a:cubicBezTo>
                  <a:cubicBezTo>
                    <a:pt x="15777" y="5420"/>
                    <a:pt x="15986" y="5817"/>
                    <a:pt x="16363" y="5859"/>
                  </a:cubicBezTo>
                  <a:cubicBezTo>
                    <a:pt x="17158" y="5985"/>
                    <a:pt x="17744" y="5734"/>
                    <a:pt x="18267" y="5336"/>
                  </a:cubicBezTo>
                  <a:cubicBezTo>
                    <a:pt x="18372" y="5399"/>
                    <a:pt x="18497" y="5420"/>
                    <a:pt x="18665" y="5399"/>
                  </a:cubicBezTo>
                  <a:cubicBezTo>
                    <a:pt x="19711" y="5252"/>
                    <a:pt x="21510" y="4415"/>
                    <a:pt x="21824" y="3244"/>
                  </a:cubicBezTo>
                  <a:cubicBezTo>
                    <a:pt x="21991" y="3139"/>
                    <a:pt x="22159" y="3034"/>
                    <a:pt x="22347" y="2930"/>
                  </a:cubicBezTo>
                  <a:cubicBezTo>
                    <a:pt x="22766" y="3578"/>
                    <a:pt x="24000" y="3432"/>
                    <a:pt x="24000" y="2469"/>
                  </a:cubicBezTo>
                  <a:lnTo>
                    <a:pt x="24000" y="1674"/>
                  </a:lnTo>
                  <a:cubicBezTo>
                    <a:pt x="24000" y="1109"/>
                    <a:pt x="23414" y="754"/>
                    <a:pt x="22870" y="858"/>
                  </a:cubicBezTo>
                  <a:close/>
                  <a:moveTo>
                    <a:pt x="4353" y="6068"/>
                  </a:moveTo>
                  <a:cubicBezTo>
                    <a:pt x="4185" y="6340"/>
                    <a:pt x="3223" y="5754"/>
                    <a:pt x="2993" y="5671"/>
                  </a:cubicBezTo>
                  <a:cubicBezTo>
                    <a:pt x="2470" y="5524"/>
                    <a:pt x="2009" y="5231"/>
                    <a:pt x="1633" y="4876"/>
                  </a:cubicBezTo>
                  <a:cubicBezTo>
                    <a:pt x="2365" y="5064"/>
                    <a:pt x="3014" y="5587"/>
                    <a:pt x="3746" y="5775"/>
                  </a:cubicBezTo>
                  <a:cubicBezTo>
                    <a:pt x="3976" y="5838"/>
                    <a:pt x="4206" y="5922"/>
                    <a:pt x="4457" y="5985"/>
                  </a:cubicBezTo>
                  <a:cubicBezTo>
                    <a:pt x="4416" y="5985"/>
                    <a:pt x="4374" y="6026"/>
                    <a:pt x="4353" y="6068"/>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71" name="Google Shape;271;p33"/>
            <p:cNvSpPr/>
            <p:nvPr/>
          </p:nvSpPr>
          <p:spPr>
            <a:xfrm>
              <a:off x="806663" y="3241275"/>
              <a:ext cx="643950" cy="188350"/>
            </a:xfrm>
            <a:custGeom>
              <a:avLst/>
              <a:gdLst/>
              <a:ahLst/>
              <a:cxnLst/>
              <a:rect l="l" t="t" r="r" b="b"/>
              <a:pathLst>
                <a:path w="25758" h="7534" extrusionOk="0">
                  <a:moveTo>
                    <a:pt x="4709" y="4897"/>
                  </a:moveTo>
                  <a:cubicBezTo>
                    <a:pt x="4499" y="4583"/>
                    <a:pt x="4311" y="4332"/>
                    <a:pt x="4144" y="4060"/>
                  </a:cubicBezTo>
                  <a:cubicBezTo>
                    <a:pt x="4039" y="3872"/>
                    <a:pt x="3997" y="3704"/>
                    <a:pt x="3914" y="3474"/>
                  </a:cubicBezTo>
                  <a:cubicBezTo>
                    <a:pt x="3767" y="3098"/>
                    <a:pt x="3725" y="2679"/>
                    <a:pt x="3767" y="2261"/>
                  </a:cubicBezTo>
                  <a:cubicBezTo>
                    <a:pt x="3809" y="1633"/>
                    <a:pt x="4290" y="1214"/>
                    <a:pt x="4918" y="1361"/>
                  </a:cubicBezTo>
                  <a:cubicBezTo>
                    <a:pt x="5567" y="1528"/>
                    <a:pt x="6215" y="1675"/>
                    <a:pt x="6822" y="2051"/>
                  </a:cubicBezTo>
                  <a:cubicBezTo>
                    <a:pt x="7387" y="2386"/>
                    <a:pt x="7994" y="2700"/>
                    <a:pt x="8600" y="3014"/>
                  </a:cubicBezTo>
                  <a:cubicBezTo>
                    <a:pt x="8852" y="3139"/>
                    <a:pt x="9124" y="3223"/>
                    <a:pt x="9417" y="3328"/>
                  </a:cubicBezTo>
                  <a:cubicBezTo>
                    <a:pt x="9772" y="2993"/>
                    <a:pt x="9877" y="2595"/>
                    <a:pt x="10044" y="2240"/>
                  </a:cubicBezTo>
                  <a:cubicBezTo>
                    <a:pt x="10253" y="1779"/>
                    <a:pt x="10421" y="1319"/>
                    <a:pt x="10672" y="859"/>
                  </a:cubicBezTo>
                  <a:cubicBezTo>
                    <a:pt x="10881" y="440"/>
                    <a:pt x="11258" y="273"/>
                    <a:pt x="11760" y="273"/>
                  </a:cubicBezTo>
                  <a:cubicBezTo>
                    <a:pt x="12199" y="273"/>
                    <a:pt x="12492" y="419"/>
                    <a:pt x="12681" y="817"/>
                  </a:cubicBezTo>
                  <a:cubicBezTo>
                    <a:pt x="12890" y="1235"/>
                    <a:pt x="13099" y="1654"/>
                    <a:pt x="13329" y="2072"/>
                  </a:cubicBezTo>
                  <a:cubicBezTo>
                    <a:pt x="13413" y="2240"/>
                    <a:pt x="13538" y="2323"/>
                    <a:pt x="13664" y="2512"/>
                  </a:cubicBezTo>
                  <a:cubicBezTo>
                    <a:pt x="14187" y="1989"/>
                    <a:pt x="14710" y="1507"/>
                    <a:pt x="15212" y="1005"/>
                  </a:cubicBezTo>
                  <a:cubicBezTo>
                    <a:pt x="15484" y="712"/>
                    <a:pt x="15798" y="524"/>
                    <a:pt x="16133" y="315"/>
                  </a:cubicBezTo>
                  <a:cubicBezTo>
                    <a:pt x="16656" y="1"/>
                    <a:pt x="17200" y="1"/>
                    <a:pt x="17744" y="64"/>
                  </a:cubicBezTo>
                  <a:cubicBezTo>
                    <a:pt x="18100" y="85"/>
                    <a:pt x="18267" y="273"/>
                    <a:pt x="18330" y="629"/>
                  </a:cubicBezTo>
                  <a:cubicBezTo>
                    <a:pt x="18351" y="921"/>
                    <a:pt x="18351" y="1214"/>
                    <a:pt x="18351" y="1528"/>
                  </a:cubicBezTo>
                  <a:cubicBezTo>
                    <a:pt x="18351" y="1737"/>
                    <a:pt x="18414" y="1926"/>
                    <a:pt x="18435" y="2177"/>
                  </a:cubicBezTo>
                  <a:cubicBezTo>
                    <a:pt x="18623" y="2156"/>
                    <a:pt x="18748" y="2135"/>
                    <a:pt x="18874" y="2072"/>
                  </a:cubicBezTo>
                  <a:cubicBezTo>
                    <a:pt x="19983" y="1675"/>
                    <a:pt x="21071" y="1256"/>
                    <a:pt x="22285" y="1214"/>
                  </a:cubicBezTo>
                  <a:cubicBezTo>
                    <a:pt x="22494" y="1214"/>
                    <a:pt x="22661" y="1110"/>
                    <a:pt x="22870" y="1047"/>
                  </a:cubicBezTo>
                  <a:cubicBezTo>
                    <a:pt x="23561" y="880"/>
                    <a:pt x="24210" y="1047"/>
                    <a:pt x="24858" y="1256"/>
                  </a:cubicBezTo>
                  <a:cubicBezTo>
                    <a:pt x="24963" y="1298"/>
                    <a:pt x="25109" y="1361"/>
                    <a:pt x="25151" y="1465"/>
                  </a:cubicBezTo>
                  <a:cubicBezTo>
                    <a:pt x="25465" y="2135"/>
                    <a:pt x="25758" y="2784"/>
                    <a:pt x="25339" y="3495"/>
                  </a:cubicBezTo>
                  <a:cubicBezTo>
                    <a:pt x="25214" y="3725"/>
                    <a:pt x="25046" y="3934"/>
                    <a:pt x="24900" y="4144"/>
                  </a:cubicBezTo>
                  <a:lnTo>
                    <a:pt x="23707" y="5797"/>
                  </a:lnTo>
                  <a:cubicBezTo>
                    <a:pt x="23645" y="5922"/>
                    <a:pt x="23561" y="6027"/>
                    <a:pt x="23435" y="6131"/>
                  </a:cubicBezTo>
                  <a:cubicBezTo>
                    <a:pt x="23268" y="6257"/>
                    <a:pt x="23121" y="6257"/>
                    <a:pt x="22933" y="6152"/>
                  </a:cubicBezTo>
                  <a:cubicBezTo>
                    <a:pt x="22766" y="6048"/>
                    <a:pt x="22661" y="5901"/>
                    <a:pt x="22703" y="5713"/>
                  </a:cubicBezTo>
                  <a:cubicBezTo>
                    <a:pt x="22745" y="5462"/>
                    <a:pt x="22829" y="5253"/>
                    <a:pt x="22954" y="5043"/>
                  </a:cubicBezTo>
                  <a:cubicBezTo>
                    <a:pt x="23268" y="4562"/>
                    <a:pt x="23645" y="4081"/>
                    <a:pt x="23979" y="3621"/>
                  </a:cubicBezTo>
                  <a:cubicBezTo>
                    <a:pt x="24126" y="3411"/>
                    <a:pt x="24314" y="3202"/>
                    <a:pt x="24419" y="2951"/>
                  </a:cubicBezTo>
                  <a:cubicBezTo>
                    <a:pt x="24628" y="2533"/>
                    <a:pt x="24398" y="2114"/>
                    <a:pt x="23917" y="2051"/>
                  </a:cubicBezTo>
                  <a:cubicBezTo>
                    <a:pt x="23707" y="2010"/>
                    <a:pt x="23498" y="1989"/>
                    <a:pt x="23289" y="2010"/>
                  </a:cubicBezTo>
                  <a:cubicBezTo>
                    <a:pt x="21971" y="2219"/>
                    <a:pt x="20590" y="2386"/>
                    <a:pt x="19376" y="2951"/>
                  </a:cubicBezTo>
                  <a:cubicBezTo>
                    <a:pt x="18895" y="3202"/>
                    <a:pt x="18414" y="3223"/>
                    <a:pt x="17912" y="3160"/>
                  </a:cubicBezTo>
                  <a:cubicBezTo>
                    <a:pt x="17514" y="3118"/>
                    <a:pt x="17326" y="2930"/>
                    <a:pt x="17305" y="2512"/>
                  </a:cubicBezTo>
                  <a:cubicBezTo>
                    <a:pt x="17284" y="2198"/>
                    <a:pt x="17305" y="1863"/>
                    <a:pt x="17305" y="1549"/>
                  </a:cubicBezTo>
                  <a:cubicBezTo>
                    <a:pt x="17305" y="1382"/>
                    <a:pt x="17263" y="1214"/>
                    <a:pt x="17221" y="1005"/>
                  </a:cubicBezTo>
                  <a:cubicBezTo>
                    <a:pt x="16656" y="1068"/>
                    <a:pt x="16259" y="1319"/>
                    <a:pt x="15903" y="1675"/>
                  </a:cubicBezTo>
                  <a:cubicBezTo>
                    <a:pt x="15443" y="2156"/>
                    <a:pt x="14982" y="2595"/>
                    <a:pt x="14543" y="3056"/>
                  </a:cubicBezTo>
                  <a:cubicBezTo>
                    <a:pt x="14375" y="3223"/>
                    <a:pt x="14250" y="3349"/>
                    <a:pt x="14082" y="3474"/>
                  </a:cubicBezTo>
                  <a:cubicBezTo>
                    <a:pt x="13643" y="3767"/>
                    <a:pt x="13078" y="3662"/>
                    <a:pt x="12806" y="3223"/>
                  </a:cubicBezTo>
                  <a:cubicBezTo>
                    <a:pt x="12555" y="2805"/>
                    <a:pt x="12346" y="2323"/>
                    <a:pt x="12095" y="1884"/>
                  </a:cubicBezTo>
                  <a:cubicBezTo>
                    <a:pt x="11990" y="1675"/>
                    <a:pt x="11865" y="1486"/>
                    <a:pt x="11718" y="1235"/>
                  </a:cubicBezTo>
                  <a:cubicBezTo>
                    <a:pt x="11572" y="1361"/>
                    <a:pt x="11446" y="1465"/>
                    <a:pt x="11404" y="1570"/>
                  </a:cubicBezTo>
                  <a:cubicBezTo>
                    <a:pt x="11237" y="1905"/>
                    <a:pt x="11090" y="2282"/>
                    <a:pt x="10923" y="2616"/>
                  </a:cubicBezTo>
                  <a:cubicBezTo>
                    <a:pt x="10735" y="3014"/>
                    <a:pt x="10588" y="3432"/>
                    <a:pt x="10358" y="3830"/>
                  </a:cubicBezTo>
                  <a:cubicBezTo>
                    <a:pt x="10065" y="4311"/>
                    <a:pt x="9689" y="4458"/>
                    <a:pt x="9145" y="4290"/>
                  </a:cubicBezTo>
                  <a:cubicBezTo>
                    <a:pt x="8789" y="4186"/>
                    <a:pt x="8412" y="4039"/>
                    <a:pt x="8077" y="3872"/>
                  </a:cubicBezTo>
                  <a:cubicBezTo>
                    <a:pt x="7450" y="3558"/>
                    <a:pt x="6822" y="3202"/>
                    <a:pt x="6215" y="2846"/>
                  </a:cubicBezTo>
                  <a:cubicBezTo>
                    <a:pt x="5713" y="2574"/>
                    <a:pt x="5232" y="2407"/>
                    <a:pt x="4667" y="2219"/>
                  </a:cubicBezTo>
                  <a:cubicBezTo>
                    <a:pt x="4499" y="2846"/>
                    <a:pt x="4709" y="3349"/>
                    <a:pt x="4981" y="3788"/>
                  </a:cubicBezTo>
                  <a:cubicBezTo>
                    <a:pt x="5378" y="4353"/>
                    <a:pt x="5818" y="4834"/>
                    <a:pt x="6278" y="5357"/>
                  </a:cubicBezTo>
                  <a:cubicBezTo>
                    <a:pt x="6445" y="5608"/>
                    <a:pt x="6696" y="5776"/>
                    <a:pt x="7010" y="5839"/>
                  </a:cubicBezTo>
                  <a:cubicBezTo>
                    <a:pt x="7387" y="5922"/>
                    <a:pt x="7575" y="6299"/>
                    <a:pt x="7847" y="6571"/>
                  </a:cubicBezTo>
                  <a:cubicBezTo>
                    <a:pt x="7952" y="6675"/>
                    <a:pt x="7952" y="6968"/>
                    <a:pt x="7889" y="7136"/>
                  </a:cubicBezTo>
                  <a:cubicBezTo>
                    <a:pt x="7847" y="7429"/>
                    <a:pt x="7471" y="7533"/>
                    <a:pt x="7282" y="7324"/>
                  </a:cubicBezTo>
                  <a:cubicBezTo>
                    <a:pt x="6906" y="6822"/>
                    <a:pt x="6299" y="6613"/>
                    <a:pt x="5797" y="6278"/>
                  </a:cubicBezTo>
                  <a:cubicBezTo>
                    <a:pt x="5023" y="5755"/>
                    <a:pt x="4102" y="5671"/>
                    <a:pt x="3265" y="5336"/>
                  </a:cubicBezTo>
                  <a:cubicBezTo>
                    <a:pt x="2867" y="5190"/>
                    <a:pt x="2407" y="5085"/>
                    <a:pt x="1821" y="5106"/>
                  </a:cubicBezTo>
                  <a:cubicBezTo>
                    <a:pt x="2093" y="5420"/>
                    <a:pt x="2302" y="5650"/>
                    <a:pt x="2470" y="5922"/>
                  </a:cubicBezTo>
                  <a:cubicBezTo>
                    <a:pt x="2658" y="6152"/>
                    <a:pt x="2826" y="6383"/>
                    <a:pt x="2972" y="6655"/>
                  </a:cubicBezTo>
                  <a:cubicBezTo>
                    <a:pt x="2993" y="6696"/>
                    <a:pt x="2972" y="6864"/>
                    <a:pt x="2930" y="6885"/>
                  </a:cubicBezTo>
                  <a:cubicBezTo>
                    <a:pt x="2846" y="6927"/>
                    <a:pt x="2679" y="7010"/>
                    <a:pt x="2616" y="6989"/>
                  </a:cubicBezTo>
                  <a:cubicBezTo>
                    <a:pt x="2365" y="6864"/>
                    <a:pt x="2156" y="6696"/>
                    <a:pt x="1947" y="6550"/>
                  </a:cubicBezTo>
                  <a:cubicBezTo>
                    <a:pt x="1486" y="6173"/>
                    <a:pt x="1089" y="5734"/>
                    <a:pt x="566" y="5441"/>
                  </a:cubicBezTo>
                  <a:cubicBezTo>
                    <a:pt x="440" y="5399"/>
                    <a:pt x="357" y="5253"/>
                    <a:pt x="252" y="5127"/>
                  </a:cubicBezTo>
                  <a:cubicBezTo>
                    <a:pt x="1" y="4771"/>
                    <a:pt x="147" y="4186"/>
                    <a:pt x="691" y="4165"/>
                  </a:cubicBezTo>
                  <a:cubicBezTo>
                    <a:pt x="1800" y="4102"/>
                    <a:pt x="2867" y="4269"/>
                    <a:pt x="3872" y="4771"/>
                  </a:cubicBezTo>
                  <a:cubicBezTo>
                    <a:pt x="4102" y="4876"/>
                    <a:pt x="4332" y="5023"/>
                    <a:pt x="4709" y="489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
        <p:nvSpPr>
          <p:cNvPr id="8" name="Hình chữ nhật: Góc Tròn 7">
            <a:extLst>
              <a:ext uri="{FF2B5EF4-FFF2-40B4-BE49-F238E27FC236}">
                <a16:creationId xmlns:a16="http://schemas.microsoft.com/office/drawing/2014/main" id="{AF310B31-32B8-E337-0C85-E1A43DAA4B85}"/>
              </a:ext>
            </a:extLst>
          </p:cNvPr>
          <p:cNvSpPr/>
          <p:nvPr/>
        </p:nvSpPr>
        <p:spPr>
          <a:xfrm>
            <a:off x="1343025" y="1826242"/>
            <a:ext cx="8448675" cy="2996189"/>
          </a:xfrm>
          <a:custGeom>
            <a:avLst/>
            <a:gdLst>
              <a:gd name="connsiteX0" fmla="*/ 0 w 8448675"/>
              <a:gd name="connsiteY0" fmla="*/ 499375 h 2996189"/>
              <a:gd name="connsiteX1" fmla="*/ 499375 w 8448675"/>
              <a:gd name="connsiteY1" fmla="*/ 0 h 2996189"/>
              <a:gd name="connsiteX2" fmla="*/ 1221445 w 8448675"/>
              <a:gd name="connsiteY2" fmla="*/ 0 h 2996189"/>
              <a:gd name="connsiteX3" fmla="*/ 1645517 w 8448675"/>
              <a:gd name="connsiteY3" fmla="*/ 0 h 2996189"/>
              <a:gd name="connsiteX4" fmla="*/ 2144089 w 8448675"/>
              <a:gd name="connsiteY4" fmla="*/ 0 h 2996189"/>
              <a:gd name="connsiteX5" fmla="*/ 2493663 w 8448675"/>
              <a:gd name="connsiteY5" fmla="*/ 0 h 2996189"/>
              <a:gd name="connsiteX6" fmla="*/ 2992235 w 8448675"/>
              <a:gd name="connsiteY6" fmla="*/ 0 h 2996189"/>
              <a:gd name="connsiteX7" fmla="*/ 3639805 w 8448675"/>
              <a:gd name="connsiteY7" fmla="*/ 0 h 2996189"/>
              <a:gd name="connsiteX8" fmla="*/ 4287375 w 8448675"/>
              <a:gd name="connsiteY8" fmla="*/ 0 h 2996189"/>
              <a:gd name="connsiteX9" fmla="*/ 5009445 w 8448675"/>
              <a:gd name="connsiteY9" fmla="*/ 0 h 2996189"/>
              <a:gd name="connsiteX10" fmla="*/ 5731515 w 8448675"/>
              <a:gd name="connsiteY10" fmla="*/ 0 h 2996189"/>
              <a:gd name="connsiteX11" fmla="*/ 6379085 w 8448675"/>
              <a:gd name="connsiteY11" fmla="*/ 0 h 2996189"/>
              <a:gd name="connsiteX12" fmla="*/ 7101155 w 8448675"/>
              <a:gd name="connsiteY12" fmla="*/ 0 h 2996189"/>
              <a:gd name="connsiteX13" fmla="*/ 7949300 w 8448675"/>
              <a:gd name="connsiteY13" fmla="*/ 0 h 2996189"/>
              <a:gd name="connsiteX14" fmla="*/ 8448675 w 8448675"/>
              <a:gd name="connsiteY14" fmla="*/ 499375 h 2996189"/>
              <a:gd name="connsiteX15" fmla="*/ 8448675 w 8448675"/>
              <a:gd name="connsiteY15" fmla="*/ 1038684 h 2996189"/>
              <a:gd name="connsiteX16" fmla="*/ 8448675 w 8448675"/>
              <a:gd name="connsiteY16" fmla="*/ 1538043 h 2996189"/>
              <a:gd name="connsiteX17" fmla="*/ 8448675 w 8448675"/>
              <a:gd name="connsiteY17" fmla="*/ 1997454 h 2996189"/>
              <a:gd name="connsiteX18" fmla="*/ 8448675 w 8448675"/>
              <a:gd name="connsiteY18" fmla="*/ 2496814 h 2996189"/>
              <a:gd name="connsiteX19" fmla="*/ 7949300 w 8448675"/>
              <a:gd name="connsiteY19" fmla="*/ 2996189 h 2996189"/>
              <a:gd name="connsiteX20" fmla="*/ 7376229 w 8448675"/>
              <a:gd name="connsiteY20" fmla="*/ 2996189 h 2996189"/>
              <a:gd name="connsiteX21" fmla="*/ 6877657 w 8448675"/>
              <a:gd name="connsiteY21" fmla="*/ 2996189 h 2996189"/>
              <a:gd name="connsiteX22" fmla="*/ 6304586 w 8448675"/>
              <a:gd name="connsiteY22" fmla="*/ 2996189 h 2996189"/>
              <a:gd name="connsiteX23" fmla="*/ 5582516 w 8448675"/>
              <a:gd name="connsiteY23" fmla="*/ 2996189 h 2996189"/>
              <a:gd name="connsiteX24" fmla="*/ 4934946 w 8448675"/>
              <a:gd name="connsiteY24" fmla="*/ 2996189 h 2996189"/>
              <a:gd name="connsiteX25" fmla="*/ 4287375 w 8448675"/>
              <a:gd name="connsiteY25" fmla="*/ 2996189 h 2996189"/>
              <a:gd name="connsiteX26" fmla="*/ 3863303 w 8448675"/>
              <a:gd name="connsiteY26" fmla="*/ 2996189 h 2996189"/>
              <a:gd name="connsiteX27" fmla="*/ 3439230 w 8448675"/>
              <a:gd name="connsiteY27" fmla="*/ 2996189 h 2996189"/>
              <a:gd name="connsiteX28" fmla="*/ 3089657 w 8448675"/>
              <a:gd name="connsiteY28" fmla="*/ 2996189 h 2996189"/>
              <a:gd name="connsiteX29" fmla="*/ 2367587 w 8448675"/>
              <a:gd name="connsiteY29" fmla="*/ 2996189 h 2996189"/>
              <a:gd name="connsiteX30" fmla="*/ 1794516 w 8448675"/>
              <a:gd name="connsiteY30" fmla="*/ 2996189 h 2996189"/>
              <a:gd name="connsiteX31" fmla="*/ 1072446 w 8448675"/>
              <a:gd name="connsiteY31" fmla="*/ 2996189 h 2996189"/>
              <a:gd name="connsiteX32" fmla="*/ 499375 w 8448675"/>
              <a:gd name="connsiteY32" fmla="*/ 2996189 h 2996189"/>
              <a:gd name="connsiteX33" fmla="*/ 0 w 8448675"/>
              <a:gd name="connsiteY33" fmla="*/ 2496814 h 2996189"/>
              <a:gd name="connsiteX34" fmla="*/ 0 w 8448675"/>
              <a:gd name="connsiteY34" fmla="*/ 2037403 h 2996189"/>
              <a:gd name="connsiteX35" fmla="*/ 0 w 8448675"/>
              <a:gd name="connsiteY35" fmla="*/ 1597966 h 2996189"/>
              <a:gd name="connsiteX36" fmla="*/ 0 w 8448675"/>
              <a:gd name="connsiteY36" fmla="*/ 1098607 h 2996189"/>
              <a:gd name="connsiteX37" fmla="*/ 0 w 8448675"/>
              <a:gd name="connsiteY37" fmla="*/ 499375 h 29961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Lst>
            <a:rect l="l" t="t" r="r" b="b"/>
            <a:pathLst>
              <a:path w="8448675" h="2996189" fill="none" extrusionOk="0">
                <a:moveTo>
                  <a:pt x="0" y="499375"/>
                </a:moveTo>
                <a:cubicBezTo>
                  <a:pt x="-24544" y="268406"/>
                  <a:pt x="250978" y="13509"/>
                  <a:pt x="499375" y="0"/>
                </a:cubicBezTo>
                <a:cubicBezTo>
                  <a:pt x="660868" y="-29940"/>
                  <a:pt x="950835" y="7138"/>
                  <a:pt x="1221445" y="0"/>
                </a:cubicBezTo>
                <a:cubicBezTo>
                  <a:pt x="1492055" y="-7138"/>
                  <a:pt x="1509222" y="26776"/>
                  <a:pt x="1645517" y="0"/>
                </a:cubicBezTo>
                <a:cubicBezTo>
                  <a:pt x="1781812" y="-26776"/>
                  <a:pt x="1996245" y="3724"/>
                  <a:pt x="2144089" y="0"/>
                </a:cubicBezTo>
                <a:cubicBezTo>
                  <a:pt x="2291933" y="-3724"/>
                  <a:pt x="2365365" y="4081"/>
                  <a:pt x="2493663" y="0"/>
                </a:cubicBezTo>
                <a:cubicBezTo>
                  <a:pt x="2621961" y="-4081"/>
                  <a:pt x="2777999" y="17736"/>
                  <a:pt x="2992235" y="0"/>
                </a:cubicBezTo>
                <a:cubicBezTo>
                  <a:pt x="3206471" y="-17736"/>
                  <a:pt x="3414088" y="60277"/>
                  <a:pt x="3639805" y="0"/>
                </a:cubicBezTo>
                <a:cubicBezTo>
                  <a:pt x="3865522" y="-60277"/>
                  <a:pt x="4081610" y="33050"/>
                  <a:pt x="4287375" y="0"/>
                </a:cubicBezTo>
                <a:cubicBezTo>
                  <a:pt x="4493140" y="-33050"/>
                  <a:pt x="4678912" y="16565"/>
                  <a:pt x="5009445" y="0"/>
                </a:cubicBezTo>
                <a:cubicBezTo>
                  <a:pt x="5339978" y="-16565"/>
                  <a:pt x="5505634" y="79786"/>
                  <a:pt x="5731515" y="0"/>
                </a:cubicBezTo>
                <a:cubicBezTo>
                  <a:pt x="5957396" y="-79786"/>
                  <a:pt x="6123560" y="4431"/>
                  <a:pt x="6379085" y="0"/>
                </a:cubicBezTo>
                <a:cubicBezTo>
                  <a:pt x="6634610" y="-4431"/>
                  <a:pt x="6792931" y="82466"/>
                  <a:pt x="7101155" y="0"/>
                </a:cubicBezTo>
                <a:cubicBezTo>
                  <a:pt x="7409379" y="-82466"/>
                  <a:pt x="7677735" y="75150"/>
                  <a:pt x="7949300" y="0"/>
                </a:cubicBezTo>
                <a:cubicBezTo>
                  <a:pt x="8182934" y="-53985"/>
                  <a:pt x="8434256" y="235461"/>
                  <a:pt x="8448675" y="499375"/>
                </a:cubicBezTo>
                <a:cubicBezTo>
                  <a:pt x="8469637" y="756243"/>
                  <a:pt x="8412755" y="857681"/>
                  <a:pt x="8448675" y="1038684"/>
                </a:cubicBezTo>
                <a:cubicBezTo>
                  <a:pt x="8484595" y="1219687"/>
                  <a:pt x="8411219" y="1323973"/>
                  <a:pt x="8448675" y="1538043"/>
                </a:cubicBezTo>
                <a:cubicBezTo>
                  <a:pt x="8486131" y="1752113"/>
                  <a:pt x="8446784" y="1885098"/>
                  <a:pt x="8448675" y="1997454"/>
                </a:cubicBezTo>
                <a:cubicBezTo>
                  <a:pt x="8450566" y="2109810"/>
                  <a:pt x="8409705" y="2281562"/>
                  <a:pt x="8448675" y="2496814"/>
                </a:cubicBezTo>
                <a:cubicBezTo>
                  <a:pt x="8462409" y="2779227"/>
                  <a:pt x="8222813" y="3027010"/>
                  <a:pt x="7949300" y="2996189"/>
                </a:cubicBezTo>
                <a:cubicBezTo>
                  <a:pt x="7769613" y="3040261"/>
                  <a:pt x="7561013" y="2965537"/>
                  <a:pt x="7376229" y="2996189"/>
                </a:cubicBezTo>
                <a:cubicBezTo>
                  <a:pt x="7191445" y="3026841"/>
                  <a:pt x="7095781" y="2979710"/>
                  <a:pt x="6877657" y="2996189"/>
                </a:cubicBezTo>
                <a:cubicBezTo>
                  <a:pt x="6659533" y="3012668"/>
                  <a:pt x="6446746" y="2943287"/>
                  <a:pt x="6304586" y="2996189"/>
                </a:cubicBezTo>
                <a:cubicBezTo>
                  <a:pt x="6162426" y="3049091"/>
                  <a:pt x="5896124" y="2959424"/>
                  <a:pt x="5582516" y="2996189"/>
                </a:cubicBezTo>
                <a:cubicBezTo>
                  <a:pt x="5268908" y="3032954"/>
                  <a:pt x="5165530" y="2951492"/>
                  <a:pt x="4934946" y="2996189"/>
                </a:cubicBezTo>
                <a:cubicBezTo>
                  <a:pt x="4704362" y="3040886"/>
                  <a:pt x="4528134" y="2969240"/>
                  <a:pt x="4287375" y="2996189"/>
                </a:cubicBezTo>
                <a:cubicBezTo>
                  <a:pt x="4046616" y="3023138"/>
                  <a:pt x="4026954" y="2985392"/>
                  <a:pt x="3863303" y="2996189"/>
                </a:cubicBezTo>
                <a:cubicBezTo>
                  <a:pt x="3699652" y="3006986"/>
                  <a:pt x="3543100" y="2976933"/>
                  <a:pt x="3439230" y="2996189"/>
                </a:cubicBezTo>
                <a:cubicBezTo>
                  <a:pt x="3335360" y="3015445"/>
                  <a:pt x="3247316" y="2986819"/>
                  <a:pt x="3089657" y="2996189"/>
                </a:cubicBezTo>
                <a:cubicBezTo>
                  <a:pt x="2931998" y="3005559"/>
                  <a:pt x="2521313" y="2937721"/>
                  <a:pt x="2367587" y="2996189"/>
                </a:cubicBezTo>
                <a:cubicBezTo>
                  <a:pt x="2213861" y="3054657"/>
                  <a:pt x="1996639" y="2985966"/>
                  <a:pt x="1794516" y="2996189"/>
                </a:cubicBezTo>
                <a:cubicBezTo>
                  <a:pt x="1592393" y="3006412"/>
                  <a:pt x="1287677" y="2984364"/>
                  <a:pt x="1072446" y="2996189"/>
                </a:cubicBezTo>
                <a:cubicBezTo>
                  <a:pt x="857215" y="3008014"/>
                  <a:pt x="673232" y="2983532"/>
                  <a:pt x="499375" y="2996189"/>
                </a:cubicBezTo>
                <a:cubicBezTo>
                  <a:pt x="269598" y="2986945"/>
                  <a:pt x="37676" y="2806944"/>
                  <a:pt x="0" y="2496814"/>
                </a:cubicBezTo>
                <a:cubicBezTo>
                  <a:pt x="-54163" y="2372202"/>
                  <a:pt x="7012" y="2135036"/>
                  <a:pt x="0" y="2037403"/>
                </a:cubicBezTo>
                <a:cubicBezTo>
                  <a:pt x="-7012" y="1939770"/>
                  <a:pt x="4918" y="1789581"/>
                  <a:pt x="0" y="1597966"/>
                </a:cubicBezTo>
                <a:cubicBezTo>
                  <a:pt x="-4918" y="1406351"/>
                  <a:pt x="46217" y="1201170"/>
                  <a:pt x="0" y="1098607"/>
                </a:cubicBezTo>
                <a:cubicBezTo>
                  <a:pt x="-46217" y="996044"/>
                  <a:pt x="38550" y="660844"/>
                  <a:pt x="0" y="499375"/>
                </a:cubicBezTo>
                <a:close/>
              </a:path>
              <a:path w="8448675" h="2996189" stroke="0" extrusionOk="0">
                <a:moveTo>
                  <a:pt x="0" y="499375"/>
                </a:moveTo>
                <a:cubicBezTo>
                  <a:pt x="52728" y="183923"/>
                  <a:pt x="268472" y="40320"/>
                  <a:pt x="499375" y="0"/>
                </a:cubicBezTo>
                <a:cubicBezTo>
                  <a:pt x="578363" y="-8453"/>
                  <a:pt x="770745" y="31240"/>
                  <a:pt x="848948" y="0"/>
                </a:cubicBezTo>
                <a:cubicBezTo>
                  <a:pt x="927151" y="-31240"/>
                  <a:pt x="1088344" y="20322"/>
                  <a:pt x="1273021" y="0"/>
                </a:cubicBezTo>
                <a:cubicBezTo>
                  <a:pt x="1457698" y="-20322"/>
                  <a:pt x="1573600" y="7339"/>
                  <a:pt x="1771593" y="0"/>
                </a:cubicBezTo>
                <a:cubicBezTo>
                  <a:pt x="1969586" y="-7339"/>
                  <a:pt x="2067655" y="30689"/>
                  <a:pt x="2195666" y="0"/>
                </a:cubicBezTo>
                <a:cubicBezTo>
                  <a:pt x="2323677" y="-30689"/>
                  <a:pt x="2569102" y="7568"/>
                  <a:pt x="2843236" y="0"/>
                </a:cubicBezTo>
                <a:cubicBezTo>
                  <a:pt x="3117370" y="-7568"/>
                  <a:pt x="3324584" y="13073"/>
                  <a:pt x="3565306" y="0"/>
                </a:cubicBezTo>
                <a:cubicBezTo>
                  <a:pt x="3806028" y="-13073"/>
                  <a:pt x="3926246" y="57193"/>
                  <a:pt x="4138377" y="0"/>
                </a:cubicBezTo>
                <a:cubicBezTo>
                  <a:pt x="4350508" y="-57193"/>
                  <a:pt x="4651106" y="18141"/>
                  <a:pt x="4785947" y="0"/>
                </a:cubicBezTo>
                <a:cubicBezTo>
                  <a:pt x="4920788" y="-18141"/>
                  <a:pt x="5094052" y="42777"/>
                  <a:pt x="5210020" y="0"/>
                </a:cubicBezTo>
                <a:cubicBezTo>
                  <a:pt x="5325988" y="-42777"/>
                  <a:pt x="5601288" y="7315"/>
                  <a:pt x="5783091" y="0"/>
                </a:cubicBezTo>
                <a:cubicBezTo>
                  <a:pt x="5964894" y="-7315"/>
                  <a:pt x="6286356" y="25373"/>
                  <a:pt x="6430661" y="0"/>
                </a:cubicBezTo>
                <a:cubicBezTo>
                  <a:pt x="6574966" y="-25373"/>
                  <a:pt x="6800623" y="25915"/>
                  <a:pt x="7152731" y="0"/>
                </a:cubicBezTo>
                <a:cubicBezTo>
                  <a:pt x="7504839" y="-25915"/>
                  <a:pt x="7724736" y="80059"/>
                  <a:pt x="7949300" y="0"/>
                </a:cubicBezTo>
                <a:cubicBezTo>
                  <a:pt x="8251110" y="-58274"/>
                  <a:pt x="8420183" y="206126"/>
                  <a:pt x="8448675" y="499375"/>
                </a:cubicBezTo>
                <a:cubicBezTo>
                  <a:pt x="8495883" y="738332"/>
                  <a:pt x="8405044" y="790884"/>
                  <a:pt x="8448675" y="998735"/>
                </a:cubicBezTo>
                <a:cubicBezTo>
                  <a:pt x="8492306" y="1206586"/>
                  <a:pt x="8412567" y="1296824"/>
                  <a:pt x="8448675" y="1438171"/>
                </a:cubicBezTo>
                <a:cubicBezTo>
                  <a:pt x="8484783" y="1579518"/>
                  <a:pt x="8411207" y="1814313"/>
                  <a:pt x="8448675" y="1917557"/>
                </a:cubicBezTo>
                <a:cubicBezTo>
                  <a:pt x="8486143" y="2020801"/>
                  <a:pt x="8393744" y="2353309"/>
                  <a:pt x="8448675" y="2496814"/>
                </a:cubicBezTo>
                <a:cubicBezTo>
                  <a:pt x="8495632" y="2753609"/>
                  <a:pt x="8236594" y="2981803"/>
                  <a:pt x="7949300" y="2996189"/>
                </a:cubicBezTo>
                <a:cubicBezTo>
                  <a:pt x="7778281" y="3003506"/>
                  <a:pt x="7560461" y="2970834"/>
                  <a:pt x="7450728" y="2996189"/>
                </a:cubicBezTo>
                <a:cubicBezTo>
                  <a:pt x="7340995" y="3021544"/>
                  <a:pt x="7230248" y="2996128"/>
                  <a:pt x="7026655" y="2996189"/>
                </a:cubicBezTo>
                <a:cubicBezTo>
                  <a:pt x="6823062" y="2996250"/>
                  <a:pt x="6793970" y="2968245"/>
                  <a:pt x="6677082" y="2996189"/>
                </a:cubicBezTo>
                <a:cubicBezTo>
                  <a:pt x="6560194" y="3024133"/>
                  <a:pt x="6188105" y="2950471"/>
                  <a:pt x="5955012" y="2996189"/>
                </a:cubicBezTo>
                <a:cubicBezTo>
                  <a:pt x="5721919" y="3041907"/>
                  <a:pt x="5664928" y="2993827"/>
                  <a:pt x="5530940" y="2996189"/>
                </a:cubicBezTo>
                <a:cubicBezTo>
                  <a:pt x="5396952" y="2998551"/>
                  <a:pt x="5230390" y="2991170"/>
                  <a:pt x="5032368" y="2996189"/>
                </a:cubicBezTo>
                <a:cubicBezTo>
                  <a:pt x="4834346" y="3001208"/>
                  <a:pt x="4525266" y="2967725"/>
                  <a:pt x="4384797" y="2996189"/>
                </a:cubicBezTo>
                <a:cubicBezTo>
                  <a:pt x="4244328" y="3024653"/>
                  <a:pt x="4114412" y="2976338"/>
                  <a:pt x="4035224" y="2996189"/>
                </a:cubicBezTo>
                <a:cubicBezTo>
                  <a:pt x="3956036" y="3016040"/>
                  <a:pt x="3616265" y="2988530"/>
                  <a:pt x="3462153" y="2996189"/>
                </a:cubicBezTo>
                <a:cubicBezTo>
                  <a:pt x="3308041" y="3003848"/>
                  <a:pt x="3020483" y="2957590"/>
                  <a:pt x="2814582" y="2996189"/>
                </a:cubicBezTo>
                <a:cubicBezTo>
                  <a:pt x="2608681" y="3034788"/>
                  <a:pt x="2489832" y="2970473"/>
                  <a:pt x="2167012" y="2996189"/>
                </a:cubicBezTo>
                <a:cubicBezTo>
                  <a:pt x="1844192" y="3021905"/>
                  <a:pt x="1726449" y="2957198"/>
                  <a:pt x="1519442" y="2996189"/>
                </a:cubicBezTo>
                <a:cubicBezTo>
                  <a:pt x="1312435" y="3035180"/>
                  <a:pt x="1257609" y="2974054"/>
                  <a:pt x="1020870" y="2996189"/>
                </a:cubicBezTo>
                <a:cubicBezTo>
                  <a:pt x="784131" y="3018324"/>
                  <a:pt x="629917" y="2955385"/>
                  <a:pt x="499375" y="2996189"/>
                </a:cubicBezTo>
                <a:cubicBezTo>
                  <a:pt x="254003" y="3033956"/>
                  <a:pt x="-50193" y="2722648"/>
                  <a:pt x="0" y="2496814"/>
                </a:cubicBezTo>
                <a:cubicBezTo>
                  <a:pt x="-12139" y="2272548"/>
                  <a:pt x="48876" y="2127966"/>
                  <a:pt x="0" y="1997454"/>
                </a:cubicBezTo>
                <a:cubicBezTo>
                  <a:pt x="-48876" y="1866942"/>
                  <a:pt x="32422" y="1723233"/>
                  <a:pt x="0" y="1538043"/>
                </a:cubicBezTo>
                <a:cubicBezTo>
                  <a:pt x="-32422" y="1352853"/>
                  <a:pt x="1325" y="1262670"/>
                  <a:pt x="0" y="1098607"/>
                </a:cubicBezTo>
                <a:cubicBezTo>
                  <a:pt x="-1325" y="934544"/>
                  <a:pt x="5204" y="757975"/>
                  <a:pt x="0" y="499375"/>
                </a:cubicBezTo>
                <a:close/>
              </a:path>
            </a:pathLst>
          </a:custGeom>
          <a:ln w="57150">
            <a:solidFill>
              <a:srgbClr val="00B050"/>
            </a:solidFill>
            <a:prstDash val="lgDashDotDot"/>
            <a:extLst>
              <a:ext uri="{C807C97D-BFC1-408E-A445-0C87EB9F89A2}">
                <ask:lineSketchStyleProps xmlns:ask="http://schemas.microsoft.com/office/drawing/2018/sketchyshapes" sd="2745233706">
                  <a:prstGeom prst="roundRect">
                    <a:avLst/>
                  </a:prstGeom>
                  <ask:type>
                    <ask:lineSketchScribble/>
                  </ask:type>
                </ask:lineSketchStyleProps>
              </a:ext>
            </a:extLst>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just"/>
            <a:r>
              <a:rPr lang="vi-VN" sz="3200">
                <a:solidFill>
                  <a:schemeClr val="tx1"/>
                </a:solidFill>
                <a:latin typeface="+mj-lt"/>
              </a:rPr>
              <a:t>- Trình bày được sơ lược các khái niệm cơ bản về Website, địa chỉ Website</a:t>
            </a:r>
          </a:p>
          <a:p>
            <a:pPr algn="just"/>
            <a:r>
              <a:rPr lang="vi-VN" sz="3200">
                <a:solidFill>
                  <a:schemeClr val="tx1"/>
                </a:solidFill>
                <a:latin typeface="+mj-lt"/>
              </a:rPr>
              <a:t>- Xem và nêu được những thông tin chính trên trang Web.</a:t>
            </a:r>
            <a:endParaRPr lang="en-US" sz="3200">
              <a:solidFill>
                <a:schemeClr val="tx1"/>
              </a:solidFill>
              <a:latin typeface="+mj-lt"/>
            </a:endParaRPr>
          </a:p>
          <a:p>
            <a:pPr algn="ctr"/>
            <a:endParaRPr lang="en-US"/>
          </a:p>
        </p:txBody>
      </p:sp>
      <p:sp>
        <p:nvSpPr>
          <p:cNvPr id="10" name="Hộp Văn bản 9">
            <a:extLst>
              <a:ext uri="{FF2B5EF4-FFF2-40B4-BE49-F238E27FC236}">
                <a16:creationId xmlns:a16="http://schemas.microsoft.com/office/drawing/2014/main" id="{EACF915E-1321-FC44-8E70-AD2CE04AD495}"/>
              </a:ext>
            </a:extLst>
          </p:cNvPr>
          <p:cNvSpPr txBox="1"/>
          <p:nvPr/>
        </p:nvSpPr>
        <p:spPr>
          <a:xfrm>
            <a:off x="2492896" y="948292"/>
            <a:ext cx="5572124" cy="584775"/>
          </a:xfrm>
          <a:prstGeom prst="rect">
            <a:avLst/>
          </a:prstGeom>
          <a:noFill/>
        </p:spPr>
        <p:txBody>
          <a:bodyPr wrap="square">
            <a:spAutoFit/>
          </a:bodyPr>
          <a:lstStyle/>
          <a:p>
            <a:pPr algn="ctr"/>
            <a:r>
              <a:rPr lang="vi-VN" sz="3200" b="1">
                <a:solidFill>
                  <a:srgbClr val="FF0000"/>
                </a:solidFill>
                <a:latin typeface="+mj-lt"/>
              </a:rPr>
              <a:t>MỤC TIÊU BÀI HỌC</a:t>
            </a:r>
          </a:p>
        </p:txBody>
      </p:sp>
    </p:spTree>
    <p:custDataLst>
      <p:tags r:id="rId1"/>
    </p:custDataLst>
    <p:extLst>
      <p:ext uri="{BB962C8B-B14F-4D97-AF65-F5344CB8AC3E}">
        <p14:creationId xmlns:p14="http://schemas.microsoft.com/office/powerpoint/2010/main" val="2742368175"/>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F5A77CD-9080-574A-A8D8-38C295EAB26F}"/>
              </a:ext>
            </a:extLst>
          </p:cNvPr>
          <p:cNvSpPr>
            <a:spLocks noGrp="1"/>
          </p:cNvSpPr>
          <p:nvPr>
            <p:ph type="title"/>
          </p:nvPr>
        </p:nvSpPr>
        <p:spPr>
          <a:xfrm>
            <a:off x="3157534" y="518413"/>
            <a:ext cx="5089106" cy="1174193"/>
          </a:xfrm>
        </p:spPr>
        <p:txBody>
          <a:bodyPr/>
          <a:lstStyle/>
          <a:p>
            <a:r>
              <a:rPr lang="en-VN" b="1">
                <a:solidFill>
                  <a:srgbClr val="FF0000"/>
                </a:solidFill>
                <a:latin typeface="Times New Roman" panose="02020603050405020304" pitchFamily="18" charset="0"/>
                <a:cs typeface="Times New Roman" panose="02020603050405020304" pitchFamily="18" charset="0"/>
              </a:rPr>
              <a:t>NỘI DUNG BÀI HỌC</a:t>
            </a:r>
          </a:p>
        </p:txBody>
      </p:sp>
      <p:graphicFrame>
        <p:nvGraphicFramePr>
          <p:cNvPr id="4" name="Diagram 3">
            <a:extLst>
              <a:ext uri="{FF2B5EF4-FFF2-40B4-BE49-F238E27FC236}">
                <a16:creationId xmlns:a16="http://schemas.microsoft.com/office/drawing/2014/main" id="{66B7ED0B-65C7-164A-A3F2-9FF5619B2DB6}"/>
              </a:ext>
            </a:extLst>
          </p:cNvPr>
          <p:cNvGraphicFramePr/>
          <p:nvPr>
            <p:extLst>
              <p:ext uri="{D42A27DB-BD31-4B8C-83A1-F6EECF244321}">
                <p14:modId xmlns:p14="http://schemas.microsoft.com/office/powerpoint/2010/main" val="973229646"/>
              </p:ext>
            </p:extLst>
          </p:nvPr>
        </p:nvGraphicFramePr>
        <p:xfrm>
          <a:off x="981195" y="1266822"/>
          <a:ext cx="7553861" cy="4799895"/>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5" name="Freeform 19">
            <a:extLst>
              <a:ext uri="{FF2B5EF4-FFF2-40B4-BE49-F238E27FC236}">
                <a16:creationId xmlns:a16="http://schemas.microsoft.com/office/drawing/2014/main" id="{A787B3B1-FA2F-6948-898E-E8A1B890A7FD}"/>
              </a:ext>
            </a:extLst>
          </p:cNvPr>
          <p:cNvSpPr>
            <a:spLocks/>
          </p:cNvSpPr>
          <p:nvPr/>
        </p:nvSpPr>
        <p:spPr bwMode="auto">
          <a:xfrm>
            <a:off x="2017551" y="2350189"/>
            <a:ext cx="947826" cy="918519"/>
          </a:xfrm>
          <a:custGeom>
            <a:avLst/>
            <a:gdLst>
              <a:gd name="T0" fmla="*/ 3160833 w 6321665"/>
              <a:gd name="T1" fmla="*/ 0 h 6350000"/>
              <a:gd name="T2" fmla="*/ 3160833 w 6321665"/>
              <a:gd name="T3" fmla="*/ 0 h 6350000"/>
              <a:gd name="T4" fmla="*/ 6321666 w 6321665"/>
              <a:gd name="T5" fmla="*/ 3175000 h 6350000"/>
              <a:gd name="T6" fmla="*/ 3160833 w 6321665"/>
              <a:gd name="T7" fmla="*/ 6350000 h 6350000"/>
              <a:gd name="T8" fmla="*/ 0 w 6321665"/>
              <a:gd name="T9" fmla="*/ 3175000 h 6350000"/>
              <a:gd name="T10" fmla="*/ 3160833 w 6321665"/>
              <a:gd name="T11" fmla="*/ 0 h 6350000"/>
              <a:gd name="T12" fmla="*/ 0 60000 65536"/>
              <a:gd name="T13" fmla="*/ 0 60000 65536"/>
              <a:gd name="T14" fmla="*/ 0 60000 65536"/>
              <a:gd name="T15" fmla="*/ 0 60000 65536"/>
              <a:gd name="T16" fmla="*/ 0 60000 65536"/>
              <a:gd name="T17" fmla="*/ 0 60000 65536"/>
            </a:gdLst>
            <a:ahLst/>
            <a:cxnLst>
              <a:cxn ang="T12">
                <a:pos x="T0" y="T1"/>
              </a:cxn>
              <a:cxn ang="T13">
                <a:pos x="T2" y="T3"/>
              </a:cxn>
              <a:cxn ang="T14">
                <a:pos x="T4" y="T5"/>
              </a:cxn>
              <a:cxn ang="T15">
                <a:pos x="T6" y="T7"/>
              </a:cxn>
              <a:cxn ang="T16">
                <a:pos x="T8" y="T9"/>
              </a:cxn>
              <a:cxn ang="T17">
                <a:pos x="T10" y="T11"/>
              </a:cxn>
            </a:cxnLst>
            <a:rect l="0" t="0" r="r" b="b"/>
            <a:pathLst>
              <a:path w="6321665" h="6350000">
                <a:moveTo>
                  <a:pt x="3160833" y="0"/>
                </a:moveTo>
                <a:lnTo>
                  <a:pt x="3160833" y="0"/>
                </a:lnTo>
                <a:cubicBezTo>
                  <a:pt x="4908795" y="7817"/>
                  <a:pt x="6321666" y="1427021"/>
                  <a:pt x="6321666" y="3175000"/>
                </a:cubicBezTo>
                <a:cubicBezTo>
                  <a:pt x="6321666" y="4922979"/>
                  <a:pt x="4908795" y="6342183"/>
                  <a:pt x="3160833" y="6350000"/>
                </a:cubicBezTo>
                <a:cubicBezTo>
                  <a:pt x="1412871" y="6342183"/>
                  <a:pt x="0" y="4922979"/>
                  <a:pt x="0" y="3175000"/>
                </a:cubicBezTo>
                <a:cubicBezTo>
                  <a:pt x="0" y="1427021"/>
                  <a:pt x="1412871" y="7817"/>
                  <a:pt x="3160833" y="0"/>
                </a:cubicBezTo>
                <a:close/>
              </a:path>
            </a:pathLst>
          </a:custGeom>
          <a:solidFill>
            <a:schemeClr val="accent4">
              <a:lumMod val="75000"/>
            </a:schemeClr>
          </a:solidFill>
          <a:ln>
            <a:noFill/>
          </a:ln>
        </p:spPr>
        <p:txBody>
          <a:bodyPr/>
          <a:lstStyle/>
          <a:p>
            <a:endParaRPr lang="en-VN" sz="1500"/>
          </a:p>
        </p:txBody>
      </p:sp>
      <p:sp>
        <p:nvSpPr>
          <p:cNvPr id="6" name="TextBox 20">
            <a:extLst>
              <a:ext uri="{FF2B5EF4-FFF2-40B4-BE49-F238E27FC236}">
                <a16:creationId xmlns:a16="http://schemas.microsoft.com/office/drawing/2014/main" id="{2644C99D-0F48-8B4E-B500-CABA2757BFB1}"/>
              </a:ext>
            </a:extLst>
          </p:cNvPr>
          <p:cNvSpPr txBox="1"/>
          <p:nvPr/>
        </p:nvSpPr>
        <p:spPr bwMode="auto">
          <a:xfrm>
            <a:off x="2258119" y="2673774"/>
            <a:ext cx="469814" cy="346954"/>
          </a:xfrm>
          <a:prstGeom prst="rect">
            <a:avLst/>
          </a:prstGeom>
          <a:solidFill>
            <a:schemeClr val="accent4">
              <a:lumMod val="75000"/>
            </a:schemeClr>
          </a:solidFill>
        </p:spPr>
        <p:txBody>
          <a:bodyPr wrap="square" lIns="0" tIns="0" rIns="0" bIns="0">
            <a:spAutoFit/>
          </a:bodyPr>
          <a:lstStyle/>
          <a:p>
            <a:pPr algn="ctr">
              <a:lnSpc>
                <a:spcPts val="2496"/>
              </a:lnSpc>
              <a:defRPr/>
            </a:pPr>
            <a:r>
              <a:rPr lang="en-US" sz="3543">
                <a:solidFill>
                  <a:srgbClr val="FFFFFF"/>
                </a:solidFill>
                <a:latin typeface="Times New Roman" panose="02020603050405020304" pitchFamily="18" charset="0"/>
                <a:cs typeface="Times New Roman" panose="02020603050405020304" pitchFamily="18" charset="0"/>
              </a:rPr>
              <a:t>1</a:t>
            </a:r>
          </a:p>
        </p:txBody>
      </p:sp>
      <p:sp>
        <p:nvSpPr>
          <p:cNvPr id="9" name="Freeform 19">
            <a:extLst>
              <a:ext uri="{FF2B5EF4-FFF2-40B4-BE49-F238E27FC236}">
                <a16:creationId xmlns:a16="http://schemas.microsoft.com/office/drawing/2014/main" id="{E23AC378-F23F-DB42-8DEA-598A9F469D60}"/>
              </a:ext>
            </a:extLst>
          </p:cNvPr>
          <p:cNvSpPr>
            <a:spLocks/>
          </p:cNvSpPr>
          <p:nvPr/>
        </p:nvSpPr>
        <p:spPr bwMode="auto">
          <a:xfrm>
            <a:off x="1970663" y="4114294"/>
            <a:ext cx="947826" cy="918519"/>
          </a:xfrm>
          <a:custGeom>
            <a:avLst/>
            <a:gdLst>
              <a:gd name="T0" fmla="*/ 3160833 w 6321665"/>
              <a:gd name="T1" fmla="*/ 0 h 6350000"/>
              <a:gd name="T2" fmla="*/ 3160833 w 6321665"/>
              <a:gd name="T3" fmla="*/ 0 h 6350000"/>
              <a:gd name="T4" fmla="*/ 6321666 w 6321665"/>
              <a:gd name="T5" fmla="*/ 3175000 h 6350000"/>
              <a:gd name="T6" fmla="*/ 3160833 w 6321665"/>
              <a:gd name="T7" fmla="*/ 6350000 h 6350000"/>
              <a:gd name="T8" fmla="*/ 0 w 6321665"/>
              <a:gd name="T9" fmla="*/ 3175000 h 6350000"/>
              <a:gd name="T10" fmla="*/ 3160833 w 6321665"/>
              <a:gd name="T11" fmla="*/ 0 h 6350000"/>
              <a:gd name="T12" fmla="*/ 0 60000 65536"/>
              <a:gd name="T13" fmla="*/ 0 60000 65536"/>
              <a:gd name="T14" fmla="*/ 0 60000 65536"/>
              <a:gd name="T15" fmla="*/ 0 60000 65536"/>
              <a:gd name="T16" fmla="*/ 0 60000 65536"/>
              <a:gd name="T17" fmla="*/ 0 60000 65536"/>
            </a:gdLst>
            <a:ahLst/>
            <a:cxnLst>
              <a:cxn ang="T12">
                <a:pos x="T0" y="T1"/>
              </a:cxn>
              <a:cxn ang="T13">
                <a:pos x="T2" y="T3"/>
              </a:cxn>
              <a:cxn ang="T14">
                <a:pos x="T4" y="T5"/>
              </a:cxn>
              <a:cxn ang="T15">
                <a:pos x="T6" y="T7"/>
              </a:cxn>
              <a:cxn ang="T16">
                <a:pos x="T8" y="T9"/>
              </a:cxn>
              <a:cxn ang="T17">
                <a:pos x="T10" y="T11"/>
              </a:cxn>
            </a:cxnLst>
            <a:rect l="0" t="0" r="r" b="b"/>
            <a:pathLst>
              <a:path w="6321665" h="6350000">
                <a:moveTo>
                  <a:pt x="3160833" y="0"/>
                </a:moveTo>
                <a:lnTo>
                  <a:pt x="3160833" y="0"/>
                </a:lnTo>
                <a:cubicBezTo>
                  <a:pt x="4908795" y="7817"/>
                  <a:pt x="6321666" y="1427021"/>
                  <a:pt x="6321666" y="3175000"/>
                </a:cubicBezTo>
                <a:cubicBezTo>
                  <a:pt x="6321666" y="4922979"/>
                  <a:pt x="4908795" y="6342183"/>
                  <a:pt x="3160833" y="6350000"/>
                </a:cubicBezTo>
                <a:cubicBezTo>
                  <a:pt x="1412871" y="6342183"/>
                  <a:pt x="0" y="4922979"/>
                  <a:pt x="0" y="3175000"/>
                </a:cubicBezTo>
                <a:cubicBezTo>
                  <a:pt x="0" y="1427021"/>
                  <a:pt x="1412871" y="7817"/>
                  <a:pt x="3160833" y="0"/>
                </a:cubicBezTo>
                <a:close/>
              </a:path>
            </a:pathLst>
          </a:custGeom>
          <a:solidFill>
            <a:schemeClr val="accent5">
              <a:lumMod val="75000"/>
            </a:schemeClr>
          </a:solidFill>
          <a:ln>
            <a:noFill/>
          </a:ln>
        </p:spPr>
        <p:txBody>
          <a:bodyPr/>
          <a:lstStyle/>
          <a:p>
            <a:endParaRPr lang="en-VN" sz="1500">
              <a:latin typeface="Times New Roman" panose="02020603050405020304" pitchFamily="18" charset="0"/>
              <a:cs typeface="Times New Roman" panose="02020603050405020304" pitchFamily="18" charset="0"/>
            </a:endParaRPr>
          </a:p>
        </p:txBody>
      </p:sp>
      <p:sp>
        <p:nvSpPr>
          <p:cNvPr id="10" name="TextBox 20">
            <a:extLst>
              <a:ext uri="{FF2B5EF4-FFF2-40B4-BE49-F238E27FC236}">
                <a16:creationId xmlns:a16="http://schemas.microsoft.com/office/drawing/2014/main" id="{C6A9866F-260F-1D4C-90E1-6A8F4CD44116}"/>
              </a:ext>
            </a:extLst>
          </p:cNvPr>
          <p:cNvSpPr txBox="1"/>
          <p:nvPr/>
        </p:nvSpPr>
        <p:spPr bwMode="auto">
          <a:xfrm>
            <a:off x="2223939" y="4458718"/>
            <a:ext cx="469814" cy="346954"/>
          </a:xfrm>
          <a:prstGeom prst="rect">
            <a:avLst/>
          </a:prstGeom>
        </p:spPr>
        <p:txBody>
          <a:bodyPr wrap="square" lIns="0" tIns="0" rIns="0" bIns="0">
            <a:spAutoFit/>
          </a:bodyPr>
          <a:lstStyle/>
          <a:p>
            <a:pPr algn="ctr">
              <a:lnSpc>
                <a:spcPts val="2496"/>
              </a:lnSpc>
              <a:defRPr/>
            </a:pPr>
            <a:r>
              <a:rPr lang="vi-VN" sz="3543">
                <a:solidFill>
                  <a:srgbClr val="FFFFFF"/>
                </a:solidFill>
                <a:latin typeface="Times New Roman" panose="02020603050405020304" pitchFamily="18" charset="0"/>
                <a:cs typeface="Times New Roman" panose="02020603050405020304" pitchFamily="18" charset="0"/>
              </a:rPr>
              <a:t>2</a:t>
            </a:r>
            <a:endParaRPr lang="en-US" sz="3543">
              <a:solidFill>
                <a:srgbClr val="FFFFFF"/>
              </a:solidFill>
              <a:latin typeface="Times New Roman" panose="02020603050405020304" pitchFamily="18" charset="0"/>
              <a:cs typeface="Times New Roman" panose="02020603050405020304" pitchFamily="18" charset="0"/>
            </a:endParaRPr>
          </a:p>
        </p:txBody>
      </p:sp>
      <p:pic>
        <p:nvPicPr>
          <p:cNvPr id="11" name="Picture 10">
            <a:extLst>
              <a:ext uri="{FF2B5EF4-FFF2-40B4-BE49-F238E27FC236}">
                <a16:creationId xmlns:a16="http://schemas.microsoft.com/office/drawing/2014/main" id="{B159CC07-A910-754F-A2C1-06AAB80611FC}"/>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354763" y="4978746"/>
            <a:ext cx="843731" cy="902793"/>
          </a:xfrm>
          <a:prstGeom prst="rect">
            <a:avLst/>
          </a:prstGeom>
        </p:spPr>
      </p:pic>
      <p:pic>
        <p:nvPicPr>
          <p:cNvPr id="12" name="Picture 11">
            <a:extLst>
              <a:ext uri="{FF2B5EF4-FFF2-40B4-BE49-F238E27FC236}">
                <a16:creationId xmlns:a16="http://schemas.microsoft.com/office/drawing/2014/main" id="{06DD44DB-A225-BE44-8105-A3584AE94626}"/>
              </a:ext>
            </a:extLst>
          </p:cNvPr>
          <p:cNvPicPr>
            <a:picLocks noChangeAspect="1"/>
          </p:cNvPicPr>
          <p:nvPr/>
        </p:nvPicPr>
        <p:blipFill>
          <a:blip r:embed="rId10" cstate="hqprint">
            <a:extLst>
              <a:ext uri="{28A0092B-C50C-407E-A947-70E740481C1C}">
                <a14:useLocalDpi xmlns:a14="http://schemas.microsoft.com/office/drawing/2010/main" val="0"/>
              </a:ext>
            </a:extLst>
          </a:blip>
          <a:stretch>
            <a:fillRect/>
          </a:stretch>
        </p:blipFill>
        <p:spPr>
          <a:xfrm flipH="1">
            <a:off x="9317328" y="5330627"/>
            <a:ext cx="779653" cy="746907"/>
          </a:xfrm>
          <a:prstGeom prst="rect">
            <a:avLst/>
          </a:prstGeom>
        </p:spPr>
      </p:pic>
      <p:grpSp>
        <p:nvGrpSpPr>
          <p:cNvPr id="3" name="Group 2">
            <a:extLst>
              <a:ext uri="{FF2B5EF4-FFF2-40B4-BE49-F238E27FC236}">
                <a16:creationId xmlns:a16="http://schemas.microsoft.com/office/drawing/2014/main" id="{1D849559-103C-80D0-6171-7EC62AA5D5BB}"/>
              </a:ext>
            </a:extLst>
          </p:cNvPr>
          <p:cNvGrpSpPr/>
          <p:nvPr/>
        </p:nvGrpSpPr>
        <p:grpSpPr>
          <a:xfrm>
            <a:off x="8300508" y="3326985"/>
            <a:ext cx="2813291" cy="2993127"/>
            <a:chOff x="5931553" y="2386132"/>
            <a:chExt cx="2813291" cy="2993127"/>
          </a:xfrm>
        </p:grpSpPr>
        <p:grpSp>
          <p:nvGrpSpPr>
            <p:cNvPr id="13" name="Google Shape;288;p35">
              <a:extLst>
                <a:ext uri="{FF2B5EF4-FFF2-40B4-BE49-F238E27FC236}">
                  <a16:creationId xmlns:a16="http://schemas.microsoft.com/office/drawing/2014/main" id="{A1B862E4-A2E4-A5C0-8ACC-6D53F9413297}"/>
                </a:ext>
              </a:extLst>
            </p:cNvPr>
            <p:cNvGrpSpPr/>
            <p:nvPr/>
          </p:nvGrpSpPr>
          <p:grpSpPr>
            <a:xfrm>
              <a:off x="5931553" y="2526410"/>
              <a:ext cx="2685457" cy="2852849"/>
              <a:chOff x="5970825" y="1928038"/>
              <a:chExt cx="1569800" cy="1667650"/>
            </a:xfrm>
          </p:grpSpPr>
          <p:sp>
            <p:nvSpPr>
              <p:cNvPr id="19" name="Google Shape;289;p35">
                <a:extLst>
                  <a:ext uri="{FF2B5EF4-FFF2-40B4-BE49-F238E27FC236}">
                    <a16:creationId xmlns:a16="http://schemas.microsoft.com/office/drawing/2014/main" id="{5A1B3943-6F3C-A612-CCA5-A9E6949F01D7}"/>
                  </a:ext>
                </a:extLst>
              </p:cNvPr>
              <p:cNvSpPr/>
              <p:nvPr/>
            </p:nvSpPr>
            <p:spPr>
              <a:xfrm>
                <a:off x="6216675" y="1948963"/>
                <a:ext cx="1179075" cy="853200"/>
              </a:xfrm>
              <a:custGeom>
                <a:avLst/>
                <a:gdLst/>
                <a:ahLst/>
                <a:cxnLst/>
                <a:rect l="l" t="t" r="r" b="b"/>
                <a:pathLst>
                  <a:path w="47163" h="34128" extrusionOk="0">
                    <a:moveTo>
                      <a:pt x="46785" y="22201"/>
                    </a:moveTo>
                    <a:cubicBezTo>
                      <a:pt x="46221" y="21217"/>
                      <a:pt x="45844" y="20150"/>
                      <a:pt x="45216" y="19209"/>
                    </a:cubicBezTo>
                    <a:cubicBezTo>
                      <a:pt x="44881" y="18685"/>
                      <a:pt x="44861" y="18079"/>
                      <a:pt x="45321" y="17556"/>
                    </a:cubicBezTo>
                    <a:cubicBezTo>
                      <a:pt x="45865" y="16928"/>
                      <a:pt x="46179" y="16216"/>
                      <a:pt x="46074" y="15379"/>
                    </a:cubicBezTo>
                    <a:cubicBezTo>
                      <a:pt x="46053" y="15191"/>
                      <a:pt x="46074" y="14982"/>
                      <a:pt x="46074" y="14773"/>
                    </a:cubicBezTo>
                    <a:cubicBezTo>
                      <a:pt x="46116" y="14438"/>
                      <a:pt x="45969" y="14187"/>
                      <a:pt x="45760" y="13915"/>
                    </a:cubicBezTo>
                    <a:cubicBezTo>
                      <a:pt x="45384" y="13475"/>
                      <a:pt x="45007" y="12994"/>
                      <a:pt x="44651" y="12534"/>
                    </a:cubicBezTo>
                    <a:cubicBezTo>
                      <a:pt x="44442" y="12262"/>
                      <a:pt x="44191" y="12011"/>
                      <a:pt x="43940" y="11802"/>
                    </a:cubicBezTo>
                    <a:cubicBezTo>
                      <a:pt x="43187" y="11216"/>
                      <a:pt x="42475" y="10546"/>
                      <a:pt x="41555" y="10170"/>
                    </a:cubicBezTo>
                    <a:cubicBezTo>
                      <a:pt x="41366" y="10107"/>
                      <a:pt x="41220" y="9960"/>
                      <a:pt x="41032" y="9856"/>
                    </a:cubicBezTo>
                    <a:cubicBezTo>
                      <a:pt x="40676" y="9709"/>
                      <a:pt x="40529" y="9416"/>
                      <a:pt x="40571" y="9061"/>
                    </a:cubicBezTo>
                    <a:cubicBezTo>
                      <a:pt x="40592" y="8454"/>
                      <a:pt x="40592" y="7847"/>
                      <a:pt x="40613" y="7282"/>
                    </a:cubicBezTo>
                    <a:cubicBezTo>
                      <a:pt x="40676" y="6068"/>
                      <a:pt x="39943" y="5357"/>
                      <a:pt x="39044" y="4729"/>
                    </a:cubicBezTo>
                    <a:cubicBezTo>
                      <a:pt x="38270" y="4499"/>
                      <a:pt x="37495" y="4164"/>
                      <a:pt x="36658" y="4164"/>
                    </a:cubicBezTo>
                    <a:cubicBezTo>
                      <a:pt x="35257" y="4164"/>
                      <a:pt x="33813" y="4102"/>
                      <a:pt x="32411" y="4081"/>
                    </a:cubicBezTo>
                    <a:cubicBezTo>
                      <a:pt x="31951" y="4081"/>
                      <a:pt x="31490" y="3997"/>
                      <a:pt x="31072" y="4248"/>
                    </a:cubicBezTo>
                    <a:cubicBezTo>
                      <a:pt x="30967" y="4290"/>
                      <a:pt x="30779" y="4269"/>
                      <a:pt x="30653" y="4290"/>
                    </a:cubicBezTo>
                    <a:cubicBezTo>
                      <a:pt x="29900" y="4290"/>
                      <a:pt x="29754" y="4164"/>
                      <a:pt x="29733" y="3432"/>
                    </a:cubicBezTo>
                    <a:cubicBezTo>
                      <a:pt x="29733" y="3160"/>
                      <a:pt x="29733" y="2909"/>
                      <a:pt x="29649" y="2679"/>
                    </a:cubicBezTo>
                    <a:cubicBezTo>
                      <a:pt x="29398" y="2093"/>
                      <a:pt x="29021" y="1591"/>
                      <a:pt x="28477" y="1256"/>
                    </a:cubicBezTo>
                    <a:cubicBezTo>
                      <a:pt x="28017" y="963"/>
                      <a:pt x="27515" y="649"/>
                      <a:pt x="27034" y="377"/>
                    </a:cubicBezTo>
                    <a:cubicBezTo>
                      <a:pt x="26783" y="210"/>
                      <a:pt x="26490" y="126"/>
                      <a:pt x="26155" y="105"/>
                    </a:cubicBezTo>
                    <a:cubicBezTo>
                      <a:pt x="23623" y="1"/>
                      <a:pt x="23623" y="1"/>
                      <a:pt x="21154" y="796"/>
                    </a:cubicBezTo>
                    <a:cubicBezTo>
                      <a:pt x="21133" y="796"/>
                      <a:pt x="21112" y="817"/>
                      <a:pt x="21070" y="817"/>
                    </a:cubicBezTo>
                    <a:cubicBezTo>
                      <a:pt x="20757" y="859"/>
                      <a:pt x="20526" y="1047"/>
                      <a:pt x="20275" y="1235"/>
                    </a:cubicBezTo>
                    <a:cubicBezTo>
                      <a:pt x="19752" y="1633"/>
                      <a:pt x="19229" y="1988"/>
                      <a:pt x="18727" y="2428"/>
                    </a:cubicBezTo>
                    <a:cubicBezTo>
                      <a:pt x="18434" y="2700"/>
                      <a:pt x="18099" y="2783"/>
                      <a:pt x="17702" y="2616"/>
                    </a:cubicBezTo>
                    <a:cubicBezTo>
                      <a:pt x="17513" y="2532"/>
                      <a:pt x="17304" y="2491"/>
                      <a:pt x="17137" y="2511"/>
                    </a:cubicBezTo>
                    <a:cubicBezTo>
                      <a:pt x="16321" y="2616"/>
                      <a:pt x="15484" y="2700"/>
                      <a:pt x="14689" y="2909"/>
                    </a:cubicBezTo>
                    <a:cubicBezTo>
                      <a:pt x="14124" y="3035"/>
                      <a:pt x="13580" y="3307"/>
                      <a:pt x="13057" y="3579"/>
                    </a:cubicBezTo>
                    <a:cubicBezTo>
                      <a:pt x="12178" y="4060"/>
                      <a:pt x="11487" y="4708"/>
                      <a:pt x="10818" y="5420"/>
                    </a:cubicBezTo>
                    <a:cubicBezTo>
                      <a:pt x="10462" y="5817"/>
                      <a:pt x="10085" y="6257"/>
                      <a:pt x="10044" y="6801"/>
                    </a:cubicBezTo>
                    <a:cubicBezTo>
                      <a:pt x="9960" y="7429"/>
                      <a:pt x="9646" y="7973"/>
                      <a:pt x="9709" y="8642"/>
                    </a:cubicBezTo>
                    <a:cubicBezTo>
                      <a:pt x="9730" y="8977"/>
                      <a:pt x="9541" y="9207"/>
                      <a:pt x="9186" y="9333"/>
                    </a:cubicBezTo>
                    <a:cubicBezTo>
                      <a:pt x="8391" y="9605"/>
                      <a:pt x="7658" y="9939"/>
                      <a:pt x="6926" y="10337"/>
                    </a:cubicBezTo>
                    <a:cubicBezTo>
                      <a:pt x="6382" y="10651"/>
                      <a:pt x="5859" y="10965"/>
                      <a:pt x="5420" y="11425"/>
                    </a:cubicBezTo>
                    <a:cubicBezTo>
                      <a:pt x="5148" y="11718"/>
                      <a:pt x="4834" y="11990"/>
                      <a:pt x="4541" y="12262"/>
                    </a:cubicBezTo>
                    <a:cubicBezTo>
                      <a:pt x="4290" y="12534"/>
                      <a:pt x="4080" y="12827"/>
                      <a:pt x="3850" y="13099"/>
                    </a:cubicBezTo>
                    <a:cubicBezTo>
                      <a:pt x="3578" y="13413"/>
                      <a:pt x="3453" y="13789"/>
                      <a:pt x="3474" y="14208"/>
                    </a:cubicBezTo>
                    <a:cubicBezTo>
                      <a:pt x="3495" y="14668"/>
                      <a:pt x="3369" y="15170"/>
                      <a:pt x="3767" y="15568"/>
                    </a:cubicBezTo>
                    <a:cubicBezTo>
                      <a:pt x="4018" y="15861"/>
                      <a:pt x="3976" y="16279"/>
                      <a:pt x="3913" y="16635"/>
                    </a:cubicBezTo>
                    <a:cubicBezTo>
                      <a:pt x="3892" y="16928"/>
                      <a:pt x="3683" y="17074"/>
                      <a:pt x="3453" y="17221"/>
                    </a:cubicBezTo>
                    <a:cubicBezTo>
                      <a:pt x="3327" y="17284"/>
                      <a:pt x="3223" y="17388"/>
                      <a:pt x="3139" y="17493"/>
                    </a:cubicBezTo>
                    <a:cubicBezTo>
                      <a:pt x="2825" y="17869"/>
                      <a:pt x="2490" y="18204"/>
                      <a:pt x="2197" y="18602"/>
                    </a:cubicBezTo>
                    <a:cubicBezTo>
                      <a:pt x="2072" y="18790"/>
                      <a:pt x="1925" y="18957"/>
                      <a:pt x="1821" y="19146"/>
                    </a:cubicBezTo>
                    <a:cubicBezTo>
                      <a:pt x="1590" y="19522"/>
                      <a:pt x="1381" y="19878"/>
                      <a:pt x="1151" y="20213"/>
                    </a:cubicBezTo>
                    <a:cubicBezTo>
                      <a:pt x="879" y="20527"/>
                      <a:pt x="733" y="20882"/>
                      <a:pt x="649" y="21301"/>
                    </a:cubicBezTo>
                    <a:cubicBezTo>
                      <a:pt x="461" y="22180"/>
                      <a:pt x="230" y="23079"/>
                      <a:pt x="84" y="23958"/>
                    </a:cubicBezTo>
                    <a:cubicBezTo>
                      <a:pt x="0" y="24377"/>
                      <a:pt x="42" y="24795"/>
                      <a:pt x="84" y="25214"/>
                    </a:cubicBezTo>
                    <a:cubicBezTo>
                      <a:pt x="105" y="25548"/>
                      <a:pt x="230" y="25862"/>
                      <a:pt x="293" y="26218"/>
                    </a:cubicBezTo>
                    <a:cubicBezTo>
                      <a:pt x="398" y="27055"/>
                      <a:pt x="733" y="27787"/>
                      <a:pt x="1172" y="28478"/>
                    </a:cubicBezTo>
                    <a:cubicBezTo>
                      <a:pt x="1298" y="28666"/>
                      <a:pt x="1402" y="28875"/>
                      <a:pt x="1486" y="29084"/>
                    </a:cubicBezTo>
                    <a:cubicBezTo>
                      <a:pt x="1611" y="29587"/>
                      <a:pt x="1883" y="30005"/>
                      <a:pt x="2135" y="30444"/>
                    </a:cubicBezTo>
                    <a:cubicBezTo>
                      <a:pt x="2532" y="31072"/>
                      <a:pt x="2867" y="31721"/>
                      <a:pt x="3495" y="32139"/>
                    </a:cubicBezTo>
                    <a:cubicBezTo>
                      <a:pt x="3704" y="32286"/>
                      <a:pt x="3746" y="32516"/>
                      <a:pt x="3641" y="32662"/>
                    </a:cubicBezTo>
                    <a:cubicBezTo>
                      <a:pt x="3536" y="32851"/>
                      <a:pt x="3348" y="32934"/>
                      <a:pt x="3139" y="32913"/>
                    </a:cubicBezTo>
                    <a:cubicBezTo>
                      <a:pt x="2971" y="32872"/>
                      <a:pt x="2825" y="32830"/>
                      <a:pt x="2637" y="32767"/>
                    </a:cubicBezTo>
                    <a:cubicBezTo>
                      <a:pt x="2553" y="33018"/>
                      <a:pt x="2490" y="33185"/>
                      <a:pt x="2448" y="33374"/>
                    </a:cubicBezTo>
                    <a:cubicBezTo>
                      <a:pt x="2407" y="33583"/>
                      <a:pt x="2386" y="33792"/>
                      <a:pt x="2344" y="34022"/>
                    </a:cubicBezTo>
                    <a:cubicBezTo>
                      <a:pt x="3536" y="33918"/>
                      <a:pt x="4687" y="33813"/>
                      <a:pt x="5796" y="33771"/>
                    </a:cubicBezTo>
                    <a:cubicBezTo>
                      <a:pt x="6926" y="33688"/>
                      <a:pt x="8056" y="33771"/>
                      <a:pt x="9290" y="33604"/>
                    </a:cubicBezTo>
                    <a:cubicBezTo>
                      <a:pt x="8809" y="33039"/>
                      <a:pt x="8286" y="32641"/>
                      <a:pt x="7993" y="32035"/>
                    </a:cubicBezTo>
                    <a:cubicBezTo>
                      <a:pt x="7721" y="31470"/>
                      <a:pt x="7470" y="30863"/>
                      <a:pt x="7114" y="30319"/>
                    </a:cubicBezTo>
                    <a:cubicBezTo>
                      <a:pt x="6466" y="30507"/>
                      <a:pt x="5859" y="30528"/>
                      <a:pt x="5252" y="30235"/>
                    </a:cubicBezTo>
                    <a:cubicBezTo>
                      <a:pt x="5106" y="30152"/>
                      <a:pt x="4917" y="30193"/>
                      <a:pt x="4750" y="30131"/>
                    </a:cubicBezTo>
                    <a:cubicBezTo>
                      <a:pt x="4018" y="29921"/>
                      <a:pt x="3474" y="29419"/>
                      <a:pt x="2951" y="28896"/>
                    </a:cubicBezTo>
                    <a:cubicBezTo>
                      <a:pt x="2909" y="28854"/>
                      <a:pt x="2867" y="28750"/>
                      <a:pt x="2846" y="28666"/>
                    </a:cubicBezTo>
                    <a:cubicBezTo>
                      <a:pt x="2532" y="27934"/>
                      <a:pt x="2281" y="27180"/>
                      <a:pt x="2407" y="26364"/>
                    </a:cubicBezTo>
                    <a:cubicBezTo>
                      <a:pt x="2427" y="26218"/>
                      <a:pt x="2427" y="26030"/>
                      <a:pt x="2407" y="25841"/>
                    </a:cubicBezTo>
                    <a:cubicBezTo>
                      <a:pt x="2386" y="25402"/>
                      <a:pt x="2595" y="25004"/>
                      <a:pt x="2867" y="24691"/>
                    </a:cubicBezTo>
                    <a:cubicBezTo>
                      <a:pt x="3139" y="24398"/>
                      <a:pt x="3453" y="24146"/>
                      <a:pt x="3746" y="23854"/>
                    </a:cubicBezTo>
                    <a:cubicBezTo>
                      <a:pt x="3913" y="23707"/>
                      <a:pt x="4101" y="23623"/>
                      <a:pt x="4373" y="23623"/>
                    </a:cubicBezTo>
                    <a:cubicBezTo>
                      <a:pt x="5440" y="23644"/>
                      <a:pt x="6487" y="23414"/>
                      <a:pt x="7554" y="23226"/>
                    </a:cubicBezTo>
                    <a:cubicBezTo>
                      <a:pt x="8056" y="23142"/>
                      <a:pt x="8474" y="22933"/>
                      <a:pt x="8830" y="22598"/>
                    </a:cubicBezTo>
                    <a:cubicBezTo>
                      <a:pt x="9395" y="22096"/>
                      <a:pt x="9918" y="21573"/>
                      <a:pt x="10441" y="21050"/>
                    </a:cubicBezTo>
                    <a:cubicBezTo>
                      <a:pt x="10692" y="20820"/>
                      <a:pt x="10818" y="20506"/>
                      <a:pt x="10881" y="20171"/>
                    </a:cubicBezTo>
                    <a:cubicBezTo>
                      <a:pt x="10985" y="19439"/>
                      <a:pt x="11278" y="18748"/>
                      <a:pt x="11194" y="17995"/>
                    </a:cubicBezTo>
                    <a:cubicBezTo>
                      <a:pt x="11194" y="17953"/>
                      <a:pt x="11194" y="17890"/>
                      <a:pt x="11215" y="17848"/>
                    </a:cubicBezTo>
                    <a:cubicBezTo>
                      <a:pt x="11320" y="17367"/>
                      <a:pt x="11759" y="17158"/>
                      <a:pt x="12220" y="17388"/>
                    </a:cubicBezTo>
                    <a:cubicBezTo>
                      <a:pt x="12387" y="17493"/>
                      <a:pt x="12534" y="17639"/>
                      <a:pt x="12680" y="17765"/>
                    </a:cubicBezTo>
                    <a:cubicBezTo>
                      <a:pt x="12889" y="17974"/>
                      <a:pt x="13161" y="18079"/>
                      <a:pt x="13433" y="18100"/>
                    </a:cubicBezTo>
                    <a:cubicBezTo>
                      <a:pt x="14835" y="18225"/>
                      <a:pt x="15065" y="18183"/>
                      <a:pt x="16300" y="17535"/>
                    </a:cubicBezTo>
                    <a:cubicBezTo>
                      <a:pt x="16446" y="17451"/>
                      <a:pt x="16572" y="17367"/>
                      <a:pt x="16739" y="17284"/>
                    </a:cubicBezTo>
                    <a:cubicBezTo>
                      <a:pt x="17262" y="17032"/>
                      <a:pt x="17681" y="16698"/>
                      <a:pt x="18016" y="16196"/>
                    </a:cubicBezTo>
                    <a:cubicBezTo>
                      <a:pt x="18183" y="15965"/>
                      <a:pt x="18392" y="15756"/>
                      <a:pt x="18601" y="15568"/>
                    </a:cubicBezTo>
                    <a:cubicBezTo>
                      <a:pt x="18936" y="15254"/>
                      <a:pt x="19229" y="14919"/>
                      <a:pt x="19396" y="14501"/>
                    </a:cubicBezTo>
                    <a:cubicBezTo>
                      <a:pt x="19543" y="14229"/>
                      <a:pt x="19668" y="13999"/>
                      <a:pt x="19815" y="13768"/>
                    </a:cubicBezTo>
                    <a:cubicBezTo>
                      <a:pt x="20171" y="13203"/>
                      <a:pt x="20317" y="12639"/>
                      <a:pt x="20338" y="11990"/>
                    </a:cubicBezTo>
                    <a:cubicBezTo>
                      <a:pt x="20338" y="11676"/>
                      <a:pt x="20401" y="11362"/>
                      <a:pt x="20443" y="11048"/>
                    </a:cubicBezTo>
                    <a:cubicBezTo>
                      <a:pt x="20485" y="10797"/>
                      <a:pt x="20526" y="10567"/>
                      <a:pt x="20798" y="10525"/>
                    </a:cubicBezTo>
                    <a:cubicBezTo>
                      <a:pt x="20966" y="10462"/>
                      <a:pt x="21133" y="10672"/>
                      <a:pt x="21175" y="11090"/>
                    </a:cubicBezTo>
                    <a:cubicBezTo>
                      <a:pt x="21238" y="11613"/>
                      <a:pt x="21217" y="12157"/>
                      <a:pt x="21259" y="12722"/>
                    </a:cubicBezTo>
                    <a:cubicBezTo>
                      <a:pt x="21280" y="12973"/>
                      <a:pt x="21280" y="13245"/>
                      <a:pt x="21384" y="13455"/>
                    </a:cubicBezTo>
                    <a:cubicBezTo>
                      <a:pt x="21761" y="14250"/>
                      <a:pt x="22368" y="14919"/>
                      <a:pt x="23016" y="15505"/>
                    </a:cubicBezTo>
                    <a:cubicBezTo>
                      <a:pt x="23456" y="15903"/>
                      <a:pt x="23979" y="16133"/>
                      <a:pt x="24586" y="16007"/>
                    </a:cubicBezTo>
                    <a:cubicBezTo>
                      <a:pt x="25130" y="15882"/>
                      <a:pt x="25715" y="15861"/>
                      <a:pt x="26029" y="15254"/>
                    </a:cubicBezTo>
                    <a:cubicBezTo>
                      <a:pt x="26071" y="15128"/>
                      <a:pt x="26197" y="15045"/>
                      <a:pt x="26301" y="14961"/>
                    </a:cubicBezTo>
                    <a:cubicBezTo>
                      <a:pt x="26762" y="14647"/>
                      <a:pt x="27243" y="14835"/>
                      <a:pt x="27347" y="15379"/>
                    </a:cubicBezTo>
                    <a:cubicBezTo>
                      <a:pt x="27452" y="15882"/>
                      <a:pt x="27536" y="16384"/>
                      <a:pt x="27640" y="16865"/>
                    </a:cubicBezTo>
                    <a:cubicBezTo>
                      <a:pt x="27703" y="17116"/>
                      <a:pt x="27808" y="17367"/>
                      <a:pt x="27912" y="17576"/>
                    </a:cubicBezTo>
                    <a:cubicBezTo>
                      <a:pt x="28226" y="18204"/>
                      <a:pt x="28582" y="18832"/>
                      <a:pt x="28896" y="19460"/>
                    </a:cubicBezTo>
                    <a:cubicBezTo>
                      <a:pt x="29272" y="20171"/>
                      <a:pt x="29942" y="20359"/>
                      <a:pt x="30653" y="20485"/>
                    </a:cubicBezTo>
                    <a:cubicBezTo>
                      <a:pt x="30800" y="20506"/>
                      <a:pt x="30988" y="20464"/>
                      <a:pt x="31156" y="20401"/>
                    </a:cubicBezTo>
                    <a:cubicBezTo>
                      <a:pt x="31386" y="20317"/>
                      <a:pt x="31637" y="20213"/>
                      <a:pt x="31825" y="20066"/>
                    </a:cubicBezTo>
                    <a:cubicBezTo>
                      <a:pt x="32244" y="19732"/>
                      <a:pt x="32767" y="19543"/>
                      <a:pt x="33039" y="19020"/>
                    </a:cubicBezTo>
                    <a:cubicBezTo>
                      <a:pt x="33060" y="18957"/>
                      <a:pt x="33101" y="18937"/>
                      <a:pt x="33164" y="18895"/>
                    </a:cubicBezTo>
                    <a:cubicBezTo>
                      <a:pt x="33373" y="18748"/>
                      <a:pt x="33583" y="18706"/>
                      <a:pt x="33813" y="18811"/>
                    </a:cubicBezTo>
                    <a:cubicBezTo>
                      <a:pt x="34043" y="18916"/>
                      <a:pt x="34189" y="19062"/>
                      <a:pt x="34189" y="19334"/>
                    </a:cubicBezTo>
                    <a:cubicBezTo>
                      <a:pt x="34189" y="19983"/>
                      <a:pt x="34210" y="20631"/>
                      <a:pt x="34148" y="21301"/>
                    </a:cubicBezTo>
                    <a:cubicBezTo>
                      <a:pt x="34127" y="21929"/>
                      <a:pt x="34357" y="22452"/>
                      <a:pt x="34733" y="22933"/>
                    </a:cubicBezTo>
                    <a:cubicBezTo>
                      <a:pt x="34922" y="23184"/>
                      <a:pt x="35089" y="23456"/>
                      <a:pt x="35278" y="23707"/>
                    </a:cubicBezTo>
                    <a:cubicBezTo>
                      <a:pt x="35717" y="24251"/>
                      <a:pt x="36073" y="24858"/>
                      <a:pt x="36805" y="25109"/>
                    </a:cubicBezTo>
                    <a:cubicBezTo>
                      <a:pt x="37161" y="25235"/>
                      <a:pt x="37454" y="25276"/>
                      <a:pt x="37746" y="24983"/>
                    </a:cubicBezTo>
                    <a:cubicBezTo>
                      <a:pt x="38165" y="24586"/>
                      <a:pt x="38625" y="24377"/>
                      <a:pt x="39211" y="24607"/>
                    </a:cubicBezTo>
                    <a:lnTo>
                      <a:pt x="39274" y="24607"/>
                    </a:lnTo>
                    <a:cubicBezTo>
                      <a:pt x="39671" y="24586"/>
                      <a:pt x="39985" y="24711"/>
                      <a:pt x="40278" y="25004"/>
                    </a:cubicBezTo>
                    <a:cubicBezTo>
                      <a:pt x="40404" y="25109"/>
                      <a:pt x="40529" y="25214"/>
                      <a:pt x="40697" y="25297"/>
                    </a:cubicBezTo>
                    <a:cubicBezTo>
                      <a:pt x="40948" y="25444"/>
                      <a:pt x="41052" y="25695"/>
                      <a:pt x="41115" y="26009"/>
                    </a:cubicBezTo>
                    <a:cubicBezTo>
                      <a:pt x="41199" y="26741"/>
                      <a:pt x="41032" y="27411"/>
                      <a:pt x="40885" y="28101"/>
                    </a:cubicBezTo>
                    <a:cubicBezTo>
                      <a:pt x="40843" y="28227"/>
                      <a:pt x="40739" y="28352"/>
                      <a:pt x="40676" y="28457"/>
                    </a:cubicBezTo>
                    <a:cubicBezTo>
                      <a:pt x="39902" y="29273"/>
                      <a:pt x="39148" y="30089"/>
                      <a:pt x="38081" y="30507"/>
                    </a:cubicBezTo>
                    <a:cubicBezTo>
                      <a:pt x="37600" y="30675"/>
                      <a:pt x="37161" y="30821"/>
                      <a:pt x="36658" y="30737"/>
                    </a:cubicBezTo>
                    <a:cubicBezTo>
                      <a:pt x="36345" y="30675"/>
                      <a:pt x="36073" y="30612"/>
                      <a:pt x="35717" y="30549"/>
                    </a:cubicBezTo>
                    <a:cubicBezTo>
                      <a:pt x="35361" y="30989"/>
                      <a:pt x="34922" y="31386"/>
                      <a:pt x="34859" y="32035"/>
                    </a:cubicBezTo>
                    <a:cubicBezTo>
                      <a:pt x="34838" y="32244"/>
                      <a:pt x="34671" y="32432"/>
                      <a:pt x="34566" y="32641"/>
                    </a:cubicBezTo>
                    <a:cubicBezTo>
                      <a:pt x="34503" y="32809"/>
                      <a:pt x="34441" y="32955"/>
                      <a:pt x="34336" y="33227"/>
                    </a:cubicBezTo>
                    <a:cubicBezTo>
                      <a:pt x="34671" y="33269"/>
                      <a:pt x="34943" y="33332"/>
                      <a:pt x="35173" y="33353"/>
                    </a:cubicBezTo>
                    <a:cubicBezTo>
                      <a:pt x="37119" y="33583"/>
                      <a:pt x="39065" y="33792"/>
                      <a:pt x="41011" y="34022"/>
                    </a:cubicBezTo>
                    <a:cubicBezTo>
                      <a:pt x="41848" y="34127"/>
                      <a:pt x="42622" y="34002"/>
                      <a:pt x="43312" y="33457"/>
                    </a:cubicBezTo>
                    <a:cubicBezTo>
                      <a:pt x="43459" y="33332"/>
                      <a:pt x="43731" y="33269"/>
                      <a:pt x="43940" y="33248"/>
                    </a:cubicBezTo>
                    <a:cubicBezTo>
                      <a:pt x="44128" y="33185"/>
                      <a:pt x="44337" y="33248"/>
                      <a:pt x="44547" y="33185"/>
                    </a:cubicBezTo>
                    <a:cubicBezTo>
                      <a:pt x="44798" y="33123"/>
                      <a:pt x="45070" y="33018"/>
                      <a:pt x="45321" y="32913"/>
                    </a:cubicBezTo>
                    <a:cubicBezTo>
                      <a:pt x="45446" y="32851"/>
                      <a:pt x="46179" y="31763"/>
                      <a:pt x="46262" y="31595"/>
                    </a:cubicBezTo>
                    <a:cubicBezTo>
                      <a:pt x="46576" y="31030"/>
                      <a:pt x="46576" y="30403"/>
                      <a:pt x="46576" y="29775"/>
                    </a:cubicBezTo>
                    <a:cubicBezTo>
                      <a:pt x="46576" y="29419"/>
                      <a:pt x="46555" y="29084"/>
                      <a:pt x="46346" y="28792"/>
                    </a:cubicBezTo>
                    <a:cubicBezTo>
                      <a:pt x="46221" y="28624"/>
                      <a:pt x="46137" y="28373"/>
                      <a:pt x="46116" y="28164"/>
                    </a:cubicBezTo>
                    <a:cubicBezTo>
                      <a:pt x="46074" y="27787"/>
                      <a:pt x="45928" y="27473"/>
                      <a:pt x="45760" y="27118"/>
                    </a:cubicBezTo>
                    <a:cubicBezTo>
                      <a:pt x="45635" y="26867"/>
                      <a:pt x="45509" y="26636"/>
                      <a:pt x="45425" y="26343"/>
                    </a:cubicBezTo>
                    <a:cubicBezTo>
                      <a:pt x="45237" y="25716"/>
                      <a:pt x="45237" y="25109"/>
                      <a:pt x="45823" y="24649"/>
                    </a:cubicBezTo>
                    <a:cubicBezTo>
                      <a:pt x="46137" y="24377"/>
                      <a:pt x="46451" y="24063"/>
                      <a:pt x="46785" y="23812"/>
                    </a:cubicBezTo>
                    <a:cubicBezTo>
                      <a:pt x="46995" y="23644"/>
                      <a:pt x="47099" y="23456"/>
                      <a:pt x="47162" y="23247"/>
                    </a:cubicBezTo>
                    <a:cubicBezTo>
                      <a:pt x="46995" y="22828"/>
                      <a:pt x="46974" y="22514"/>
                      <a:pt x="46785" y="22201"/>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20" name="Google Shape;290;p35">
                <a:extLst>
                  <a:ext uri="{FF2B5EF4-FFF2-40B4-BE49-F238E27FC236}">
                    <a16:creationId xmlns:a16="http://schemas.microsoft.com/office/drawing/2014/main" id="{EE118181-9E64-2C6F-819F-3D3A094EB6D7}"/>
                  </a:ext>
                </a:extLst>
              </p:cNvPr>
              <p:cNvSpPr/>
              <p:nvPr/>
            </p:nvSpPr>
            <p:spPr>
              <a:xfrm>
                <a:off x="6387725" y="2303613"/>
                <a:ext cx="747000" cy="575950"/>
              </a:xfrm>
              <a:custGeom>
                <a:avLst/>
                <a:gdLst/>
                <a:ahLst/>
                <a:cxnLst/>
                <a:rect l="l" t="t" r="r" b="b"/>
                <a:pathLst>
                  <a:path w="29880" h="23038" extrusionOk="0">
                    <a:moveTo>
                      <a:pt x="29879" y="12032"/>
                    </a:moveTo>
                    <a:cubicBezTo>
                      <a:pt x="29544" y="12722"/>
                      <a:pt x="29189" y="13413"/>
                      <a:pt x="28833" y="14062"/>
                    </a:cubicBezTo>
                    <a:cubicBezTo>
                      <a:pt x="28498" y="14689"/>
                      <a:pt x="28080" y="15254"/>
                      <a:pt x="27703" y="15861"/>
                    </a:cubicBezTo>
                    <a:cubicBezTo>
                      <a:pt x="27243" y="16677"/>
                      <a:pt x="26615" y="17388"/>
                      <a:pt x="26134" y="18183"/>
                    </a:cubicBezTo>
                    <a:cubicBezTo>
                      <a:pt x="25695" y="18958"/>
                      <a:pt x="25004" y="19523"/>
                      <a:pt x="24627" y="20318"/>
                    </a:cubicBezTo>
                    <a:cubicBezTo>
                      <a:pt x="24230" y="20569"/>
                      <a:pt x="23832" y="20862"/>
                      <a:pt x="23414" y="21092"/>
                    </a:cubicBezTo>
                    <a:cubicBezTo>
                      <a:pt x="22472" y="21636"/>
                      <a:pt x="21447" y="21929"/>
                      <a:pt x="20443" y="22243"/>
                    </a:cubicBezTo>
                    <a:cubicBezTo>
                      <a:pt x="19564" y="22515"/>
                      <a:pt x="18706" y="22745"/>
                      <a:pt x="17848" y="22954"/>
                    </a:cubicBezTo>
                    <a:cubicBezTo>
                      <a:pt x="17723" y="22975"/>
                      <a:pt x="17555" y="22975"/>
                      <a:pt x="17430" y="22975"/>
                    </a:cubicBezTo>
                    <a:cubicBezTo>
                      <a:pt x="16049" y="22975"/>
                      <a:pt x="14647" y="23017"/>
                      <a:pt x="13245" y="23017"/>
                    </a:cubicBezTo>
                    <a:cubicBezTo>
                      <a:pt x="13036" y="23017"/>
                      <a:pt x="12826" y="23038"/>
                      <a:pt x="12638" y="22975"/>
                    </a:cubicBezTo>
                    <a:cubicBezTo>
                      <a:pt x="12010" y="22829"/>
                      <a:pt x="11383" y="22745"/>
                      <a:pt x="10734" y="22661"/>
                    </a:cubicBezTo>
                    <a:cubicBezTo>
                      <a:pt x="10023" y="22577"/>
                      <a:pt x="9353" y="22347"/>
                      <a:pt x="8663" y="22201"/>
                    </a:cubicBezTo>
                    <a:cubicBezTo>
                      <a:pt x="8433" y="22138"/>
                      <a:pt x="8161" y="22138"/>
                      <a:pt x="7909" y="22096"/>
                    </a:cubicBezTo>
                    <a:cubicBezTo>
                      <a:pt x="7219" y="21908"/>
                      <a:pt x="6549" y="21761"/>
                      <a:pt x="5943" y="21343"/>
                    </a:cubicBezTo>
                    <a:cubicBezTo>
                      <a:pt x="5482" y="21008"/>
                      <a:pt x="4959" y="20820"/>
                      <a:pt x="4457" y="20527"/>
                    </a:cubicBezTo>
                    <a:cubicBezTo>
                      <a:pt x="3934" y="20213"/>
                      <a:pt x="3557" y="19732"/>
                      <a:pt x="3285" y="19209"/>
                    </a:cubicBezTo>
                    <a:cubicBezTo>
                      <a:pt x="3034" y="18790"/>
                      <a:pt x="2804" y="18393"/>
                      <a:pt x="2386" y="18121"/>
                    </a:cubicBezTo>
                    <a:cubicBezTo>
                      <a:pt x="2135" y="17932"/>
                      <a:pt x="1946" y="17619"/>
                      <a:pt x="1758" y="17326"/>
                    </a:cubicBezTo>
                    <a:cubicBezTo>
                      <a:pt x="1549" y="16970"/>
                      <a:pt x="1360" y="16572"/>
                      <a:pt x="1214" y="16175"/>
                    </a:cubicBezTo>
                    <a:cubicBezTo>
                      <a:pt x="482" y="14375"/>
                      <a:pt x="0" y="12513"/>
                      <a:pt x="189" y="10525"/>
                    </a:cubicBezTo>
                    <a:cubicBezTo>
                      <a:pt x="189" y="10421"/>
                      <a:pt x="251" y="10316"/>
                      <a:pt x="272" y="10191"/>
                    </a:cubicBezTo>
                    <a:cubicBezTo>
                      <a:pt x="461" y="10128"/>
                      <a:pt x="607" y="10065"/>
                      <a:pt x="774" y="10065"/>
                    </a:cubicBezTo>
                    <a:cubicBezTo>
                      <a:pt x="1549" y="9981"/>
                      <a:pt x="2155" y="9563"/>
                      <a:pt x="2679" y="9040"/>
                    </a:cubicBezTo>
                    <a:cubicBezTo>
                      <a:pt x="3181" y="8580"/>
                      <a:pt x="3641" y="8077"/>
                      <a:pt x="4143" y="7638"/>
                    </a:cubicBezTo>
                    <a:cubicBezTo>
                      <a:pt x="4562" y="7261"/>
                      <a:pt x="4750" y="6822"/>
                      <a:pt x="4876" y="6320"/>
                    </a:cubicBezTo>
                    <a:cubicBezTo>
                      <a:pt x="5001" y="5797"/>
                      <a:pt x="5106" y="5295"/>
                      <a:pt x="5273" y="4730"/>
                    </a:cubicBezTo>
                    <a:cubicBezTo>
                      <a:pt x="6215" y="5085"/>
                      <a:pt x="7156" y="4939"/>
                      <a:pt x="8098" y="4960"/>
                    </a:cubicBezTo>
                    <a:cubicBezTo>
                      <a:pt x="8328" y="4960"/>
                      <a:pt x="8579" y="4855"/>
                      <a:pt x="8788" y="4751"/>
                    </a:cubicBezTo>
                    <a:cubicBezTo>
                      <a:pt x="9249" y="4541"/>
                      <a:pt x="9625" y="4290"/>
                      <a:pt x="10044" y="4039"/>
                    </a:cubicBezTo>
                    <a:cubicBezTo>
                      <a:pt x="10734" y="3683"/>
                      <a:pt x="11362" y="3223"/>
                      <a:pt x="11780" y="2554"/>
                    </a:cubicBezTo>
                    <a:cubicBezTo>
                      <a:pt x="11801" y="2533"/>
                      <a:pt x="11801" y="2491"/>
                      <a:pt x="11822" y="2470"/>
                    </a:cubicBezTo>
                    <a:cubicBezTo>
                      <a:pt x="12534" y="1800"/>
                      <a:pt x="13078" y="1005"/>
                      <a:pt x="13475" y="126"/>
                    </a:cubicBezTo>
                    <a:cubicBezTo>
                      <a:pt x="13496" y="64"/>
                      <a:pt x="13559" y="43"/>
                      <a:pt x="13601" y="1"/>
                    </a:cubicBezTo>
                    <a:cubicBezTo>
                      <a:pt x="13663" y="43"/>
                      <a:pt x="13747" y="85"/>
                      <a:pt x="13789" y="168"/>
                    </a:cubicBezTo>
                    <a:cubicBezTo>
                      <a:pt x="14333" y="1214"/>
                      <a:pt x="15170" y="1947"/>
                      <a:pt x="16153" y="2574"/>
                    </a:cubicBezTo>
                    <a:cubicBezTo>
                      <a:pt x="16300" y="2679"/>
                      <a:pt x="16509" y="2742"/>
                      <a:pt x="16697" y="2742"/>
                    </a:cubicBezTo>
                    <a:cubicBezTo>
                      <a:pt x="17555" y="2846"/>
                      <a:pt x="18392" y="2679"/>
                      <a:pt x="19145" y="2219"/>
                    </a:cubicBezTo>
                    <a:cubicBezTo>
                      <a:pt x="19229" y="2156"/>
                      <a:pt x="19313" y="2156"/>
                      <a:pt x="19417" y="2114"/>
                    </a:cubicBezTo>
                    <a:cubicBezTo>
                      <a:pt x="19459" y="2240"/>
                      <a:pt x="19543" y="2365"/>
                      <a:pt x="19564" y="2512"/>
                    </a:cubicBezTo>
                    <a:cubicBezTo>
                      <a:pt x="19627" y="3077"/>
                      <a:pt x="19857" y="3600"/>
                      <a:pt x="20150" y="4102"/>
                    </a:cubicBezTo>
                    <a:cubicBezTo>
                      <a:pt x="20401" y="4562"/>
                      <a:pt x="20652" y="5064"/>
                      <a:pt x="20903" y="5504"/>
                    </a:cubicBezTo>
                    <a:cubicBezTo>
                      <a:pt x="21070" y="5776"/>
                      <a:pt x="21217" y="6027"/>
                      <a:pt x="21426" y="6278"/>
                    </a:cubicBezTo>
                    <a:cubicBezTo>
                      <a:pt x="22054" y="6968"/>
                      <a:pt x="23100" y="7345"/>
                      <a:pt x="24021" y="7178"/>
                    </a:cubicBezTo>
                    <a:cubicBezTo>
                      <a:pt x="24565" y="7115"/>
                      <a:pt x="25046" y="6822"/>
                      <a:pt x="25485" y="6508"/>
                    </a:cubicBezTo>
                    <a:lnTo>
                      <a:pt x="26029" y="6131"/>
                    </a:lnTo>
                    <a:cubicBezTo>
                      <a:pt x="26092" y="6320"/>
                      <a:pt x="26134" y="6445"/>
                      <a:pt x="26134" y="6592"/>
                    </a:cubicBezTo>
                    <a:cubicBezTo>
                      <a:pt x="26134" y="6801"/>
                      <a:pt x="26155" y="6968"/>
                      <a:pt x="26134" y="7178"/>
                    </a:cubicBezTo>
                    <a:cubicBezTo>
                      <a:pt x="26029" y="7973"/>
                      <a:pt x="26406" y="8621"/>
                      <a:pt x="26824" y="9228"/>
                    </a:cubicBezTo>
                    <a:cubicBezTo>
                      <a:pt x="27243" y="9793"/>
                      <a:pt x="27661" y="10358"/>
                      <a:pt x="28080" y="10923"/>
                    </a:cubicBezTo>
                    <a:cubicBezTo>
                      <a:pt x="28226" y="11132"/>
                      <a:pt x="28415" y="11321"/>
                      <a:pt x="28645" y="11425"/>
                    </a:cubicBezTo>
                    <a:cubicBezTo>
                      <a:pt x="29063" y="11634"/>
                      <a:pt x="29461" y="11823"/>
                      <a:pt x="29879" y="12032"/>
                    </a:cubicBezTo>
                    <a:close/>
                    <a:moveTo>
                      <a:pt x="7637" y="14815"/>
                    </a:moveTo>
                    <a:cubicBezTo>
                      <a:pt x="7512" y="15714"/>
                      <a:pt x="7721" y="16531"/>
                      <a:pt x="8056" y="17305"/>
                    </a:cubicBezTo>
                    <a:cubicBezTo>
                      <a:pt x="8119" y="17409"/>
                      <a:pt x="8140" y="17514"/>
                      <a:pt x="8140" y="17619"/>
                    </a:cubicBezTo>
                    <a:cubicBezTo>
                      <a:pt x="8223" y="18100"/>
                      <a:pt x="8412" y="18539"/>
                      <a:pt x="8725" y="18937"/>
                    </a:cubicBezTo>
                    <a:cubicBezTo>
                      <a:pt x="8893" y="19167"/>
                      <a:pt x="9060" y="19481"/>
                      <a:pt x="9311" y="19627"/>
                    </a:cubicBezTo>
                    <a:cubicBezTo>
                      <a:pt x="9667" y="19816"/>
                      <a:pt x="9667" y="20213"/>
                      <a:pt x="9918" y="20401"/>
                    </a:cubicBezTo>
                    <a:cubicBezTo>
                      <a:pt x="10462" y="20778"/>
                      <a:pt x="11069" y="21134"/>
                      <a:pt x="11780" y="21155"/>
                    </a:cubicBezTo>
                    <a:cubicBezTo>
                      <a:pt x="13287" y="21238"/>
                      <a:pt x="14814" y="21406"/>
                      <a:pt x="16321" y="21050"/>
                    </a:cubicBezTo>
                    <a:cubicBezTo>
                      <a:pt x="17053" y="20862"/>
                      <a:pt x="17681" y="20548"/>
                      <a:pt x="18267" y="20088"/>
                    </a:cubicBezTo>
                    <a:cubicBezTo>
                      <a:pt x="18476" y="19523"/>
                      <a:pt x="18915" y="19167"/>
                      <a:pt x="19229" y="18686"/>
                    </a:cubicBezTo>
                    <a:cubicBezTo>
                      <a:pt x="19689" y="18016"/>
                      <a:pt x="20150" y="17326"/>
                      <a:pt x="20673" y="16698"/>
                    </a:cubicBezTo>
                    <a:cubicBezTo>
                      <a:pt x="20924" y="16363"/>
                      <a:pt x="21070" y="16049"/>
                      <a:pt x="21070" y="15631"/>
                    </a:cubicBezTo>
                    <a:cubicBezTo>
                      <a:pt x="21091" y="15024"/>
                      <a:pt x="20987" y="14564"/>
                      <a:pt x="20380" y="14229"/>
                    </a:cubicBezTo>
                    <a:cubicBezTo>
                      <a:pt x="20045" y="14041"/>
                      <a:pt x="19752" y="13873"/>
                      <a:pt x="19355" y="13873"/>
                    </a:cubicBezTo>
                    <a:cubicBezTo>
                      <a:pt x="19083" y="13873"/>
                      <a:pt x="18790" y="13873"/>
                      <a:pt x="18518" y="13810"/>
                    </a:cubicBezTo>
                    <a:cubicBezTo>
                      <a:pt x="18120" y="13643"/>
                      <a:pt x="17744" y="13643"/>
                      <a:pt x="17346" y="13643"/>
                    </a:cubicBezTo>
                    <a:cubicBezTo>
                      <a:pt x="15484" y="13622"/>
                      <a:pt x="13663" y="13622"/>
                      <a:pt x="11801" y="13601"/>
                    </a:cubicBezTo>
                    <a:cubicBezTo>
                      <a:pt x="10692" y="13601"/>
                      <a:pt x="9583" y="13538"/>
                      <a:pt x="8495" y="13831"/>
                    </a:cubicBezTo>
                    <a:cubicBezTo>
                      <a:pt x="8391" y="13852"/>
                      <a:pt x="8265" y="13852"/>
                      <a:pt x="8161" y="13852"/>
                    </a:cubicBezTo>
                    <a:cubicBezTo>
                      <a:pt x="7721" y="13831"/>
                      <a:pt x="7428" y="14062"/>
                      <a:pt x="7177" y="14292"/>
                    </a:cubicBezTo>
                    <a:cubicBezTo>
                      <a:pt x="7177" y="14375"/>
                      <a:pt x="7135" y="14438"/>
                      <a:pt x="7177" y="14438"/>
                    </a:cubicBezTo>
                    <a:cubicBezTo>
                      <a:pt x="7324" y="14543"/>
                      <a:pt x="7470" y="14668"/>
                      <a:pt x="7637" y="14815"/>
                    </a:cubicBezTo>
                    <a:close/>
                    <a:moveTo>
                      <a:pt x="20087" y="9458"/>
                    </a:moveTo>
                    <a:cubicBezTo>
                      <a:pt x="19417" y="9458"/>
                      <a:pt x="19145" y="9688"/>
                      <a:pt x="19166" y="10358"/>
                    </a:cubicBezTo>
                    <a:cubicBezTo>
                      <a:pt x="19208" y="10818"/>
                      <a:pt x="19564" y="11237"/>
                      <a:pt x="20024" y="11258"/>
                    </a:cubicBezTo>
                    <a:cubicBezTo>
                      <a:pt x="20401" y="11300"/>
                      <a:pt x="20882" y="10902"/>
                      <a:pt x="20987" y="10463"/>
                    </a:cubicBezTo>
                    <a:cubicBezTo>
                      <a:pt x="21112" y="9835"/>
                      <a:pt x="20819" y="9479"/>
                      <a:pt x="20192" y="9437"/>
                    </a:cubicBezTo>
                    <a:cubicBezTo>
                      <a:pt x="20150" y="9458"/>
                      <a:pt x="20129" y="9458"/>
                      <a:pt x="20087" y="9458"/>
                    </a:cubicBezTo>
                    <a:close/>
                    <a:moveTo>
                      <a:pt x="5106" y="10316"/>
                    </a:moveTo>
                    <a:lnTo>
                      <a:pt x="5106" y="10546"/>
                    </a:lnTo>
                    <a:cubicBezTo>
                      <a:pt x="5127" y="11049"/>
                      <a:pt x="5336" y="11258"/>
                      <a:pt x="5838" y="11279"/>
                    </a:cubicBezTo>
                    <a:cubicBezTo>
                      <a:pt x="6382" y="11321"/>
                      <a:pt x="6612" y="11111"/>
                      <a:pt x="6675" y="10588"/>
                    </a:cubicBezTo>
                    <a:cubicBezTo>
                      <a:pt x="6696" y="10400"/>
                      <a:pt x="6675" y="10191"/>
                      <a:pt x="6654" y="10002"/>
                    </a:cubicBezTo>
                    <a:cubicBezTo>
                      <a:pt x="6591" y="9709"/>
                      <a:pt x="6424" y="9563"/>
                      <a:pt x="6131" y="9542"/>
                    </a:cubicBezTo>
                    <a:cubicBezTo>
                      <a:pt x="5964" y="9500"/>
                      <a:pt x="5796" y="9542"/>
                      <a:pt x="5629" y="9542"/>
                    </a:cubicBezTo>
                    <a:cubicBezTo>
                      <a:pt x="5420" y="9563"/>
                      <a:pt x="5273" y="9688"/>
                      <a:pt x="5210" y="9898"/>
                    </a:cubicBezTo>
                    <a:cubicBezTo>
                      <a:pt x="5127" y="10065"/>
                      <a:pt x="5106" y="10212"/>
                      <a:pt x="5106" y="10316"/>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1" name="Google Shape;291;p35">
                <a:extLst>
                  <a:ext uri="{FF2B5EF4-FFF2-40B4-BE49-F238E27FC236}">
                    <a16:creationId xmlns:a16="http://schemas.microsoft.com/office/drawing/2014/main" id="{558C1EB9-E5CE-2C9C-312A-26EAF0D5EA72}"/>
                  </a:ext>
                </a:extLst>
              </p:cNvPr>
              <p:cNvSpPr/>
              <p:nvPr/>
            </p:nvSpPr>
            <p:spPr>
              <a:xfrm>
                <a:off x="6296700" y="2560988"/>
                <a:ext cx="90000" cy="127125"/>
              </a:xfrm>
              <a:custGeom>
                <a:avLst/>
                <a:gdLst/>
                <a:ahLst/>
                <a:cxnLst/>
                <a:rect l="l" t="t" r="r" b="b"/>
                <a:pathLst>
                  <a:path w="3600" h="5085" extrusionOk="0">
                    <a:moveTo>
                      <a:pt x="2114" y="21"/>
                    </a:moveTo>
                    <a:cubicBezTo>
                      <a:pt x="2177" y="105"/>
                      <a:pt x="2219" y="126"/>
                      <a:pt x="2219" y="168"/>
                    </a:cubicBezTo>
                    <a:cubicBezTo>
                      <a:pt x="2700" y="607"/>
                      <a:pt x="2909" y="1130"/>
                      <a:pt x="2930" y="1800"/>
                    </a:cubicBezTo>
                    <a:cubicBezTo>
                      <a:pt x="2993" y="2720"/>
                      <a:pt x="3118" y="3599"/>
                      <a:pt x="3453" y="4478"/>
                    </a:cubicBezTo>
                    <a:cubicBezTo>
                      <a:pt x="3516" y="4624"/>
                      <a:pt x="3537" y="4792"/>
                      <a:pt x="3599" y="5022"/>
                    </a:cubicBezTo>
                    <a:cubicBezTo>
                      <a:pt x="3411" y="5043"/>
                      <a:pt x="3286" y="5085"/>
                      <a:pt x="3181" y="5043"/>
                    </a:cubicBezTo>
                    <a:cubicBezTo>
                      <a:pt x="2658" y="4938"/>
                      <a:pt x="2093" y="4896"/>
                      <a:pt x="1633" y="4687"/>
                    </a:cubicBezTo>
                    <a:cubicBezTo>
                      <a:pt x="1047" y="4415"/>
                      <a:pt x="524" y="4059"/>
                      <a:pt x="273" y="3369"/>
                    </a:cubicBezTo>
                    <a:cubicBezTo>
                      <a:pt x="42" y="2720"/>
                      <a:pt x="1" y="2093"/>
                      <a:pt x="63" y="1465"/>
                    </a:cubicBezTo>
                    <a:cubicBezTo>
                      <a:pt x="84" y="1235"/>
                      <a:pt x="231" y="1005"/>
                      <a:pt x="356" y="795"/>
                    </a:cubicBezTo>
                    <a:cubicBezTo>
                      <a:pt x="419" y="649"/>
                      <a:pt x="586" y="544"/>
                      <a:pt x="691" y="419"/>
                    </a:cubicBezTo>
                    <a:cubicBezTo>
                      <a:pt x="942" y="105"/>
                      <a:pt x="1277" y="0"/>
                      <a:pt x="1654" y="63"/>
                    </a:cubicBezTo>
                    <a:cubicBezTo>
                      <a:pt x="1800" y="21"/>
                      <a:pt x="1926" y="21"/>
                      <a:pt x="2114" y="21"/>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 name="Google Shape;292;p35">
                <a:extLst>
                  <a:ext uri="{FF2B5EF4-FFF2-40B4-BE49-F238E27FC236}">
                    <a16:creationId xmlns:a16="http://schemas.microsoft.com/office/drawing/2014/main" id="{28427F9F-B11D-A5B8-5747-E74DB589734F}"/>
                  </a:ext>
                </a:extLst>
              </p:cNvPr>
              <p:cNvSpPr/>
              <p:nvPr/>
            </p:nvSpPr>
            <p:spPr>
              <a:xfrm>
                <a:off x="7121100" y="2575638"/>
                <a:ext cx="102025" cy="117200"/>
              </a:xfrm>
              <a:custGeom>
                <a:avLst/>
                <a:gdLst/>
                <a:ahLst/>
                <a:cxnLst/>
                <a:rect l="l" t="t" r="r" b="b"/>
                <a:pathLst>
                  <a:path w="4081" h="4688" extrusionOk="0">
                    <a:moveTo>
                      <a:pt x="2365" y="188"/>
                    </a:moveTo>
                    <a:cubicBezTo>
                      <a:pt x="3097" y="0"/>
                      <a:pt x="3515" y="377"/>
                      <a:pt x="3934" y="774"/>
                    </a:cubicBezTo>
                    <a:cubicBezTo>
                      <a:pt x="4080" y="1360"/>
                      <a:pt x="3892" y="1904"/>
                      <a:pt x="3766" y="2427"/>
                    </a:cubicBezTo>
                    <a:cubicBezTo>
                      <a:pt x="3725" y="2553"/>
                      <a:pt x="3662" y="2678"/>
                      <a:pt x="3557" y="2783"/>
                    </a:cubicBezTo>
                    <a:cubicBezTo>
                      <a:pt x="2846" y="3515"/>
                      <a:pt x="2114" y="4227"/>
                      <a:pt x="1109" y="4561"/>
                    </a:cubicBezTo>
                    <a:cubicBezTo>
                      <a:pt x="837" y="4666"/>
                      <a:pt x="565" y="4687"/>
                      <a:pt x="272" y="4645"/>
                    </a:cubicBezTo>
                    <a:cubicBezTo>
                      <a:pt x="168" y="4624"/>
                      <a:pt x="105" y="4541"/>
                      <a:pt x="0" y="4436"/>
                    </a:cubicBezTo>
                    <a:cubicBezTo>
                      <a:pt x="147" y="4122"/>
                      <a:pt x="335" y="3808"/>
                      <a:pt x="461" y="3515"/>
                    </a:cubicBezTo>
                    <a:cubicBezTo>
                      <a:pt x="733" y="2909"/>
                      <a:pt x="1005" y="2344"/>
                      <a:pt x="1256" y="1737"/>
                    </a:cubicBezTo>
                    <a:cubicBezTo>
                      <a:pt x="1402" y="1318"/>
                      <a:pt x="1590" y="900"/>
                      <a:pt x="1967" y="649"/>
                    </a:cubicBezTo>
                    <a:cubicBezTo>
                      <a:pt x="2114" y="523"/>
                      <a:pt x="2239" y="335"/>
                      <a:pt x="2365" y="188"/>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3" name="Google Shape;293;p35">
                <a:extLst>
                  <a:ext uri="{FF2B5EF4-FFF2-40B4-BE49-F238E27FC236}">
                    <a16:creationId xmlns:a16="http://schemas.microsoft.com/office/drawing/2014/main" id="{2449EA91-DA36-CF46-57F6-5724FEA6280D}"/>
                  </a:ext>
                </a:extLst>
              </p:cNvPr>
              <p:cNvSpPr/>
              <p:nvPr/>
            </p:nvSpPr>
            <p:spPr>
              <a:xfrm>
                <a:off x="6118325" y="2812588"/>
                <a:ext cx="1236625" cy="755375"/>
              </a:xfrm>
              <a:custGeom>
                <a:avLst/>
                <a:gdLst/>
                <a:ahLst/>
                <a:cxnLst/>
                <a:rect l="l" t="t" r="r" b="b"/>
                <a:pathLst>
                  <a:path w="49465" h="30215" extrusionOk="0">
                    <a:moveTo>
                      <a:pt x="1926" y="524"/>
                    </a:moveTo>
                    <a:cubicBezTo>
                      <a:pt x="2344" y="231"/>
                      <a:pt x="2783" y="189"/>
                      <a:pt x="3244" y="210"/>
                    </a:cubicBezTo>
                    <a:cubicBezTo>
                      <a:pt x="4060" y="231"/>
                      <a:pt x="4897" y="273"/>
                      <a:pt x="5713" y="273"/>
                    </a:cubicBezTo>
                    <a:cubicBezTo>
                      <a:pt x="6152" y="273"/>
                      <a:pt x="6633" y="273"/>
                      <a:pt x="7073" y="231"/>
                    </a:cubicBezTo>
                    <a:cubicBezTo>
                      <a:pt x="9249" y="63"/>
                      <a:pt x="11446" y="42"/>
                      <a:pt x="13601" y="1"/>
                    </a:cubicBezTo>
                    <a:lnTo>
                      <a:pt x="13978" y="1"/>
                    </a:lnTo>
                    <a:cubicBezTo>
                      <a:pt x="14396" y="482"/>
                      <a:pt x="15024" y="733"/>
                      <a:pt x="15359" y="1340"/>
                    </a:cubicBezTo>
                    <a:cubicBezTo>
                      <a:pt x="15254" y="1402"/>
                      <a:pt x="15170" y="1444"/>
                      <a:pt x="15108" y="1423"/>
                    </a:cubicBezTo>
                    <a:cubicBezTo>
                      <a:pt x="14333" y="1277"/>
                      <a:pt x="13664" y="1653"/>
                      <a:pt x="12931" y="1737"/>
                    </a:cubicBezTo>
                    <a:cubicBezTo>
                      <a:pt x="12848" y="1737"/>
                      <a:pt x="12764" y="1779"/>
                      <a:pt x="12701" y="1842"/>
                    </a:cubicBezTo>
                    <a:cubicBezTo>
                      <a:pt x="12178" y="2177"/>
                      <a:pt x="11571" y="2177"/>
                      <a:pt x="10965" y="2177"/>
                    </a:cubicBezTo>
                    <a:cubicBezTo>
                      <a:pt x="9374" y="2156"/>
                      <a:pt x="7784" y="2114"/>
                      <a:pt x="6215" y="2093"/>
                    </a:cubicBezTo>
                    <a:cubicBezTo>
                      <a:pt x="5734" y="2093"/>
                      <a:pt x="4583" y="2386"/>
                      <a:pt x="4248" y="2574"/>
                    </a:cubicBezTo>
                    <a:cubicBezTo>
                      <a:pt x="3955" y="2700"/>
                      <a:pt x="3809" y="2909"/>
                      <a:pt x="3809" y="3223"/>
                    </a:cubicBezTo>
                    <a:cubicBezTo>
                      <a:pt x="3809" y="3369"/>
                      <a:pt x="3767" y="3558"/>
                      <a:pt x="3767" y="3746"/>
                    </a:cubicBezTo>
                    <a:cubicBezTo>
                      <a:pt x="3704" y="7094"/>
                      <a:pt x="3600" y="10441"/>
                      <a:pt x="3516" y="13789"/>
                    </a:cubicBezTo>
                    <a:cubicBezTo>
                      <a:pt x="3516" y="14229"/>
                      <a:pt x="3495" y="14668"/>
                      <a:pt x="3328" y="15128"/>
                    </a:cubicBezTo>
                    <a:cubicBezTo>
                      <a:pt x="3244" y="15358"/>
                      <a:pt x="3244" y="15610"/>
                      <a:pt x="3223" y="15882"/>
                    </a:cubicBezTo>
                    <a:cubicBezTo>
                      <a:pt x="3181" y="18288"/>
                      <a:pt x="3139" y="20694"/>
                      <a:pt x="3097" y="23121"/>
                    </a:cubicBezTo>
                    <a:cubicBezTo>
                      <a:pt x="3097" y="23268"/>
                      <a:pt x="3035" y="23435"/>
                      <a:pt x="3097" y="23540"/>
                    </a:cubicBezTo>
                    <a:cubicBezTo>
                      <a:pt x="3432" y="24272"/>
                      <a:pt x="3202" y="25067"/>
                      <a:pt x="3348" y="25820"/>
                    </a:cubicBezTo>
                    <a:cubicBezTo>
                      <a:pt x="3390" y="25946"/>
                      <a:pt x="3307" y="26092"/>
                      <a:pt x="3286" y="26218"/>
                    </a:cubicBezTo>
                    <a:cubicBezTo>
                      <a:pt x="3202" y="26657"/>
                      <a:pt x="3076" y="27097"/>
                      <a:pt x="3014" y="27557"/>
                    </a:cubicBezTo>
                    <a:cubicBezTo>
                      <a:pt x="2993" y="27892"/>
                      <a:pt x="3181" y="28101"/>
                      <a:pt x="3516" y="28122"/>
                    </a:cubicBezTo>
                    <a:cubicBezTo>
                      <a:pt x="3704" y="28143"/>
                      <a:pt x="3913" y="28143"/>
                      <a:pt x="4123" y="28143"/>
                    </a:cubicBezTo>
                    <a:cubicBezTo>
                      <a:pt x="4918" y="28185"/>
                      <a:pt x="5755" y="28185"/>
                      <a:pt x="6571" y="28206"/>
                    </a:cubicBezTo>
                    <a:cubicBezTo>
                      <a:pt x="6989" y="28206"/>
                      <a:pt x="7408" y="28206"/>
                      <a:pt x="7826" y="28394"/>
                    </a:cubicBezTo>
                    <a:cubicBezTo>
                      <a:pt x="8035" y="28457"/>
                      <a:pt x="8265" y="28457"/>
                      <a:pt x="8517" y="28457"/>
                    </a:cubicBezTo>
                    <a:cubicBezTo>
                      <a:pt x="9312" y="28498"/>
                      <a:pt x="10149" y="28519"/>
                      <a:pt x="10965" y="28519"/>
                    </a:cubicBezTo>
                    <a:cubicBezTo>
                      <a:pt x="11341" y="28519"/>
                      <a:pt x="11697" y="28498"/>
                      <a:pt x="12074" y="28436"/>
                    </a:cubicBezTo>
                    <a:cubicBezTo>
                      <a:pt x="13434" y="28206"/>
                      <a:pt x="14794" y="28394"/>
                      <a:pt x="16154" y="28352"/>
                    </a:cubicBezTo>
                    <a:cubicBezTo>
                      <a:pt x="16196" y="28352"/>
                      <a:pt x="16279" y="28352"/>
                      <a:pt x="16300" y="28394"/>
                    </a:cubicBezTo>
                    <a:cubicBezTo>
                      <a:pt x="17032" y="28729"/>
                      <a:pt x="17786" y="28624"/>
                      <a:pt x="18560" y="28645"/>
                    </a:cubicBezTo>
                    <a:cubicBezTo>
                      <a:pt x="23854" y="28729"/>
                      <a:pt x="29168" y="28833"/>
                      <a:pt x="34483" y="28917"/>
                    </a:cubicBezTo>
                    <a:cubicBezTo>
                      <a:pt x="35236" y="28917"/>
                      <a:pt x="35989" y="28959"/>
                      <a:pt x="36763" y="28729"/>
                    </a:cubicBezTo>
                    <a:cubicBezTo>
                      <a:pt x="36973" y="28666"/>
                      <a:pt x="37224" y="28708"/>
                      <a:pt x="37412" y="28770"/>
                    </a:cubicBezTo>
                    <a:cubicBezTo>
                      <a:pt x="37768" y="28938"/>
                      <a:pt x="38123" y="28938"/>
                      <a:pt x="38479" y="28938"/>
                    </a:cubicBezTo>
                    <a:cubicBezTo>
                      <a:pt x="38898" y="28938"/>
                      <a:pt x="39337" y="28959"/>
                      <a:pt x="39756" y="28959"/>
                    </a:cubicBezTo>
                    <a:cubicBezTo>
                      <a:pt x="39923" y="28959"/>
                      <a:pt x="40132" y="28980"/>
                      <a:pt x="40258" y="28917"/>
                    </a:cubicBezTo>
                    <a:cubicBezTo>
                      <a:pt x="40676" y="28666"/>
                      <a:pt x="41157" y="28729"/>
                      <a:pt x="41597" y="28750"/>
                    </a:cubicBezTo>
                    <a:cubicBezTo>
                      <a:pt x="42455" y="28750"/>
                      <a:pt x="43292" y="28770"/>
                      <a:pt x="44149" y="28770"/>
                    </a:cubicBezTo>
                    <a:cubicBezTo>
                      <a:pt x="44359" y="28770"/>
                      <a:pt x="44568" y="28833"/>
                      <a:pt x="44735" y="28750"/>
                    </a:cubicBezTo>
                    <a:cubicBezTo>
                      <a:pt x="45258" y="28457"/>
                      <a:pt x="45865" y="28603"/>
                      <a:pt x="46409" y="28498"/>
                    </a:cubicBezTo>
                    <a:cubicBezTo>
                      <a:pt x="46535" y="28457"/>
                      <a:pt x="46660" y="28519"/>
                      <a:pt x="46807" y="28540"/>
                    </a:cubicBezTo>
                    <a:cubicBezTo>
                      <a:pt x="47351" y="28666"/>
                      <a:pt x="47748" y="28394"/>
                      <a:pt x="47811" y="27808"/>
                    </a:cubicBezTo>
                    <a:cubicBezTo>
                      <a:pt x="47853" y="27578"/>
                      <a:pt x="47853" y="27369"/>
                      <a:pt x="47853" y="27138"/>
                    </a:cubicBezTo>
                    <a:cubicBezTo>
                      <a:pt x="47853" y="26657"/>
                      <a:pt x="47811" y="26155"/>
                      <a:pt x="48062" y="25716"/>
                    </a:cubicBezTo>
                    <a:cubicBezTo>
                      <a:pt x="48167" y="25527"/>
                      <a:pt x="48125" y="25276"/>
                      <a:pt x="48125" y="25046"/>
                    </a:cubicBezTo>
                    <a:cubicBezTo>
                      <a:pt x="48167" y="24565"/>
                      <a:pt x="48125" y="24063"/>
                      <a:pt x="48167" y="23602"/>
                    </a:cubicBezTo>
                    <a:cubicBezTo>
                      <a:pt x="48167" y="23435"/>
                      <a:pt x="48230" y="23268"/>
                      <a:pt x="48292" y="23121"/>
                    </a:cubicBezTo>
                    <a:cubicBezTo>
                      <a:pt x="48376" y="22954"/>
                      <a:pt x="48585" y="23017"/>
                      <a:pt x="48732" y="22975"/>
                    </a:cubicBezTo>
                    <a:cubicBezTo>
                      <a:pt x="48962" y="22891"/>
                      <a:pt x="49171" y="22786"/>
                      <a:pt x="49443" y="22661"/>
                    </a:cubicBezTo>
                    <a:cubicBezTo>
                      <a:pt x="49464" y="22807"/>
                      <a:pt x="49464" y="22912"/>
                      <a:pt x="49464" y="23017"/>
                    </a:cubicBezTo>
                    <a:cubicBezTo>
                      <a:pt x="49443" y="24314"/>
                      <a:pt x="49422" y="25590"/>
                      <a:pt x="49380" y="26846"/>
                    </a:cubicBezTo>
                    <a:cubicBezTo>
                      <a:pt x="49380" y="26992"/>
                      <a:pt x="49422" y="27201"/>
                      <a:pt x="49339" y="27348"/>
                    </a:cubicBezTo>
                    <a:cubicBezTo>
                      <a:pt x="49025" y="27996"/>
                      <a:pt x="49129" y="28666"/>
                      <a:pt x="49067" y="29356"/>
                    </a:cubicBezTo>
                    <a:cubicBezTo>
                      <a:pt x="49067" y="29566"/>
                      <a:pt x="49067" y="29754"/>
                      <a:pt x="49025" y="29963"/>
                    </a:cubicBezTo>
                    <a:cubicBezTo>
                      <a:pt x="49004" y="30068"/>
                      <a:pt x="48815" y="30214"/>
                      <a:pt x="48732" y="30193"/>
                    </a:cubicBezTo>
                    <a:cubicBezTo>
                      <a:pt x="48083" y="30089"/>
                      <a:pt x="47434" y="30214"/>
                      <a:pt x="46807" y="29963"/>
                    </a:cubicBezTo>
                    <a:cubicBezTo>
                      <a:pt x="46556" y="29859"/>
                      <a:pt x="46305" y="29879"/>
                      <a:pt x="46033" y="29859"/>
                    </a:cubicBezTo>
                    <a:cubicBezTo>
                      <a:pt x="42015" y="29775"/>
                      <a:pt x="37977" y="29691"/>
                      <a:pt x="33960" y="29649"/>
                    </a:cubicBezTo>
                    <a:cubicBezTo>
                      <a:pt x="33269" y="29649"/>
                      <a:pt x="32600" y="29754"/>
                      <a:pt x="31909" y="29775"/>
                    </a:cubicBezTo>
                    <a:cubicBezTo>
                      <a:pt x="30445" y="29796"/>
                      <a:pt x="28959" y="29775"/>
                      <a:pt x="27494" y="29796"/>
                    </a:cubicBezTo>
                    <a:cubicBezTo>
                      <a:pt x="26887" y="29796"/>
                      <a:pt x="26302" y="29817"/>
                      <a:pt x="25716" y="29900"/>
                    </a:cubicBezTo>
                    <a:cubicBezTo>
                      <a:pt x="25172" y="29984"/>
                      <a:pt x="24649" y="30005"/>
                      <a:pt x="24105" y="30005"/>
                    </a:cubicBezTo>
                    <a:cubicBezTo>
                      <a:pt x="17723" y="29900"/>
                      <a:pt x="11341" y="29796"/>
                      <a:pt x="4918" y="29691"/>
                    </a:cubicBezTo>
                    <a:cubicBezTo>
                      <a:pt x="4395" y="29691"/>
                      <a:pt x="3913" y="29649"/>
                      <a:pt x="3411" y="29859"/>
                    </a:cubicBezTo>
                    <a:cubicBezTo>
                      <a:pt x="3286" y="29900"/>
                      <a:pt x="3118" y="29921"/>
                      <a:pt x="2993" y="29921"/>
                    </a:cubicBezTo>
                    <a:cubicBezTo>
                      <a:pt x="2260" y="29921"/>
                      <a:pt x="1528" y="29900"/>
                      <a:pt x="775" y="29900"/>
                    </a:cubicBezTo>
                    <a:cubicBezTo>
                      <a:pt x="587" y="29649"/>
                      <a:pt x="419" y="29398"/>
                      <a:pt x="273" y="29168"/>
                    </a:cubicBezTo>
                    <a:cubicBezTo>
                      <a:pt x="63" y="28854"/>
                      <a:pt x="1" y="28498"/>
                      <a:pt x="1" y="28122"/>
                    </a:cubicBezTo>
                    <a:cubicBezTo>
                      <a:pt x="43" y="27348"/>
                      <a:pt x="43" y="26532"/>
                      <a:pt x="43" y="25737"/>
                    </a:cubicBezTo>
                    <a:lnTo>
                      <a:pt x="43" y="25674"/>
                    </a:lnTo>
                    <a:cubicBezTo>
                      <a:pt x="294" y="24523"/>
                      <a:pt x="315" y="23372"/>
                      <a:pt x="461" y="22221"/>
                    </a:cubicBezTo>
                    <a:cubicBezTo>
                      <a:pt x="461" y="22117"/>
                      <a:pt x="503" y="22012"/>
                      <a:pt x="566" y="21866"/>
                    </a:cubicBezTo>
                    <a:cubicBezTo>
                      <a:pt x="796" y="21803"/>
                      <a:pt x="1047" y="21719"/>
                      <a:pt x="1256" y="21615"/>
                    </a:cubicBezTo>
                    <a:cubicBezTo>
                      <a:pt x="1465" y="21510"/>
                      <a:pt x="1507" y="21175"/>
                      <a:pt x="1298" y="21029"/>
                    </a:cubicBezTo>
                    <a:cubicBezTo>
                      <a:pt x="1089" y="20882"/>
                      <a:pt x="879" y="20778"/>
                      <a:pt x="628" y="20652"/>
                    </a:cubicBezTo>
                    <a:cubicBezTo>
                      <a:pt x="628" y="20234"/>
                      <a:pt x="670" y="19836"/>
                      <a:pt x="670" y="19459"/>
                    </a:cubicBezTo>
                    <a:cubicBezTo>
                      <a:pt x="879" y="19397"/>
                      <a:pt x="942" y="19543"/>
                      <a:pt x="1047" y="19627"/>
                    </a:cubicBezTo>
                    <a:cubicBezTo>
                      <a:pt x="1319" y="19857"/>
                      <a:pt x="1612" y="20129"/>
                      <a:pt x="1863" y="20380"/>
                    </a:cubicBezTo>
                    <a:cubicBezTo>
                      <a:pt x="2051" y="20548"/>
                      <a:pt x="2281" y="20568"/>
                      <a:pt x="2511" y="20485"/>
                    </a:cubicBezTo>
                    <a:cubicBezTo>
                      <a:pt x="2783" y="20401"/>
                      <a:pt x="2909" y="20087"/>
                      <a:pt x="2721" y="19857"/>
                    </a:cubicBezTo>
                    <a:cubicBezTo>
                      <a:pt x="2595" y="19669"/>
                      <a:pt x="2449" y="19501"/>
                      <a:pt x="2260" y="19397"/>
                    </a:cubicBezTo>
                    <a:cubicBezTo>
                      <a:pt x="1842" y="19125"/>
                      <a:pt x="1549" y="18727"/>
                      <a:pt x="1151" y="18351"/>
                    </a:cubicBezTo>
                    <a:cubicBezTo>
                      <a:pt x="1549" y="18204"/>
                      <a:pt x="1884" y="18079"/>
                      <a:pt x="2239" y="17953"/>
                    </a:cubicBezTo>
                    <a:cubicBezTo>
                      <a:pt x="2449" y="17869"/>
                      <a:pt x="2574" y="17723"/>
                      <a:pt x="2574" y="17514"/>
                    </a:cubicBezTo>
                    <a:cubicBezTo>
                      <a:pt x="2574" y="17263"/>
                      <a:pt x="2386" y="17095"/>
                      <a:pt x="2135" y="17095"/>
                    </a:cubicBezTo>
                    <a:cubicBezTo>
                      <a:pt x="1884" y="17095"/>
                      <a:pt x="1633" y="17137"/>
                      <a:pt x="1403" y="17200"/>
                    </a:cubicBezTo>
                    <a:cubicBezTo>
                      <a:pt x="1235" y="17221"/>
                      <a:pt x="1089" y="17242"/>
                      <a:pt x="838" y="17263"/>
                    </a:cubicBezTo>
                    <a:cubicBezTo>
                      <a:pt x="838" y="17032"/>
                      <a:pt x="817" y="16823"/>
                      <a:pt x="838" y="16635"/>
                    </a:cubicBezTo>
                    <a:cubicBezTo>
                      <a:pt x="1005" y="15651"/>
                      <a:pt x="1005" y="14647"/>
                      <a:pt x="1005" y="13664"/>
                    </a:cubicBezTo>
                    <a:cubicBezTo>
                      <a:pt x="1026" y="11446"/>
                      <a:pt x="1047" y="9249"/>
                      <a:pt x="1110" y="7010"/>
                    </a:cubicBezTo>
                    <a:cubicBezTo>
                      <a:pt x="1110" y="6633"/>
                      <a:pt x="1131" y="6215"/>
                      <a:pt x="1214" y="5838"/>
                    </a:cubicBezTo>
                    <a:cubicBezTo>
                      <a:pt x="1361" y="5190"/>
                      <a:pt x="1403" y="4562"/>
                      <a:pt x="1403" y="3913"/>
                    </a:cubicBezTo>
                    <a:cubicBezTo>
                      <a:pt x="1403" y="3327"/>
                      <a:pt x="1423" y="2783"/>
                      <a:pt x="1423" y="2198"/>
                    </a:cubicBezTo>
                    <a:cubicBezTo>
                      <a:pt x="1612" y="1633"/>
                      <a:pt x="1654" y="1089"/>
                      <a:pt x="1926" y="524"/>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4" name="Google Shape;294;p35">
                <a:extLst>
                  <a:ext uri="{FF2B5EF4-FFF2-40B4-BE49-F238E27FC236}">
                    <a16:creationId xmlns:a16="http://schemas.microsoft.com/office/drawing/2014/main" id="{95C848C5-44C9-72B7-3748-BE563D4C3B70}"/>
                  </a:ext>
                </a:extLst>
              </p:cNvPr>
              <p:cNvSpPr/>
              <p:nvPr/>
            </p:nvSpPr>
            <p:spPr>
              <a:xfrm>
                <a:off x="6988750" y="2802638"/>
                <a:ext cx="413800" cy="484950"/>
              </a:xfrm>
              <a:custGeom>
                <a:avLst/>
                <a:gdLst/>
                <a:ahLst/>
                <a:cxnLst/>
                <a:rect l="l" t="t" r="r" b="b"/>
                <a:pathLst>
                  <a:path w="16552" h="19398" extrusionOk="0">
                    <a:moveTo>
                      <a:pt x="15547" y="19272"/>
                    </a:moveTo>
                    <a:cubicBezTo>
                      <a:pt x="14940" y="19272"/>
                      <a:pt x="14354" y="19397"/>
                      <a:pt x="13789" y="19021"/>
                    </a:cubicBezTo>
                    <a:cubicBezTo>
                      <a:pt x="13810" y="18853"/>
                      <a:pt x="13789" y="18644"/>
                      <a:pt x="13831" y="18456"/>
                    </a:cubicBezTo>
                    <a:cubicBezTo>
                      <a:pt x="14019" y="17849"/>
                      <a:pt x="14082" y="17221"/>
                      <a:pt x="14082" y="16593"/>
                    </a:cubicBezTo>
                    <a:cubicBezTo>
                      <a:pt x="14103" y="14208"/>
                      <a:pt x="14124" y="11823"/>
                      <a:pt x="14124" y="9458"/>
                    </a:cubicBezTo>
                    <a:cubicBezTo>
                      <a:pt x="14124" y="8726"/>
                      <a:pt x="14082" y="7994"/>
                      <a:pt x="14229" y="7261"/>
                    </a:cubicBezTo>
                    <a:cubicBezTo>
                      <a:pt x="14312" y="6948"/>
                      <a:pt x="14333" y="6655"/>
                      <a:pt x="14417" y="6341"/>
                    </a:cubicBezTo>
                    <a:cubicBezTo>
                      <a:pt x="14563" y="5692"/>
                      <a:pt x="14542" y="5044"/>
                      <a:pt x="14522" y="4416"/>
                    </a:cubicBezTo>
                    <a:cubicBezTo>
                      <a:pt x="14522" y="4060"/>
                      <a:pt x="14333" y="3914"/>
                      <a:pt x="13978" y="3893"/>
                    </a:cubicBezTo>
                    <a:cubicBezTo>
                      <a:pt x="13266" y="3809"/>
                      <a:pt x="12597" y="3579"/>
                      <a:pt x="11927" y="3391"/>
                    </a:cubicBezTo>
                    <a:cubicBezTo>
                      <a:pt x="11111" y="3181"/>
                      <a:pt x="10274" y="3014"/>
                      <a:pt x="9500" y="2742"/>
                    </a:cubicBezTo>
                    <a:cubicBezTo>
                      <a:pt x="8579" y="2386"/>
                      <a:pt x="7659" y="2470"/>
                      <a:pt x="6717" y="2449"/>
                    </a:cubicBezTo>
                    <a:cubicBezTo>
                      <a:pt x="6027" y="2428"/>
                      <a:pt x="5315" y="2428"/>
                      <a:pt x="4604" y="2428"/>
                    </a:cubicBezTo>
                    <a:cubicBezTo>
                      <a:pt x="3955" y="2428"/>
                      <a:pt x="3327" y="2386"/>
                      <a:pt x="2679" y="2240"/>
                    </a:cubicBezTo>
                    <a:cubicBezTo>
                      <a:pt x="2177" y="2093"/>
                      <a:pt x="1654" y="2156"/>
                      <a:pt x="1151" y="2135"/>
                    </a:cubicBezTo>
                    <a:cubicBezTo>
                      <a:pt x="817" y="2093"/>
                      <a:pt x="503" y="2093"/>
                      <a:pt x="1" y="2072"/>
                    </a:cubicBezTo>
                    <a:cubicBezTo>
                      <a:pt x="524" y="1654"/>
                      <a:pt x="963" y="1445"/>
                      <a:pt x="1361" y="1152"/>
                    </a:cubicBezTo>
                    <a:cubicBezTo>
                      <a:pt x="1758" y="838"/>
                      <a:pt x="2093" y="461"/>
                      <a:pt x="2490" y="85"/>
                    </a:cubicBezTo>
                    <a:cubicBezTo>
                      <a:pt x="3348" y="1"/>
                      <a:pt x="4206" y="168"/>
                      <a:pt x="5085" y="273"/>
                    </a:cubicBezTo>
                    <a:cubicBezTo>
                      <a:pt x="6550" y="440"/>
                      <a:pt x="8014" y="608"/>
                      <a:pt x="9479" y="796"/>
                    </a:cubicBezTo>
                    <a:cubicBezTo>
                      <a:pt x="11278" y="1026"/>
                      <a:pt x="13057" y="1319"/>
                      <a:pt x="14835" y="1717"/>
                    </a:cubicBezTo>
                    <a:cubicBezTo>
                      <a:pt x="15484" y="1842"/>
                      <a:pt x="16070" y="2093"/>
                      <a:pt x="16551" y="2721"/>
                    </a:cubicBezTo>
                    <a:lnTo>
                      <a:pt x="16551" y="3140"/>
                    </a:lnTo>
                    <a:cubicBezTo>
                      <a:pt x="16488" y="5901"/>
                      <a:pt x="16384" y="8642"/>
                      <a:pt x="16300" y="11383"/>
                    </a:cubicBezTo>
                    <a:cubicBezTo>
                      <a:pt x="16279" y="12430"/>
                      <a:pt x="16279" y="13476"/>
                      <a:pt x="16237" y="14522"/>
                    </a:cubicBezTo>
                    <a:cubicBezTo>
                      <a:pt x="16237" y="15003"/>
                      <a:pt x="16279" y="15505"/>
                      <a:pt x="16028" y="15945"/>
                    </a:cubicBezTo>
                    <a:cubicBezTo>
                      <a:pt x="16007" y="15987"/>
                      <a:pt x="15986" y="16049"/>
                      <a:pt x="16007" y="16091"/>
                    </a:cubicBezTo>
                    <a:cubicBezTo>
                      <a:pt x="16091" y="17075"/>
                      <a:pt x="15651" y="17974"/>
                      <a:pt x="15672" y="18958"/>
                    </a:cubicBezTo>
                    <a:cubicBezTo>
                      <a:pt x="15610" y="19021"/>
                      <a:pt x="15568" y="19104"/>
                      <a:pt x="15547" y="19272"/>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5" name="Google Shape;295;p35">
                <a:extLst>
                  <a:ext uri="{FF2B5EF4-FFF2-40B4-BE49-F238E27FC236}">
                    <a16:creationId xmlns:a16="http://schemas.microsoft.com/office/drawing/2014/main" id="{195BBCC2-1888-7A83-89F4-EC60D782663A}"/>
                  </a:ext>
                </a:extLst>
              </p:cNvPr>
              <p:cNvSpPr/>
              <p:nvPr/>
            </p:nvSpPr>
            <p:spPr>
              <a:xfrm>
                <a:off x="7331375" y="3344563"/>
                <a:ext cx="30875" cy="21475"/>
              </a:xfrm>
              <a:custGeom>
                <a:avLst/>
                <a:gdLst/>
                <a:ahLst/>
                <a:cxnLst/>
                <a:rect l="l" t="t" r="r" b="b"/>
                <a:pathLst>
                  <a:path w="1235" h="859" extrusionOk="0">
                    <a:moveTo>
                      <a:pt x="1" y="754"/>
                    </a:moveTo>
                    <a:cubicBezTo>
                      <a:pt x="21" y="524"/>
                      <a:pt x="21" y="273"/>
                      <a:pt x="63" y="1"/>
                    </a:cubicBezTo>
                    <a:cubicBezTo>
                      <a:pt x="440" y="1"/>
                      <a:pt x="817" y="1"/>
                      <a:pt x="1235" y="22"/>
                    </a:cubicBezTo>
                    <a:cubicBezTo>
                      <a:pt x="1151" y="126"/>
                      <a:pt x="1109" y="252"/>
                      <a:pt x="1026" y="252"/>
                    </a:cubicBezTo>
                    <a:cubicBezTo>
                      <a:pt x="649" y="336"/>
                      <a:pt x="335" y="482"/>
                      <a:pt x="168" y="859"/>
                    </a:cubicBezTo>
                    <a:cubicBezTo>
                      <a:pt x="105" y="838"/>
                      <a:pt x="63" y="796"/>
                      <a:pt x="1" y="754"/>
                    </a:cubicBezTo>
                    <a:close/>
                  </a:path>
                </a:pathLst>
              </a:custGeom>
              <a:solidFill>
                <a:srgbClr val="ACCFD6"/>
              </a:solidFill>
              <a:ln>
                <a:noFill/>
              </a:ln>
            </p:spPr>
            <p:txBody>
              <a:bodyPr spcFirstLastPara="1" wrap="square" lIns="91425" tIns="91425" rIns="91425" bIns="91425" anchor="ctr" anchorCtr="0">
                <a:noAutofit/>
              </a:bodyPr>
              <a:lstStyle/>
              <a:p>
                <a:endParaRPr/>
              </a:p>
            </p:txBody>
          </p:sp>
          <p:sp>
            <p:nvSpPr>
              <p:cNvPr id="26" name="Google Shape;296;p35">
                <a:extLst>
                  <a:ext uri="{FF2B5EF4-FFF2-40B4-BE49-F238E27FC236}">
                    <a16:creationId xmlns:a16="http://schemas.microsoft.com/office/drawing/2014/main" id="{0C7D5E42-212D-D890-CD17-61E70AAF8E5E}"/>
                  </a:ext>
                </a:extLst>
              </p:cNvPr>
              <p:cNvSpPr/>
              <p:nvPr/>
            </p:nvSpPr>
            <p:spPr>
              <a:xfrm>
                <a:off x="7331375" y="3303763"/>
                <a:ext cx="28275" cy="11025"/>
              </a:xfrm>
              <a:custGeom>
                <a:avLst/>
                <a:gdLst/>
                <a:ahLst/>
                <a:cxnLst/>
                <a:rect l="l" t="t" r="r" b="b"/>
                <a:pathLst>
                  <a:path w="1131" h="441" extrusionOk="0">
                    <a:moveTo>
                      <a:pt x="105" y="1"/>
                    </a:moveTo>
                    <a:cubicBezTo>
                      <a:pt x="440" y="64"/>
                      <a:pt x="733" y="84"/>
                      <a:pt x="1130" y="126"/>
                    </a:cubicBezTo>
                    <a:cubicBezTo>
                      <a:pt x="817" y="231"/>
                      <a:pt x="586" y="377"/>
                      <a:pt x="335" y="398"/>
                    </a:cubicBezTo>
                    <a:cubicBezTo>
                      <a:pt x="105" y="440"/>
                      <a:pt x="1" y="315"/>
                      <a:pt x="105" y="1"/>
                    </a:cubicBezTo>
                    <a:close/>
                  </a:path>
                </a:pathLst>
              </a:custGeom>
              <a:solidFill>
                <a:srgbClr val="ACCFD6"/>
              </a:solidFill>
              <a:ln>
                <a:noFill/>
              </a:ln>
            </p:spPr>
            <p:txBody>
              <a:bodyPr spcFirstLastPara="1" wrap="square" lIns="91425" tIns="91425" rIns="91425" bIns="91425" anchor="ctr" anchorCtr="0">
                <a:noAutofit/>
              </a:bodyPr>
              <a:lstStyle/>
              <a:p>
                <a:endParaRPr/>
              </a:p>
            </p:txBody>
          </p:sp>
          <p:sp>
            <p:nvSpPr>
              <p:cNvPr id="27" name="Google Shape;297;p35">
                <a:extLst>
                  <a:ext uri="{FF2B5EF4-FFF2-40B4-BE49-F238E27FC236}">
                    <a16:creationId xmlns:a16="http://schemas.microsoft.com/office/drawing/2014/main" id="{29BD974B-4BE4-2BCE-F6EA-E536E8FC4BBB}"/>
                  </a:ext>
                </a:extLst>
              </p:cNvPr>
              <p:cNvSpPr/>
              <p:nvPr/>
            </p:nvSpPr>
            <p:spPr>
              <a:xfrm>
                <a:off x="6219776" y="2872724"/>
                <a:ext cx="1112625" cy="650900"/>
              </a:xfrm>
              <a:custGeom>
                <a:avLst/>
                <a:gdLst/>
                <a:ahLst/>
                <a:cxnLst/>
                <a:rect l="l" t="t" r="r" b="b"/>
                <a:pathLst>
                  <a:path w="44505" h="26036" extrusionOk="0">
                    <a:moveTo>
                      <a:pt x="12186" y="0"/>
                    </a:moveTo>
                    <a:cubicBezTo>
                      <a:pt x="12086" y="0"/>
                      <a:pt x="11986" y="4"/>
                      <a:pt x="11885" y="13"/>
                    </a:cubicBezTo>
                    <a:cubicBezTo>
                      <a:pt x="11773" y="19"/>
                      <a:pt x="11659" y="22"/>
                      <a:pt x="11545" y="22"/>
                    </a:cubicBezTo>
                    <a:cubicBezTo>
                      <a:pt x="11315" y="22"/>
                      <a:pt x="11083" y="13"/>
                      <a:pt x="10859" y="13"/>
                    </a:cubicBezTo>
                    <a:cubicBezTo>
                      <a:pt x="10148" y="13"/>
                      <a:pt x="9458" y="180"/>
                      <a:pt x="8830" y="473"/>
                    </a:cubicBezTo>
                    <a:cubicBezTo>
                      <a:pt x="8411" y="640"/>
                      <a:pt x="7993" y="724"/>
                      <a:pt x="7512" y="724"/>
                    </a:cubicBezTo>
                    <a:cubicBezTo>
                      <a:pt x="5901" y="661"/>
                      <a:pt x="4269" y="661"/>
                      <a:pt x="2678" y="619"/>
                    </a:cubicBezTo>
                    <a:cubicBezTo>
                      <a:pt x="2651" y="618"/>
                      <a:pt x="2624" y="618"/>
                      <a:pt x="2597" y="618"/>
                    </a:cubicBezTo>
                    <a:cubicBezTo>
                      <a:pt x="1938" y="618"/>
                      <a:pt x="1334" y="855"/>
                      <a:pt x="691" y="996"/>
                    </a:cubicBezTo>
                    <a:cubicBezTo>
                      <a:pt x="628" y="996"/>
                      <a:pt x="607" y="1059"/>
                      <a:pt x="586" y="1080"/>
                    </a:cubicBezTo>
                    <a:cubicBezTo>
                      <a:pt x="586" y="1582"/>
                      <a:pt x="565" y="2063"/>
                      <a:pt x="565" y="2523"/>
                    </a:cubicBezTo>
                    <a:lnTo>
                      <a:pt x="481" y="11562"/>
                    </a:lnTo>
                    <a:cubicBezTo>
                      <a:pt x="481" y="12106"/>
                      <a:pt x="460" y="12629"/>
                      <a:pt x="251" y="13153"/>
                    </a:cubicBezTo>
                    <a:cubicBezTo>
                      <a:pt x="168" y="13362"/>
                      <a:pt x="168" y="13592"/>
                      <a:pt x="168" y="13822"/>
                    </a:cubicBezTo>
                    <a:cubicBezTo>
                      <a:pt x="105" y="16124"/>
                      <a:pt x="84" y="18425"/>
                      <a:pt x="63" y="20727"/>
                    </a:cubicBezTo>
                    <a:cubicBezTo>
                      <a:pt x="63" y="20936"/>
                      <a:pt x="0" y="21145"/>
                      <a:pt x="84" y="21334"/>
                    </a:cubicBezTo>
                    <a:cubicBezTo>
                      <a:pt x="460" y="22129"/>
                      <a:pt x="168" y="22966"/>
                      <a:pt x="398" y="23740"/>
                    </a:cubicBezTo>
                    <a:cubicBezTo>
                      <a:pt x="314" y="24075"/>
                      <a:pt x="398" y="24430"/>
                      <a:pt x="565" y="24744"/>
                    </a:cubicBezTo>
                    <a:cubicBezTo>
                      <a:pt x="607" y="24807"/>
                      <a:pt x="565" y="24933"/>
                      <a:pt x="565" y="25079"/>
                    </a:cubicBezTo>
                    <a:cubicBezTo>
                      <a:pt x="984" y="25079"/>
                      <a:pt x="1339" y="25079"/>
                      <a:pt x="1716" y="25100"/>
                    </a:cubicBezTo>
                    <a:cubicBezTo>
                      <a:pt x="1866" y="25111"/>
                      <a:pt x="2016" y="25114"/>
                      <a:pt x="2166" y="25114"/>
                    </a:cubicBezTo>
                    <a:cubicBezTo>
                      <a:pt x="2396" y="25114"/>
                      <a:pt x="2627" y="25106"/>
                      <a:pt x="2857" y="25106"/>
                    </a:cubicBezTo>
                    <a:cubicBezTo>
                      <a:pt x="3341" y="25106"/>
                      <a:pt x="3822" y="25140"/>
                      <a:pt x="4289" y="25351"/>
                    </a:cubicBezTo>
                    <a:cubicBezTo>
                      <a:pt x="4352" y="25393"/>
                      <a:pt x="4394" y="25393"/>
                      <a:pt x="4457" y="25393"/>
                    </a:cubicBezTo>
                    <a:cubicBezTo>
                      <a:pt x="4591" y="25388"/>
                      <a:pt x="4725" y="25387"/>
                      <a:pt x="4859" y="25387"/>
                    </a:cubicBezTo>
                    <a:cubicBezTo>
                      <a:pt x="5480" y="25387"/>
                      <a:pt x="6096" y="25426"/>
                      <a:pt x="6713" y="25426"/>
                    </a:cubicBezTo>
                    <a:cubicBezTo>
                      <a:pt x="7208" y="25426"/>
                      <a:pt x="7703" y="25401"/>
                      <a:pt x="8202" y="25309"/>
                    </a:cubicBezTo>
                    <a:cubicBezTo>
                      <a:pt x="8537" y="25267"/>
                      <a:pt x="8872" y="25225"/>
                      <a:pt x="9207" y="25225"/>
                    </a:cubicBezTo>
                    <a:cubicBezTo>
                      <a:pt x="10190" y="25225"/>
                      <a:pt x="11152" y="25267"/>
                      <a:pt x="12115" y="25288"/>
                    </a:cubicBezTo>
                    <a:cubicBezTo>
                      <a:pt x="12345" y="25288"/>
                      <a:pt x="12596" y="25288"/>
                      <a:pt x="12764" y="25393"/>
                    </a:cubicBezTo>
                    <a:cubicBezTo>
                      <a:pt x="13161" y="25581"/>
                      <a:pt x="13538" y="25581"/>
                      <a:pt x="13956" y="25581"/>
                    </a:cubicBezTo>
                    <a:cubicBezTo>
                      <a:pt x="16739" y="25623"/>
                      <a:pt x="19564" y="25686"/>
                      <a:pt x="22367" y="25728"/>
                    </a:cubicBezTo>
                    <a:cubicBezTo>
                      <a:pt x="23832" y="25749"/>
                      <a:pt x="25318" y="25790"/>
                      <a:pt x="26782" y="25811"/>
                    </a:cubicBezTo>
                    <a:cubicBezTo>
                      <a:pt x="27089" y="25811"/>
                      <a:pt x="27396" y="25802"/>
                      <a:pt x="27697" y="25802"/>
                    </a:cubicBezTo>
                    <a:cubicBezTo>
                      <a:pt x="27847" y="25802"/>
                      <a:pt x="27996" y="25804"/>
                      <a:pt x="28142" y="25811"/>
                    </a:cubicBezTo>
                    <a:cubicBezTo>
                      <a:pt x="29712" y="25832"/>
                      <a:pt x="31260" y="25895"/>
                      <a:pt x="32829" y="25937"/>
                    </a:cubicBezTo>
                    <a:cubicBezTo>
                      <a:pt x="33373" y="25958"/>
                      <a:pt x="33896" y="26000"/>
                      <a:pt x="34461" y="26000"/>
                    </a:cubicBezTo>
                    <a:cubicBezTo>
                      <a:pt x="34781" y="26000"/>
                      <a:pt x="35101" y="26036"/>
                      <a:pt x="35413" y="26036"/>
                    </a:cubicBezTo>
                    <a:cubicBezTo>
                      <a:pt x="35631" y="26036"/>
                      <a:pt x="35845" y="26018"/>
                      <a:pt x="36052" y="25958"/>
                    </a:cubicBezTo>
                    <a:cubicBezTo>
                      <a:pt x="36462" y="25859"/>
                      <a:pt x="36834" y="25825"/>
                      <a:pt x="37228" y="25825"/>
                    </a:cubicBezTo>
                    <a:cubicBezTo>
                      <a:pt x="37336" y="25825"/>
                      <a:pt x="37445" y="25828"/>
                      <a:pt x="37558" y="25832"/>
                    </a:cubicBezTo>
                    <a:cubicBezTo>
                      <a:pt x="38437" y="25832"/>
                      <a:pt x="39274" y="25895"/>
                      <a:pt x="40132" y="25895"/>
                    </a:cubicBezTo>
                    <a:cubicBezTo>
                      <a:pt x="40362" y="25895"/>
                      <a:pt x="40592" y="25895"/>
                      <a:pt x="40780" y="25811"/>
                    </a:cubicBezTo>
                    <a:cubicBezTo>
                      <a:pt x="41115" y="25686"/>
                      <a:pt x="41429" y="25686"/>
                      <a:pt x="41785" y="25686"/>
                    </a:cubicBezTo>
                    <a:cubicBezTo>
                      <a:pt x="42119" y="25707"/>
                      <a:pt x="42433" y="25728"/>
                      <a:pt x="42789" y="25749"/>
                    </a:cubicBezTo>
                    <a:cubicBezTo>
                      <a:pt x="42977" y="25477"/>
                      <a:pt x="42935" y="25163"/>
                      <a:pt x="42956" y="24849"/>
                    </a:cubicBezTo>
                    <a:cubicBezTo>
                      <a:pt x="42977" y="24472"/>
                      <a:pt x="42894" y="24075"/>
                      <a:pt x="43040" y="23740"/>
                    </a:cubicBezTo>
                    <a:cubicBezTo>
                      <a:pt x="43249" y="23196"/>
                      <a:pt x="43249" y="22652"/>
                      <a:pt x="43270" y="22066"/>
                    </a:cubicBezTo>
                    <a:cubicBezTo>
                      <a:pt x="43291" y="21501"/>
                      <a:pt x="43207" y="20936"/>
                      <a:pt x="43521" y="20413"/>
                    </a:cubicBezTo>
                    <a:cubicBezTo>
                      <a:pt x="43584" y="20308"/>
                      <a:pt x="43584" y="20141"/>
                      <a:pt x="43584" y="19995"/>
                    </a:cubicBezTo>
                    <a:cubicBezTo>
                      <a:pt x="43626" y="19116"/>
                      <a:pt x="43626" y="19116"/>
                      <a:pt x="43186" y="18467"/>
                    </a:cubicBezTo>
                    <a:lnTo>
                      <a:pt x="43186" y="18383"/>
                    </a:lnTo>
                    <a:cubicBezTo>
                      <a:pt x="43270" y="18300"/>
                      <a:pt x="43312" y="18195"/>
                      <a:pt x="43396" y="18111"/>
                    </a:cubicBezTo>
                    <a:cubicBezTo>
                      <a:pt x="43793" y="17672"/>
                      <a:pt x="43710" y="17316"/>
                      <a:pt x="43207" y="17044"/>
                    </a:cubicBezTo>
                    <a:cubicBezTo>
                      <a:pt x="43019" y="16940"/>
                      <a:pt x="42768" y="16919"/>
                      <a:pt x="42726" y="16626"/>
                    </a:cubicBezTo>
                    <a:cubicBezTo>
                      <a:pt x="42873" y="16186"/>
                      <a:pt x="43375" y="16396"/>
                      <a:pt x="43605" y="16207"/>
                    </a:cubicBezTo>
                    <a:cubicBezTo>
                      <a:pt x="43898" y="15454"/>
                      <a:pt x="43940" y="14743"/>
                      <a:pt x="43940" y="13989"/>
                    </a:cubicBezTo>
                    <a:cubicBezTo>
                      <a:pt x="43940" y="13236"/>
                      <a:pt x="43940" y="12441"/>
                      <a:pt x="44003" y="11688"/>
                    </a:cubicBezTo>
                    <a:cubicBezTo>
                      <a:pt x="44044" y="10767"/>
                      <a:pt x="44065" y="9847"/>
                      <a:pt x="44212" y="8968"/>
                    </a:cubicBezTo>
                    <a:cubicBezTo>
                      <a:pt x="44505" y="7231"/>
                      <a:pt x="44505" y="5620"/>
                      <a:pt x="44442" y="3967"/>
                    </a:cubicBezTo>
                    <a:cubicBezTo>
                      <a:pt x="44421" y="3423"/>
                      <a:pt x="44358" y="2837"/>
                      <a:pt x="44316" y="2314"/>
                    </a:cubicBezTo>
                    <a:cubicBezTo>
                      <a:pt x="43898" y="2189"/>
                      <a:pt x="43563" y="2042"/>
                      <a:pt x="43207" y="2000"/>
                    </a:cubicBezTo>
                    <a:cubicBezTo>
                      <a:pt x="42496" y="1937"/>
                      <a:pt x="41847" y="1665"/>
                      <a:pt x="41178" y="1477"/>
                    </a:cubicBezTo>
                    <a:cubicBezTo>
                      <a:pt x="39525" y="1017"/>
                      <a:pt x="39399" y="849"/>
                      <a:pt x="37537" y="849"/>
                    </a:cubicBezTo>
                    <a:cubicBezTo>
                      <a:pt x="36763" y="849"/>
                      <a:pt x="35947" y="829"/>
                      <a:pt x="35152" y="829"/>
                    </a:cubicBezTo>
                    <a:cubicBezTo>
                      <a:pt x="34566" y="829"/>
                      <a:pt x="33980" y="766"/>
                      <a:pt x="33394" y="598"/>
                    </a:cubicBezTo>
                    <a:cubicBezTo>
                      <a:pt x="33206" y="536"/>
                      <a:pt x="32955" y="494"/>
                      <a:pt x="32725" y="494"/>
                    </a:cubicBezTo>
                    <a:lnTo>
                      <a:pt x="28728" y="410"/>
                    </a:lnTo>
                    <a:cubicBezTo>
                      <a:pt x="28498" y="410"/>
                      <a:pt x="28247" y="410"/>
                      <a:pt x="28038" y="494"/>
                    </a:cubicBezTo>
                    <a:cubicBezTo>
                      <a:pt x="27117" y="787"/>
                      <a:pt x="26259" y="1163"/>
                      <a:pt x="25276" y="1226"/>
                    </a:cubicBezTo>
                    <a:cubicBezTo>
                      <a:pt x="24996" y="1366"/>
                      <a:pt x="24709" y="1405"/>
                      <a:pt x="24418" y="1405"/>
                    </a:cubicBezTo>
                    <a:cubicBezTo>
                      <a:pt x="24231" y="1405"/>
                      <a:pt x="24042" y="1389"/>
                      <a:pt x="23853" y="1373"/>
                    </a:cubicBezTo>
                    <a:cubicBezTo>
                      <a:pt x="23288" y="1373"/>
                      <a:pt x="22744" y="1331"/>
                      <a:pt x="22158" y="1331"/>
                    </a:cubicBezTo>
                    <a:cubicBezTo>
                      <a:pt x="22012" y="1331"/>
                      <a:pt x="21865" y="1320"/>
                      <a:pt x="21724" y="1320"/>
                    </a:cubicBezTo>
                    <a:cubicBezTo>
                      <a:pt x="21583" y="1320"/>
                      <a:pt x="21447" y="1331"/>
                      <a:pt x="21321" y="1373"/>
                    </a:cubicBezTo>
                    <a:cubicBezTo>
                      <a:pt x="20987" y="1477"/>
                      <a:pt x="20673" y="1477"/>
                      <a:pt x="20317" y="1477"/>
                    </a:cubicBezTo>
                    <a:cubicBezTo>
                      <a:pt x="19773" y="1477"/>
                      <a:pt x="19250" y="1456"/>
                      <a:pt x="18706" y="1435"/>
                    </a:cubicBezTo>
                    <a:cubicBezTo>
                      <a:pt x="18266" y="1393"/>
                      <a:pt x="17785" y="1456"/>
                      <a:pt x="17388" y="1163"/>
                    </a:cubicBezTo>
                    <a:cubicBezTo>
                      <a:pt x="17325" y="1121"/>
                      <a:pt x="17178" y="1121"/>
                      <a:pt x="17053" y="1080"/>
                    </a:cubicBezTo>
                    <a:cubicBezTo>
                      <a:pt x="16457" y="1060"/>
                      <a:pt x="15914" y="758"/>
                      <a:pt x="15310" y="758"/>
                    </a:cubicBezTo>
                    <a:cubicBezTo>
                      <a:pt x="15257" y="758"/>
                      <a:pt x="15203" y="761"/>
                      <a:pt x="15149" y="766"/>
                    </a:cubicBezTo>
                    <a:cubicBezTo>
                      <a:pt x="15023" y="766"/>
                      <a:pt x="14898" y="661"/>
                      <a:pt x="14751" y="619"/>
                    </a:cubicBezTo>
                    <a:cubicBezTo>
                      <a:pt x="13942" y="318"/>
                      <a:pt x="13082" y="0"/>
                      <a:pt x="12186" y="0"/>
                    </a:cubicBezTo>
                    <a:close/>
                  </a:path>
                </a:pathLst>
              </a:custGeom>
              <a:solidFill>
                <a:schemeClr val="dk2"/>
              </a:solidFill>
              <a:ln>
                <a:noFill/>
              </a:ln>
            </p:spPr>
            <p:txBody>
              <a:bodyPr spcFirstLastPara="1" wrap="square" lIns="91425" tIns="91425" rIns="91425" bIns="91425" anchor="ctr" anchorCtr="0">
                <a:noAutofit/>
              </a:bodyPr>
              <a:lstStyle/>
              <a:p>
                <a:endParaRPr dirty="0"/>
              </a:p>
            </p:txBody>
          </p:sp>
          <p:sp>
            <p:nvSpPr>
              <p:cNvPr id="28" name="Google Shape;298;p35">
                <a:extLst>
                  <a:ext uri="{FF2B5EF4-FFF2-40B4-BE49-F238E27FC236}">
                    <a16:creationId xmlns:a16="http://schemas.microsoft.com/office/drawing/2014/main" id="{4E9D31CD-790E-12B6-EF7F-12AAA7B153B0}"/>
                  </a:ext>
                </a:extLst>
              </p:cNvPr>
              <p:cNvSpPr/>
              <p:nvPr/>
            </p:nvSpPr>
            <p:spPr>
              <a:xfrm>
                <a:off x="6600625" y="2659313"/>
                <a:ext cx="298175" cy="158525"/>
              </a:xfrm>
              <a:custGeom>
                <a:avLst/>
                <a:gdLst/>
                <a:ahLst/>
                <a:cxnLst/>
                <a:rect l="l" t="t" r="r" b="b"/>
                <a:pathLst>
                  <a:path w="11927" h="6341" extrusionOk="0">
                    <a:moveTo>
                      <a:pt x="105" y="231"/>
                    </a:moveTo>
                    <a:cubicBezTo>
                      <a:pt x="942" y="22"/>
                      <a:pt x="1695" y="1"/>
                      <a:pt x="2469" y="43"/>
                    </a:cubicBezTo>
                    <a:cubicBezTo>
                      <a:pt x="4603" y="126"/>
                      <a:pt x="6717" y="168"/>
                      <a:pt x="8851" y="252"/>
                    </a:cubicBezTo>
                    <a:cubicBezTo>
                      <a:pt x="9081" y="252"/>
                      <a:pt x="9332" y="231"/>
                      <a:pt x="9541" y="336"/>
                    </a:cubicBezTo>
                    <a:cubicBezTo>
                      <a:pt x="9981" y="503"/>
                      <a:pt x="10420" y="503"/>
                      <a:pt x="10881" y="545"/>
                    </a:cubicBezTo>
                    <a:cubicBezTo>
                      <a:pt x="11550" y="587"/>
                      <a:pt x="11927" y="1235"/>
                      <a:pt x="11550" y="1821"/>
                    </a:cubicBezTo>
                    <a:cubicBezTo>
                      <a:pt x="11194" y="2386"/>
                      <a:pt x="10776" y="2909"/>
                      <a:pt x="10378" y="3474"/>
                    </a:cubicBezTo>
                    <a:cubicBezTo>
                      <a:pt x="10044" y="3914"/>
                      <a:pt x="9667" y="4353"/>
                      <a:pt x="9332" y="4792"/>
                    </a:cubicBezTo>
                    <a:cubicBezTo>
                      <a:pt x="9165" y="5002"/>
                      <a:pt x="9018" y="5190"/>
                      <a:pt x="8746" y="5274"/>
                    </a:cubicBezTo>
                    <a:cubicBezTo>
                      <a:pt x="8725" y="5274"/>
                      <a:pt x="8704" y="5295"/>
                      <a:pt x="8684" y="5295"/>
                    </a:cubicBezTo>
                    <a:cubicBezTo>
                      <a:pt x="6717" y="6257"/>
                      <a:pt x="6445" y="6341"/>
                      <a:pt x="4290" y="6194"/>
                    </a:cubicBezTo>
                    <a:cubicBezTo>
                      <a:pt x="3411" y="6132"/>
                      <a:pt x="2553" y="5839"/>
                      <a:pt x="2009" y="5064"/>
                    </a:cubicBezTo>
                    <a:cubicBezTo>
                      <a:pt x="1946" y="4981"/>
                      <a:pt x="1842" y="4876"/>
                      <a:pt x="1779" y="4834"/>
                    </a:cubicBezTo>
                    <a:cubicBezTo>
                      <a:pt x="1151" y="4458"/>
                      <a:pt x="858" y="3851"/>
                      <a:pt x="670" y="3202"/>
                    </a:cubicBezTo>
                    <a:cubicBezTo>
                      <a:pt x="565" y="2784"/>
                      <a:pt x="461" y="2365"/>
                      <a:pt x="272" y="2010"/>
                    </a:cubicBezTo>
                    <a:cubicBezTo>
                      <a:pt x="0" y="1424"/>
                      <a:pt x="63" y="838"/>
                      <a:pt x="105" y="23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9" name="Google Shape;299;p35">
                <a:extLst>
                  <a:ext uri="{FF2B5EF4-FFF2-40B4-BE49-F238E27FC236}">
                    <a16:creationId xmlns:a16="http://schemas.microsoft.com/office/drawing/2014/main" id="{788C9008-0A38-8709-2B40-5CD9D6724EED}"/>
                  </a:ext>
                </a:extLst>
              </p:cNvPr>
              <p:cNvSpPr/>
              <p:nvPr/>
            </p:nvSpPr>
            <p:spPr>
              <a:xfrm>
                <a:off x="6389825" y="2591838"/>
                <a:ext cx="192500" cy="152250"/>
              </a:xfrm>
              <a:custGeom>
                <a:avLst/>
                <a:gdLst/>
                <a:ahLst/>
                <a:cxnLst/>
                <a:rect l="l" t="t" r="r" b="b"/>
                <a:pathLst>
                  <a:path w="7700" h="6090" extrusionOk="0">
                    <a:moveTo>
                      <a:pt x="7135" y="2198"/>
                    </a:moveTo>
                    <a:cubicBezTo>
                      <a:pt x="7240" y="1214"/>
                      <a:pt x="6863" y="336"/>
                      <a:pt x="5608" y="105"/>
                    </a:cubicBezTo>
                    <a:cubicBezTo>
                      <a:pt x="5043" y="1"/>
                      <a:pt x="4499" y="43"/>
                      <a:pt x="3975" y="231"/>
                    </a:cubicBezTo>
                    <a:cubicBezTo>
                      <a:pt x="3306" y="64"/>
                      <a:pt x="2574" y="126"/>
                      <a:pt x="1967" y="440"/>
                    </a:cubicBezTo>
                    <a:cubicBezTo>
                      <a:pt x="1214" y="838"/>
                      <a:pt x="816" y="1486"/>
                      <a:pt x="649" y="2240"/>
                    </a:cubicBezTo>
                    <a:cubicBezTo>
                      <a:pt x="607" y="2344"/>
                      <a:pt x="544" y="2470"/>
                      <a:pt x="502" y="2616"/>
                    </a:cubicBezTo>
                    <a:cubicBezTo>
                      <a:pt x="0" y="3934"/>
                      <a:pt x="858" y="5169"/>
                      <a:pt x="2030" y="5692"/>
                    </a:cubicBezTo>
                    <a:lnTo>
                      <a:pt x="2197" y="5776"/>
                    </a:lnTo>
                    <a:lnTo>
                      <a:pt x="2218" y="5776"/>
                    </a:lnTo>
                    <a:lnTo>
                      <a:pt x="2448" y="5859"/>
                    </a:lnTo>
                    <a:cubicBezTo>
                      <a:pt x="2825" y="5964"/>
                      <a:pt x="3243" y="6006"/>
                      <a:pt x="3599" y="5985"/>
                    </a:cubicBezTo>
                    <a:cubicBezTo>
                      <a:pt x="4080" y="6090"/>
                      <a:pt x="4603" y="6069"/>
                      <a:pt x="5147" y="5880"/>
                    </a:cubicBezTo>
                    <a:cubicBezTo>
                      <a:pt x="6716" y="5294"/>
                      <a:pt x="7700" y="3662"/>
                      <a:pt x="7135" y="2198"/>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30" name="Google Shape;300;p35">
                <a:extLst>
                  <a:ext uri="{FF2B5EF4-FFF2-40B4-BE49-F238E27FC236}">
                    <a16:creationId xmlns:a16="http://schemas.microsoft.com/office/drawing/2014/main" id="{5C2807AC-664F-F7C1-0FEF-B43C8DA7D4E4}"/>
                  </a:ext>
                </a:extLst>
              </p:cNvPr>
              <p:cNvSpPr/>
              <p:nvPr/>
            </p:nvSpPr>
            <p:spPr>
              <a:xfrm>
                <a:off x="6912900" y="2581388"/>
                <a:ext cx="176300" cy="194600"/>
              </a:xfrm>
              <a:custGeom>
                <a:avLst/>
                <a:gdLst/>
                <a:ahLst/>
                <a:cxnLst/>
                <a:rect l="l" t="t" r="r" b="b"/>
                <a:pathLst>
                  <a:path w="7052" h="7784" extrusionOk="0">
                    <a:moveTo>
                      <a:pt x="6989" y="3055"/>
                    </a:moveTo>
                    <a:cubicBezTo>
                      <a:pt x="7052" y="879"/>
                      <a:pt x="4688" y="0"/>
                      <a:pt x="2930" y="314"/>
                    </a:cubicBezTo>
                    <a:cubicBezTo>
                      <a:pt x="817" y="712"/>
                      <a:pt x="1" y="2658"/>
                      <a:pt x="649" y="4583"/>
                    </a:cubicBezTo>
                    <a:cubicBezTo>
                      <a:pt x="1277" y="6466"/>
                      <a:pt x="3495" y="7784"/>
                      <a:pt x="5336" y="6675"/>
                    </a:cubicBezTo>
                    <a:cubicBezTo>
                      <a:pt x="6257" y="6089"/>
                      <a:pt x="6822" y="4959"/>
                      <a:pt x="6843" y="3892"/>
                    </a:cubicBezTo>
                    <a:cubicBezTo>
                      <a:pt x="6926" y="3599"/>
                      <a:pt x="6989" y="3327"/>
                      <a:pt x="6989" y="3055"/>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31" name="Google Shape;301;p35">
                <a:extLst>
                  <a:ext uri="{FF2B5EF4-FFF2-40B4-BE49-F238E27FC236}">
                    <a16:creationId xmlns:a16="http://schemas.microsoft.com/office/drawing/2014/main" id="{E13EE7EC-A815-5DB3-F17C-EB305ED2BF64}"/>
                  </a:ext>
                </a:extLst>
              </p:cNvPr>
              <p:cNvSpPr/>
              <p:nvPr/>
            </p:nvSpPr>
            <p:spPr>
              <a:xfrm>
                <a:off x="5970825" y="1928038"/>
                <a:ext cx="1569800" cy="1667650"/>
              </a:xfrm>
              <a:custGeom>
                <a:avLst/>
                <a:gdLst/>
                <a:ahLst/>
                <a:cxnLst/>
                <a:rect l="l" t="t" r="r" b="b"/>
                <a:pathLst>
                  <a:path w="62792" h="66706" extrusionOk="0">
                    <a:moveTo>
                      <a:pt x="55908" y="19271"/>
                    </a:moveTo>
                    <a:cubicBezTo>
                      <a:pt x="56515" y="20422"/>
                      <a:pt x="57101" y="21552"/>
                      <a:pt x="57687" y="22682"/>
                    </a:cubicBezTo>
                    <a:cubicBezTo>
                      <a:pt x="57980" y="23247"/>
                      <a:pt x="57875" y="23833"/>
                      <a:pt x="57770" y="24439"/>
                    </a:cubicBezTo>
                    <a:cubicBezTo>
                      <a:pt x="57666" y="24879"/>
                      <a:pt x="57477" y="25276"/>
                      <a:pt x="57017" y="25507"/>
                    </a:cubicBezTo>
                    <a:cubicBezTo>
                      <a:pt x="56787" y="25611"/>
                      <a:pt x="56557" y="25862"/>
                      <a:pt x="56368" y="26030"/>
                    </a:cubicBezTo>
                    <a:cubicBezTo>
                      <a:pt x="56013" y="26323"/>
                      <a:pt x="55992" y="26657"/>
                      <a:pt x="56180" y="27013"/>
                    </a:cubicBezTo>
                    <a:cubicBezTo>
                      <a:pt x="56285" y="27264"/>
                      <a:pt x="56410" y="27473"/>
                      <a:pt x="56494" y="27724"/>
                    </a:cubicBezTo>
                    <a:cubicBezTo>
                      <a:pt x="56599" y="28017"/>
                      <a:pt x="56682" y="28331"/>
                      <a:pt x="56787" y="28624"/>
                    </a:cubicBezTo>
                    <a:cubicBezTo>
                      <a:pt x="56829" y="28792"/>
                      <a:pt x="56850" y="29001"/>
                      <a:pt x="56975" y="29168"/>
                    </a:cubicBezTo>
                    <a:cubicBezTo>
                      <a:pt x="57247" y="29482"/>
                      <a:pt x="57268" y="29817"/>
                      <a:pt x="57268" y="30214"/>
                    </a:cubicBezTo>
                    <a:cubicBezTo>
                      <a:pt x="57247" y="30570"/>
                      <a:pt x="57226" y="30947"/>
                      <a:pt x="57247" y="31302"/>
                    </a:cubicBezTo>
                    <a:cubicBezTo>
                      <a:pt x="57310" y="31909"/>
                      <a:pt x="57059" y="32411"/>
                      <a:pt x="56892" y="32955"/>
                    </a:cubicBezTo>
                    <a:cubicBezTo>
                      <a:pt x="56829" y="33081"/>
                      <a:pt x="56724" y="33186"/>
                      <a:pt x="56640" y="33290"/>
                    </a:cubicBezTo>
                    <a:cubicBezTo>
                      <a:pt x="56494" y="33541"/>
                      <a:pt x="56306" y="33750"/>
                      <a:pt x="56159" y="33981"/>
                    </a:cubicBezTo>
                    <a:cubicBezTo>
                      <a:pt x="55657" y="34713"/>
                      <a:pt x="54946" y="35069"/>
                      <a:pt x="54067" y="35048"/>
                    </a:cubicBezTo>
                    <a:cubicBezTo>
                      <a:pt x="53753" y="35048"/>
                      <a:pt x="53439" y="35048"/>
                      <a:pt x="53125" y="35027"/>
                    </a:cubicBezTo>
                    <a:cubicBezTo>
                      <a:pt x="53251" y="35278"/>
                      <a:pt x="53481" y="35257"/>
                      <a:pt x="53690" y="35320"/>
                    </a:cubicBezTo>
                    <a:cubicBezTo>
                      <a:pt x="54381" y="35466"/>
                      <a:pt x="55071" y="35634"/>
                      <a:pt x="55783" y="35696"/>
                    </a:cubicBezTo>
                    <a:cubicBezTo>
                      <a:pt x="56682" y="35843"/>
                      <a:pt x="57352" y="36282"/>
                      <a:pt x="58000" y="36847"/>
                    </a:cubicBezTo>
                    <a:cubicBezTo>
                      <a:pt x="58105" y="36931"/>
                      <a:pt x="58189" y="37098"/>
                      <a:pt x="58189" y="37224"/>
                    </a:cubicBezTo>
                    <a:cubicBezTo>
                      <a:pt x="58210" y="37475"/>
                      <a:pt x="58210" y="37747"/>
                      <a:pt x="58168" y="37977"/>
                    </a:cubicBezTo>
                    <a:cubicBezTo>
                      <a:pt x="57896" y="39337"/>
                      <a:pt x="58042" y="40697"/>
                      <a:pt x="58063" y="42078"/>
                    </a:cubicBezTo>
                    <a:cubicBezTo>
                      <a:pt x="58252" y="42141"/>
                      <a:pt x="58398" y="42162"/>
                      <a:pt x="58524" y="42245"/>
                    </a:cubicBezTo>
                    <a:cubicBezTo>
                      <a:pt x="58796" y="42371"/>
                      <a:pt x="59047" y="42476"/>
                      <a:pt x="59256" y="42664"/>
                    </a:cubicBezTo>
                    <a:cubicBezTo>
                      <a:pt x="60177" y="43543"/>
                      <a:pt x="61097" y="44442"/>
                      <a:pt x="61725" y="45572"/>
                    </a:cubicBezTo>
                    <a:cubicBezTo>
                      <a:pt x="62018" y="46095"/>
                      <a:pt x="62248" y="46639"/>
                      <a:pt x="62248" y="47246"/>
                    </a:cubicBezTo>
                    <a:cubicBezTo>
                      <a:pt x="62248" y="47414"/>
                      <a:pt x="62269" y="47623"/>
                      <a:pt x="62311" y="47811"/>
                    </a:cubicBezTo>
                    <a:cubicBezTo>
                      <a:pt x="62792" y="49485"/>
                      <a:pt x="62353" y="51012"/>
                      <a:pt x="61432" y="52414"/>
                    </a:cubicBezTo>
                    <a:cubicBezTo>
                      <a:pt x="61118" y="52917"/>
                      <a:pt x="60679" y="53335"/>
                      <a:pt x="60281" y="53774"/>
                    </a:cubicBezTo>
                    <a:cubicBezTo>
                      <a:pt x="59946" y="54151"/>
                      <a:pt x="59549" y="54486"/>
                      <a:pt x="59172" y="54841"/>
                    </a:cubicBezTo>
                    <a:cubicBezTo>
                      <a:pt x="58712" y="55323"/>
                      <a:pt x="58231" y="55762"/>
                      <a:pt x="57603" y="55992"/>
                    </a:cubicBezTo>
                    <a:cubicBezTo>
                      <a:pt x="57352" y="56097"/>
                      <a:pt x="57184" y="56264"/>
                      <a:pt x="57122" y="56557"/>
                    </a:cubicBezTo>
                    <a:cubicBezTo>
                      <a:pt x="57017" y="56892"/>
                      <a:pt x="56850" y="57227"/>
                      <a:pt x="56703" y="57562"/>
                    </a:cubicBezTo>
                    <a:cubicBezTo>
                      <a:pt x="56452" y="58168"/>
                      <a:pt x="56410" y="58775"/>
                      <a:pt x="56410" y="59403"/>
                    </a:cubicBezTo>
                    <a:cubicBezTo>
                      <a:pt x="56410" y="60365"/>
                      <a:pt x="56389" y="61328"/>
                      <a:pt x="56347" y="62311"/>
                    </a:cubicBezTo>
                    <a:cubicBezTo>
                      <a:pt x="56347" y="62730"/>
                      <a:pt x="56327" y="63148"/>
                      <a:pt x="56180" y="63567"/>
                    </a:cubicBezTo>
                    <a:cubicBezTo>
                      <a:pt x="56034" y="63922"/>
                      <a:pt x="56096" y="64341"/>
                      <a:pt x="56096" y="64738"/>
                    </a:cubicBezTo>
                    <a:cubicBezTo>
                      <a:pt x="56075" y="65031"/>
                      <a:pt x="56138" y="65303"/>
                      <a:pt x="55887" y="65513"/>
                    </a:cubicBezTo>
                    <a:cubicBezTo>
                      <a:pt x="55511" y="65805"/>
                      <a:pt x="55301" y="66308"/>
                      <a:pt x="54736" y="66308"/>
                    </a:cubicBezTo>
                    <a:cubicBezTo>
                      <a:pt x="54506" y="66308"/>
                      <a:pt x="54234" y="66412"/>
                      <a:pt x="54004" y="66517"/>
                    </a:cubicBezTo>
                    <a:cubicBezTo>
                      <a:pt x="53669" y="66663"/>
                      <a:pt x="53355" y="66705"/>
                      <a:pt x="53021" y="66559"/>
                    </a:cubicBezTo>
                    <a:cubicBezTo>
                      <a:pt x="52518" y="66391"/>
                      <a:pt x="52016" y="66349"/>
                      <a:pt x="51493" y="66349"/>
                    </a:cubicBezTo>
                    <a:cubicBezTo>
                      <a:pt x="47832" y="66308"/>
                      <a:pt x="44170" y="66224"/>
                      <a:pt x="40508" y="66182"/>
                    </a:cubicBezTo>
                    <a:cubicBezTo>
                      <a:pt x="39776" y="66182"/>
                      <a:pt x="39023" y="66182"/>
                      <a:pt x="38290" y="66245"/>
                    </a:cubicBezTo>
                    <a:cubicBezTo>
                      <a:pt x="37244" y="66349"/>
                      <a:pt x="36198" y="66349"/>
                      <a:pt x="35152" y="66329"/>
                    </a:cubicBezTo>
                    <a:cubicBezTo>
                      <a:pt x="34545" y="66329"/>
                      <a:pt x="33938" y="66308"/>
                      <a:pt x="33373" y="66308"/>
                    </a:cubicBezTo>
                    <a:cubicBezTo>
                      <a:pt x="32871" y="66308"/>
                      <a:pt x="32348" y="66391"/>
                      <a:pt x="31846" y="66412"/>
                    </a:cubicBezTo>
                    <a:cubicBezTo>
                      <a:pt x="31281" y="66433"/>
                      <a:pt x="30737" y="66496"/>
                      <a:pt x="30151" y="66496"/>
                    </a:cubicBezTo>
                    <a:cubicBezTo>
                      <a:pt x="23832" y="66391"/>
                      <a:pt x="17492" y="66287"/>
                      <a:pt x="11173" y="66140"/>
                    </a:cubicBezTo>
                    <a:cubicBezTo>
                      <a:pt x="10650" y="66140"/>
                      <a:pt x="10148" y="66140"/>
                      <a:pt x="9646" y="66308"/>
                    </a:cubicBezTo>
                    <a:cubicBezTo>
                      <a:pt x="9458" y="66349"/>
                      <a:pt x="9248" y="66391"/>
                      <a:pt x="9081" y="66391"/>
                    </a:cubicBezTo>
                    <a:cubicBezTo>
                      <a:pt x="8349" y="66391"/>
                      <a:pt x="7616" y="66349"/>
                      <a:pt x="6842" y="66349"/>
                    </a:cubicBezTo>
                    <a:cubicBezTo>
                      <a:pt x="6487" y="66349"/>
                      <a:pt x="6173" y="66245"/>
                      <a:pt x="5963" y="65931"/>
                    </a:cubicBezTo>
                    <a:cubicBezTo>
                      <a:pt x="5691" y="65575"/>
                      <a:pt x="5440" y="65178"/>
                      <a:pt x="5252" y="64780"/>
                    </a:cubicBezTo>
                    <a:cubicBezTo>
                      <a:pt x="5064" y="64425"/>
                      <a:pt x="5022" y="64027"/>
                      <a:pt x="5022" y="63629"/>
                    </a:cubicBezTo>
                    <a:cubicBezTo>
                      <a:pt x="5043" y="62751"/>
                      <a:pt x="5043" y="61893"/>
                      <a:pt x="5064" y="60993"/>
                    </a:cubicBezTo>
                    <a:cubicBezTo>
                      <a:pt x="5064" y="60888"/>
                      <a:pt x="5064" y="60763"/>
                      <a:pt x="5106" y="60658"/>
                    </a:cubicBezTo>
                    <a:cubicBezTo>
                      <a:pt x="5440" y="59445"/>
                      <a:pt x="5273" y="58168"/>
                      <a:pt x="5587" y="56934"/>
                    </a:cubicBezTo>
                    <a:cubicBezTo>
                      <a:pt x="5629" y="56829"/>
                      <a:pt x="5670" y="56704"/>
                      <a:pt x="5629" y="56599"/>
                    </a:cubicBezTo>
                    <a:cubicBezTo>
                      <a:pt x="5336" y="55930"/>
                      <a:pt x="5524" y="55197"/>
                      <a:pt x="5482" y="54507"/>
                    </a:cubicBezTo>
                    <a:cubicBezTo>
                      <a:pt x="5482" y="54360"/>
                      <a:pt x="5461" y="54172"/>
                      <a:pt x="5461" y="53984"/>
                    </a:cubicBezTo>
                    <a:cubicBezTo>
                      <a:pt x="5315" y="53942"/>
                      <a:pt x="5147" y="53879"/>
                      <a:pt x="5001" y="53795"/>
                    </a:cubicBezTo>
                    <a:cubicBezTo>
                      <a:pt x="4813" y="53733"/>
                      <a:pt x="4624" y="53649"/>
                      <a:pt x="4499" y="53523"/>
                    </a:cubicBezTo>
                    <a:cubicBezTo>
                      <a:pt x="4185" y="53209"/>
                      <a:pt x="3808" y="53021"/>
                      <a:pt x="3390" y="52854"/>
                    </a:cubicBezTo>
                    <a:cubicBezTo>
                      <a:pt x="2511" y="52519"/>
                      <a:pt x="1716" y="51996"/>
                      <a:pt x="1088" y="51284"/>
                    </a:cubicBezTo>
                    <a:cubicBezTo>
                      <a:pt x="251" y="50385"/>
                      <a:pt x="0" y="49255"/>
                      <a:pt x="314" y="48041"/>
                    </a:cubicBezTo>
                    <a:cubicBezTo>
                      <a:pt x="419" y="47665"/>
                      <a:pt x="565" y="47288"/>
                      <a:pt x="712" y="46932"/>
                    </a:cubicBezTo>
                    <a:cubicBezTo>
                      <a:pt x="753" y="46828"/>
                      <a:pt x="774" y="46681"/>
                      <a:pt x="858" y="46619"/>
                    </a:cubicBezTo>
                    <a:cubicBezTo>
                      <a:pt x="1590" y="45886"/>
                      <a:pt x="2093" y="44903"/>
                      <a:pt x="3055" y="44380"/>
                    </a:cubicBezTo>
                    <a:cubicBezTo>
                      <a:pt x="3390" y="44212"/>
                      <a:pt x="3683" y="43898"/>
                      <a:pt x="3997" y="43647"/>
                    </a:cubicBezTo>
                    <a:cubicBezTo>
                      <a:pt x="4645" y="43187"/>
                      <a:pt x="5336" y="42810"/>
                      <a:pt x="6110" y="42580"/>
                    </a:cubicBezTo>
                    <a:cubicBezTo>
                      <a:pt x="6152" y="42350"/>
                      <a:pt x="6173" y="42162"/>
                      <a:pt x="6194" y="41973"/>
                    </a:cubicBezTo>
                    <a:lnTo>
                      <a:pt x="6361" y="40718"/>
                    </a:lnTo>
                    <a:cubicBezTo>
                      <a:pt x="6403" y="40383"/>
                      <a:pt x="6466" y="40048"/>
                      <a:pt x="6466" y="39714"/>
                    </a:cubicBezTo>
                    <a:cubicBezTo>
                      <a:pt x="6487" y="38898"/>
                      <a:pt x="6528" y="38061"/>
                      <a:pt x="6507" y="37245"/>
                    </a:cubicBezTo>
                    <a:cubicBezTo>
                      <a:pt x="6507" y="36575"/>
                      <a:pt x="6842" y="35989"/>
                      <a:pt x="6926" y="35341"/>
                    </a:cubicBezTo>
                    <a:cubicBezTo>
                      <a:pt x="6947" y="35215"/>
                      <a:pt x="7156" y="35048"/>
                      <a:pt x="7303" y="35048"/>
                    </a:cubicBezTo>
                    <a:cubicBezTo>
                      <a:pt x="7888" y="34964"/>
                      <a:pt x="8495" y="34797"/>
                      <a:pt x="9144" y="34839"/>
                    </a:cubicBezTo>
                    <a:cubicBezTo>
                      <a:pt x="9834" y="34901"/>
                      <a:pt x="10504" y="34839"/>
                      <a:pt x="11236" y="34859"/>
                    </a:cubicBezTo>
                    <a:cubicBezTo>
                      <a:pt x="11236" y="34211"/>
                      <a:pt x="11487" y="33688"/>
                      <a:pt x="11759" y="33186"/>
                    </a:cubicBezTo>
                    <a:cubicBezTo>
                      <a:pt x="11550" y="32830"/>
                      <a:pt x="11404" y="32495"/>
                      <a:pt x="11173" y="32139"/>
                    </a:cubicBezTo>
                    <a:cubicBezTo>
                      <a:pt x="10713" y="31491"/>
                      <a:pt x="10295" y="30842"/>
                      <a:pt x="10127" y="30047"/>
                    </a:cubicBezTo>
                    <a:cubicBezTo>
                      <a:pt x="10023" y="29629"/>
                      <a:pt x="9667" y="29273"/>
                      <a:pt x="9500" y="28854"/>
                    </a:cubicBezTo>
                    <a:cubicBezTo>
                      <a:pt x="9332" y="28478"/>
                      <a:pt x="9186" y="28122"/>
                      <a:pt x="9102" y="27724"/>
                    </a:cubicBezTo>
                    <a:cubicBezTo>
                      <a:pt x="8914" y="26867"/>
                      <a:pt x="8621" y="26030"/>
                      <a:pt x="8704" y="25130"/>
                    </a:cubicBezTo>
                    <a:cubicBezTo>
                      <a:pt x="8725" y="24921"/>
                      <a:pt x="8704" y="24753"/>
                      <a:pt x="8767" y="24544"/>
                    </a:cubicBezTo>
                    <a:cubicBezTo>
                      <a:pt x="8976" y="23561"/>
                      <a:pt x="9207" y="22598"/>
                      <a:pt x="9416" y="21636"/>
                    </a:cubicBezTo>
                    <a:cubicBezTo>
                      <a:pt x="9520" y="21217"/>
                      <a:pt x="9709" y="20841"/>
                      <a:pt x="9960" y="20506"/>
                    </a:cubicBezTo>
                    <a:cubicBezTo>
                      <a:pt x="10232" y="20150"/>
                      <a:pt x="10462" y="19753"/>
                      <a:pt x="10692" y="19376"/>
                    </a:cubicBezTo>
                    <a:cubicBezTo>
                      <a:pt x="10797" y="19229"/>
                      <a:pt x="10880" y="19020"/>
                      <a:pt x="11006" y="18895"/>
                    </a:cubicBezTo>
                    <a:cubicBezTo>
                      <a:pt x="11508" y="18309"/>
                      <a:pt x="12031" y="17765"/>
                      <a:pt x="12533" y="17179"/>
                    </a:cubicBezTo>
                    <a:cubicBezTo>
                      <a:pt x="12533" y="17116"/>
                      <a:pt x="12554" y="17033"/>
                      <a:pt x="12554" y="17012"/>
                    </a:cubicBezTo>
                    <a:cubicBezTo>
                      <a:pt x="12031" y="16196"/>
                      <a:pt x="12178" y="15296"/>
                      <a:pt x="12241" y="14438"/>
                    </a:cubicBezTo>
                    <a:cubicBezTo>
                      <a:pt x="12241" y="14250"/>
                      <a:pt x="12324" y="14040"/>
                      <a:pt x="12429" y="13894"/>
                    </a:cubicBezTo>
                    <a:cubicBezTo>
                      <a:pt x="12701" y="13455"/>
                      <a:pt x="13015" y="12994"/>
                      <a:pt x="13370" y="12576"/>
                    </a:cubicBezTo>
                    <a:cubicBezTo>
                      <a:pt x="13496" y="12408"/>
                      <a:pt x="13705" y="12262"/>
                      <a:pt x="13831" y="12115"/>
                    </a:cubicBezTo>
                    <a:cubicBezTo>
                      <a:pt x="14730" y="11069"/>
                      <a:pt x="15881" y="10421"/>
                      <a:pt x="17053" y="9793"/>
                    </a:cubicBezTo>
                    <a:cubicBezTo>
                      <a:pt x="17262" y="9688"/>
                      <a:pt x="17471" y="9626"/>
                      <a:pt x="17681" y="9521"/>
                    </a:cubicBezTo>
                    <a:cubicBezTo>
                      <a:pt x="17827" y="9479"/>
                      <a:pt x="17995" y="9416"/>
                      <a:pt x="18141" y="9333"/>
                    </a:cubicBezTo>
                    <a:cubicBezTo>
                      <a:pt x="18225" y="9312"/>
                      <a:pt x="18287" y="9228"/>
                      <a:pt x="18350" y="9186"/>
                    </a:cubicBezTo>
                    <a:cubicBezTo>
                      <a:pt x="18497" y="8579"/>
                      <a:pt x="18622" y="7973"/>
                      <a:pt x="18769" y="7387"/>
                    </a:cubicBezTo>
                    <a:cubicBezTo>
                      <a:pt x="18957" y="6696"/>
                      <a:pt x="19334" y="6152"/>
                      <a:pt x="19794" y="5629"/>
                    </a:cubicBezTo>
                    <a:cubicBezTo>
                      <a:pt x="20526" y="4834"/>
                      <a:pt x="21384" y="4185"/>
                      <a:pt x="22326" y="3662"/>
                    </a:cubicBezTo>
                    <a:cubicBezTo>
                      <a:pt x="23037" y="3265"/>
                      <a:pt x="23832" y="3118"/>
                      <a:pt x="24606" y="3014"/>
                    </a:cubicBezTo>
                    <a:cubicBezTo>
                      <a:pt x="25401" y="2888"/>
                      <a:pt x="26176" y="2784"/>
                      <a:pt x="26992" y="2993"/>
                    </a:cubicBezTo>
                    <a:cubicBezTo>
                      <a:pt x="27306" y="3056"/>
                      <a:pt x="27557" y="2930"/>
                      <a:pt x="27745" y="2721"/>
                    </a:cubicBezTo>
                    <a:cubicBezTo>
                      <a:pt x="28289" y="2051"/>
                      <a:pt x="29105" y="1696"/>
                      <a:pt x="29733" y="1131"/>
                    </a:cubicBezTo>
                    <a:cubicBezTo>
                      <a:pt x="29900" y="1005"/>
                      <a:pt x="30130" y="921"/>
                      <a:pt x="30360" y="859"/>
                    </a:cubicBezTo>
                    <a:cubicBezTo>
                      <a:pt x="31072" y="628"/>
                      <a:pt x="31783" y="419"/>
                      <a:pt x="32474" y="189"/>
                    </a:cubicBezTo>
                    <a:cubicBezTo>
                      <a:pt x="32850" y="63"/>
                      <a:pt x="33185" y="1"/>
                      <a:pt x="33583" y="22"/>
                    </a:cubicBezTo>
                    <a:cubicBezTo>
                      <a:pt x="34399" y="63"/>
                      <a:pt x="35236" y="84"/>
                      <a:pt x="36031" y="63"/>
                    </a:cubicBezTo>
                    <a:cubicBezTo>
                      <a:pt x="36491" y="63"/>
                      <a:pt x="36868" y="189"/>
                      <a:pt x="37244" y="398"/>
                    </a:cubicBezTo>
                    <a:cubicBezTo>
                      <a:pt x="37767" y="712"/>
                      <a:pt x="38311" y="1026"/>
                      <a:pt x="38855" y="1361"/>
                    </a:cubicBezTo>
                    <a:cubicBezTo>
                      <a:pt x="39588" y="1800"/>
                      <a:pt x="40048" y="2512"/>
                      <a:pt x="40404" y="3244"/>
                    </a:cubicBezTo>
                    <a:cubicBezTo>
                      <a:pt x="40508" y="3453"/>
                      <a:pt x="40487" y="3746"/>
                      <a:pt x="40508" y="3997"/>
                    </a:cubicBezTo>
                    <a:cubicBezTo>
                      <a:pt x="41617" y="3892"/>
                      <a:pt x="42663" y="3976"/>
                      <a:pt x="43731" y="3976"/>
                    </a:cubicBezTo>
                    <a:cubicBezTo>
                      <a:pt x="44777" y="3976"/>
                      <a:pt x="45823" y="3997"/>
                      <a:pt x="46869" y="4039"/>
                    </a:cubicBezTo>
                    <a:cubicBezTo>
                      <a:pt x="47057" y="4039"/>
                      <a:pt x="47267" y="4060"/>
                      <a:pt x="47434" y="4102"/>
                    </a:cubicBezTo>
                    <a:cubicBezTo>
                      <a:pt x="47915" y="4248"/>
                      <a:pt x="48355" y="4395"/>
                      <a:pt x="48836" y="4520"/>
                    </a:cubicBezTo>
                    <a:cubicBezTo>
                      <a:pt x="49296" y="4667"/>
                      <a:pt x="49715" y="4897"/>
                      <a:pt x="50049" y="5253"/>
                    </a:cubicBezTo>
                    <a:cubicBezTo>
                      <a:pt x="50301" y="5525"/>
                      <a:pt x="50614" y="5776"/>
                      <a:pt x="50782" y="6069"/>
                    </a:cubicBezTo>
                    <a:cubicBezTo>
                      <a:pt x="51179" y="6675"/>
                      <a:pt x="51493" y="7303"/>
                      <a:pt x="51410" y="8056"/>
                    </a:cubicBezTo>
                    <a:cubicBezTo>
                      <a:pt x="51368" y="8496"/>
                      <a:pt x="51410" y="8977"/>
                      <a:pt x="51389" y="9416"/>
                    </a:cubicBezTo>
                    <a:cubicBezTo>
                      <a:pt x="51389" y="9688"/>
                      <a:pt x="51493" y="9856"/>
                      <a:pt x="51702" y="10002"/>
                    </a:cubicBezTo>
                    <a:cubicBezTo>
                      <a:pt x="51995" y="10170"/>
                      <a:pt x="52309" y="10337"/>
                      <a:pt x="52602" y="10483"/>
                    </a:cubicBezTo>
                    <a:cubicBezTo>
                      <a:pt x="52958" y="10672"/>
                      <a:pt x="53293" y="10860"/>
                      <a:pt x="53565" y="11174"/>
                    </a:cubicBezTo>
                    <a:cubicBezTo>
                      <a:pt x="53648" y="11258"/>
                      <a:pt x="53711" y="11362"/>
                      <a:pt x="53816" y="11404"/>
                    </a:cubicBezTo>
                    <a:cubicBezTo>
                      <a:pt x="54632" y="11885"/>
                      <a:pt x="55176" y="12618"/>
                      <a:pt x="55741" y="13308"/>
                    </a:cubicBezTo>
                    <a:cubicBezTo>
                      <a:pt x="55908" y="13559"/>
                      <a:pt x="56117" y="13810"/>
                      <a:pt x="56327" y="14020"/>
                    </a:cubicBezTo>
                    <a:cubicBezTo>
                      <a:pt x="56724" y="14459"/>
                      <a:pt x="56954" y="14961"/>
                      <a:pt x="56933" y="15568"/>
                    </a:cubicBezTo>
                    <a:cubicBezTo>
                      <a:pt x="56912" y="16028"/>
                      <a:pt x="56912" y="16530"/>
                      <a:pt x="56912" y="17012"/>
                    </a:cubicBezTo>
                    <a:cubicBezTo>
                      <a:pt x="56912" y="17430"/>
                      <a:pt x="56808" y="17786"/>
                      <a:pt x="56599" y="18121"/>
                    </a:cubicBezTo>
                    <a:cubicBezTo>
                      <a:pt x="56410" y="18518"/>
                      <a:pt x="56180" y="18853"/>
                      <a:pt x="55908" y="19271"/>
                    </a:cubicBezTo>
                    <a:close/>
                    <a:moveTo>
                      <a:pt x="10441" y="62646"/>
                    </a:moveTo>
                    <a:cubicBezTo>
                      <a:pt x="10860" y="62646"/>
                      <a:pt x="11215" y="62646"/>
                      <a:pt x="11592" y="62667"/>
                    </a:cubicBezTo>
                    <a:cubicBezTo>
                      <a:pt x="12450" y="62730"/>
                      <a:pt x="13329" y="62541"/>
                      <a:pt x="14165" y="62939"/>
                    </a:cubicBezTo>
                    <a:cubicBezTo>
                      <a:pt x="14228" y="62960"/>
                      <a:pt x="14270" y="62960"/>
                      <a:pt x="14333" y="62960"/>
                    </a:cubicBezTo>
                    <a:cubicBezTo>
                      <a:pt x="15588" y="62939"/>
                      <a:pt x="16823" y="63106"/>
                      <a:pt x="18057" y="62876"/>
                    </a:cubicBezTo>
                    <a:cubicBezTo>
                      <a:pt x="18413" y="62834"/>
                      <a:pt x="18748" y="62792"/>
                      <a:pt x="19083" y="62792"/>
                    </a:cubicBezTo>
                    <a:cubicBezTo>
                      <a:pt x="20066" y="62792"/>
                      <a:pt x="21028" y="62834"/>
                      <a:pt x="21991" y="62855"/>
                    </a:cubicBezTo>
                    <a:cubicBezTo>
                      <a:pt x="22221" y="62855"/>
                      <a:pt x="22451" y="62855"/>
                      <a:pt x="22640" y="62960"/>
                    </a:cubicBezTo>
                    <a:cubicBezTo>
                      <a:pt x="23037" y="63148"/>
                      <a:pt x="23393" y="63148"/>
                      <a:pt x="23811" y="63148"/>
                    </a:cubicBezTo>
                    <a:cubicBezTo>
                      <a:pt x="26615" y="63190"/>
                      <a:pt x="29440" y="63253"/>
                      <a:pt x="32243" y="63295"/>
                    </a:cubicBezTo>
                    <a:cubicBezTo>
                      <a:pt x="33708" y="63316"/>
                      <a:pt x="35194" y="63357"/>
                      <a:pt x="36658" y="63378"/>
                    </a:cubicBezTo>
                    <a:cubicBezTo>
                      <a:pt x="37119" y="63378"/>
                      <a:pt x="37579" y="63357"/>
                      <a:pt x="38018" y="63378"/>
                    </a:cubicBezTo>
                    <a:cubicBezTo>
                      <a:pt x="39588" y="63399"/>
                      <a:pt x="41136" y="63462"/>
                      <a:pt x="42705" y="63504"/>
                    </a:cubicBezTo>
                    <a:cubicBezTo>
                      <a:pt x="43249" y="63525"/>
                      <a:pt x="43772" y="63567"/>
                      <a:pt x="44337" y="63567"/>
                    </a:cubicBezTo>
                    <a:cubicBezTo>
                      <a:pt x="44881" y="63567"/>
                      <a:pt x="45425" y="63671"/>
                      <a:pt x="45928" y="63525"/>
                    </a:cubicBezTo>
                    <a:cubicBezTo>
                      <a:pt x="46451" y="63399"/>
                      <a:pt x="46911" y="63378"/>
                      <a:pt x="47434" y="63399"/>
                    </a:cubicBezTo>
                    <a:cubicBezTo>
                      <a:pt x="48313" y="63399"/>
                      <a:pt x="49150" y="63462"/>
                      <a:pt x="50008" y="63462"/>
                    </a:cubicBezTo>
                    <a:cubicBezTo>
                      <a:pt x="50238" y="63462"/>
                      <a:pt x="50468" y="63462"/>
                      <a:pt x="50656" y="63378"/>
                    </a:cubicBezTo>
                    <a:cubicBezTo>
                      <a:pt x="50991" y="63253"/>
                      <a:pt x="51305" y="63253"/>
                      <a:pt x="51661" y="63253"/>
                    </a:cubicBezTo>
                    <a:cubicBezTo>
                      <a:pt x="51995" y="63274"/>
                      <a:pt x="52309" y="63295"/>
                      <a:pt x="52665" y="63316"/>
                    </a:cubicBezTo>
                    <a:cubicBezTo>
                      <a:pt x="52853" y="63044"/>
                      <a:pt x="52790" y="62730"/>
                      <a:pt x="52832" y="62416"/>
                    </a:cubicBezTo>
                    <a:cubicBezTo>
                      <a:pt x="52853" y="62039"/>
                      <a:pt x="52770" y="61642"/>
                      <a:pt x="52895" y="61307"/>
                    </a:cubicBezTo>
                    <a:cubicBezTo>
                      <a:pt x="53104" y="60763"/>
                      <a:pt x="53104" y="60219"/>
                      <a:pt x="53146" y="59633"/>
                    </a:cubicBezTo>
                    <a:cubicBezTo>
                      <a:pt x="53167" y="59068"/>
                      <a:pt x="53083" y="58503"/>
                      <a:pt x="53397" y="57980"/>
                    </a:cubicBezTo>
                    <a:cubicBezTo>
                      <a:pt x="53460" y="57875"/>
                      <a:pt x="53460" y="57708"/>
                      <a:pt x="53460" y="57562"/>
                    </a:cubicBezTo>
                    <a:cubicBezTo>
                      <a:pt x="53502" y="56683"/>
                      <a:pt x="53502" y="56683"/>
                      <a:pt x="53062" y="56034"/>
                    </a:cubicBezTo>
                    <a:lnTo>
                      <a:pt x="53062" y="55950"/>
                    </a:lnTo>
                    <a:cubicBezTo>
                      <a:pt x="53146" y="55867"/>
                      <a:pt x="53188" y="55762"/>
                      <a:pt x="53272" y="55678"/>
                    </a:cubicBezTo>
                    <a:cubicBezTo>
                      <a:pt x="53669" y="55239"/>
                      <a:pt x="53586" y="54883"/>
                      <a:pt x="53083" y="54611"/>
                    </a:cubicBezTo>
                    <a:cubicBezTo>
                      <a:pt x="52895" y="54507"/>
                      <a:pt x="52644" y="54486"/>
                      <a:pt x="52581" y="54193"/>
                    </a:cubicBezTo>
                    <a:cubicBezTo>
                      <a:pt x="52749" y="53753"/>
                      <a:pt x="53251" y="53963"/>
                      <a:pt x="53481" y="53774"/>
                    </a:cubicBezTo>
                    <a:cubicBezTo>
                      <a:pt x="53774" y="53021"/>
                      <a:pt x="53816" y="52310"/>
                      <a:pt x="53816" y="51556"/>
                    </a:cubicBezTo>
                    <a:cubicBezTo>
                      <a:pt x="53816" y="50803"/>
                      <a:pt x="53816" y="50008"/>
                      <a:pt x="53879" y="49255"/>
                    </a:cubicBezTo>
                    <a:cubicBezTo>
                      <a:pt x="53920" y="48334"/>
                      <a:pt x="53941" y="47414"/>
                      <a:pt x="54088" y="46535"/>
                    </a:cubicBezTo>
                    <a:cubicBezTo>
                      <a:pt x="54339" y="44882"/>
                      <a:pt x="54339" y="43271"/>
                      <a:pt x="54297" y="41618"/>
                    </a:cubicBezTo>
                    <a:cubicBezTo>
                      <a:pt x="54255" y="41074"/>
                      <a:pt x="54213" y="40488"/>
                      <a:pt x="54151" y="39965"/>
                    </a:cubicBezTo>
                    <a:cubicBezTo>
                      <a:pt x="53732" y="39839"/>
                      <a:pt x="53397" y="39672"/>
                      <a:pt x="53062" y="39651"/>
                    </a:cubicBezTo>
                    <a:cubicBezTo>
                      <a:pt x="52351" y="39567"/>
                      <a:pt x="51702" y="39316"/>
                      <a:pt x="51012" y="39128"/>
                    </a:cubicBezTo>
                    <a:cubicBezTo>
                      <a:pt x="49380" y="38668"/>
                      <a:pt x="49233" y="38500"/>
                      <a:pt x="47392" y="38500"/>
                    </a:cubicBezTo>
                    <a:cubicBezTo>
                      <a:pt x="46597" y="38500"/>
                      <a:pt x="45781" y="38479"/>
                      <a:pt x="45007" y="38479"/>
                    </a:cubicBezTo>
                    <a:cubicBezTo>
                      <a:pt x="44400" y="38479"/>
                      <a:pt x="43835" y="38416"/>
                      <a:pt x="43249" y="38249"/>
                    </a:cubicBezTo>
                    <a:cubicBezTo>
                      <a:pt x="43040" y="38186"/>
                      <a:pt x="42810" y="38144"/>
                      <a:pt x="42580" y="38144"/>
                    </a:cubicBezTo>
                    <a:lnTo>
                      <a:pt x="38562" y="38061"/>
                    </a:lnTo>
                    <a:cubicBezTo>
                      <a:pt x="38332" y="38061"/>
                      <a:pt x="38102" y="38061"/>
                      <a:pt x="37893" y="38144"/>
                    </a:cubicBezTo>
                    <a:cubicBezTo>
                      <a:pt x="36972" y="38416"/>
                      <a:pt x="36114" y="38814"/>
                      <a:pt x="35110" y="38877"/>
                    </a:cubicBezTo>
                    <a:cubicBezTo>
                      <a:pt x="34671" y="39107"/>
                      <a:pt x="34168" y="39044"/>
                      <a:pt x="33708" y="39023"/>
                    </a:cubicBezTo>
                    <a:cubicBezTo>
                      <a:pt x="33122" y="39023"/>
                      <a:pt x="32578" y="38981"/>
                      <a:pt x="32013" y="38981"/>
                    </a:cubicBezTo>
                    <a:cubicBezTo>
                      <a:pt x="31720" y="38981"/>
                      <a:pt x="31427" y="38940"/>
                      <a:pt x="31176" y="39023"/>
                    </a:cubicBezTo>
                    <a:cubicBezTo>
                      <a:pt x="30821" y="39128"/>
                      <a:pt x="30507" y="39128"/>
                      <a:pt x="30172" y="39128"/>
                    </a:cubicBezTo>
                    <a:cubicBezTo>
                      <a:pt x="29628" y="39128"/>
                      <a:pt x="29105" y="39107"/>
                      <a:pt x="28561" y="39086"/>
                    </a:cubicBezTo>
                    <a:cubicBezTo>
                      <a:pt x="28101" y="39044"/>
                      <a:pt x="27640" y="39107"/>
                      <a:pt x="27243" y="38814"/>
                    </a:cubicBezTo>
                    <a:cubicBezTo>
                      <a:pt x="27159" y="38772"/>
                      <a:pt x="27034" y="38772"/>
                      <a:pt x="26908" y="38730"/>
                    </a:cubicBezTo>
                    <a:cubicBezTo>
                      <a:pt x="26259" y="38709"/>
                      <a:pt x="25673" y="38354"/>
                      <a:pt x="25004" y="38416"/>
                    </a:cubicBezTo>
                    <a:cubicBezTo>
                      <a:pt x="24857" y="38416"/>
                      <a:pt x="24732" y="38312"/>
                      <a:pt x="24606" y="38270"/>
                    </a:cubicBezTo>
                    <a:cubicBezTo>
                      <a:pt x="23686" y="37935"/>
                      <a:pt x="22744" y="37580"/>
                      <a:pt x="21719" y="37663"/>
                    </a:cubicBezTo>
                    <a:cubicBezTo>
                      <a:pt x="21384" y="37684"/>
                      <a:pt x="21049" y="37663"/>
                      <a:pt x="20715" y="37663"/>
                    </a:cubicBezTo>
                    <a:cubicBezTo>
                      <a:pt x="20003" y="37663"/>
                      <a:pt x="19292" y="37831"/>
                      <a:pt x="18664" y="38103"/>
                    </a:cubicBezTo>
                    <a:cubicBezTo>
                      <a:pt x="18246" y="38291"/>
                      <a:pt x="17827" y="38375"/>
                      <a:pt x="17367" y="38375"/>
                    </a:cubicBezTo>
                    <a:cubicBezTo>
                      <a:pt x="15735" y="38312"/>
                      <a:pt x="14124" y="38312"/>
                      <a:pt x="12513" y="38270"/>
                    </a:cubicBezTo>
                    <a:cubicBezTo>
                      <a:pt x="11843" y="38249"/>
                      <a:pt x="11215" y="38500"/>
                      <a:pt x="10525" y="38626"/>
                    </a:cubicBezTo>
                    <a:cubicBezTo>
                      <a:pt x="10483" y="38626"/>
                      <a:pt x="10462" y="38709"/>
                      <a:pt x="10420" y="38730"/>
                    </a:cubicBezTo>
                    <a:cubicBezTo>
                      <a:pt x="10420" y="39232"/>
                      <a:pt x="10399" y="39714"/>
                      <a:pt x="10399" y="40174"/>
                    </a:cubicBezTo>
                    <a:lnTo>
                      <a:pt x="10316" y="49192"/>
                    </a:lnTo>
                    <a:cubicBezTo>
                      <a:pt x="10316" y="49757"/>
                      <a:pt x="10295" y="50280"/>
                      <a:pt x="10085" y="50803"/>
                    </a:cubicBezTo>
                    <a:cubicBezTo>
                      <a:pt x="10002" y="51012"/>
                      <a:pt x="10002" y="51243"/>
                      <a:pt x="10002" y="51473"/>
                    </a:cubicBezTo>
                    <a:cubicBezTo>
                      <a:pt x="9960" y="53774"/>
                      <a:pt x="9939" y="56076"/>
                      <a:pt x="9897" y="58378"/>
                    </a:cubicBezTo>
                    <a:cubicBezTo>
                      <a:pt x="9897" y="58587"/>
                      <a:pt x="9855" y="58796"/>
                      <a:pt x="9939" y="58984"/>
                    </a:cubicBezTo>
                    <a:cubicBezTo>
                      <a:pt x="10295" y="59759"/>
                      <a:pt x="10002" y="60595"/>
                      <a:pt x="10253" y="61391"/>
                    </a:cubicBezTo>
                    <a:cubicBezTo>
                      <a:pt x="10169" y="61725"/>
                      <a:pt x="10253" y="62060"/>
                      <a:pt x="10399" y="62374"/>
                    </a:cubicBezTo>
                    <a:cubicBezTo>
                      <a:pt x="10483" y="62374"/>
                      <a:pt x="10441" y="62520"/>
                      <a:pt x="10441" y="62646"/>
                    </a:cubicBezTo>
                    <a:close/>
                    <a:moveTo>
                      <a:pt x="43961" y="33981"/>
                    </a:moveTo>
                    <a:cubicBezTo>
                      <a:pt x="44295" y="34022"/>
                      <a:pt x="44567" y="34085"/>
                      <a:pt x="44798" y="34106"/>
                    </a:cubicBezTo>
                    <a:cubicBezTo>
                      <a:pt x="46744" y="34336"/>
                      <a:pt x="48689" y="34546"/>
                      <a:pt x="50635" y="34797"/>
                    </a:cubicBezTo>
                    <a:cubicBezTo>
                      <a:pt x="51472" y="34901"/>
                      <a:pt x="52246" y="34755"/>
                      <a:pt x="52937" y="34211"/>
                    </a:cubicBezTo>
                    <a:cubicBezTo>
                      <a:pt x="53083" y="34085"/>
                      <a:pt x="53355" y="34022"/>
                      <a:pt x="53565" y="34002"/>
                    </a:cubicBezTo>
                    <a:cubicBezTo>
                      <a:pt x="53753" y="33939"/>
                      <a:pt x="53941" y="34002"/>
                      <a:pt x="54151" y="33939"/>
                    </a:cubicBezTo>
                    <a:cubicBezTo>
                      <a:pt x="54423" y="33876"/>
                      <a:pt x="54674" y="33771"/>
                      <a:pt x="54946" y="33667"/>
                    </a:cubicBezTo>
                    <a:cubicBezTo>
                      <a:pt x="55071" y="33604"/>
                      <a:pt x="55803" y="32516"/>
                      <a:pt x="55887" y="32349"/>
                    </a:cubicBezTo>
                    <a:cubicBezTo>
                      <a:pt x="56201" y="31784"/>
                      <a:pt x="56201" y="31156"/>
                      <a:pt x="56201" y="30528"/>
                    </a:cubicBezTo>
                    <a:cubicBezTo>
                      <a:pt x="56201" y="30193"/>
                      <a:pt x="56180" y="29838"/>
                      <a:pt x="55971" y="29545"/>
                    </a:cubicBezTo>
                    <a:cubicBezTo>
                      <a:pt x="55845" y="29377"/>
                      <a:pt x="55762" y="29126"/>
                      <a:pt x="55741" y="28917"/>
                    </a:cubicBezTo>
                    <a:cubicBezTo>
                      <a:pt x="55699" y="28541"/>
                      <a:pt x="55552" y="28227"/>
                      <a:pt x="55385" y="27871"/>
                    </a:cubicBezTo>
                    <a:cubicBezTo>
                      <a:pt x="55259" y="27620"/>
                      <a:pt x="55134" y="27390"/>
                      <a:pt x="55050" y="27097"/>
                    </a:cubicBezTo>
                    <a:cubicBezTo>
                      <a:pt x="54862" y="26469"/>
                      <a:pt x="54862" y="25862"/>
                      <a:pt x="55448" y="25402"/>
                    </a:cubicBezTo>
                    <a:cubicBezTo>
                      <a:pt x="55762" y="25130"/>
                      <a:pt x="56075" y="24816"/>
                      <a:pt x="56410" y="24565"/>
                    </a:cubicBezTo>
                    <a:cubicBezTo>
                      <a:pt x="56619" y="24398"/>
                      <a:pt x="56724" y="24209"/>
                      <a:pt x="56787" y="24000"/>
                    </a:cubicBezTo>
                    <a:cubicBezTo>
                      <a:pt x="56850" y="23665"/>
                      <a:pt x="56829" y="23351"/>
                      <a:pt x="56640" y="23017"/>
                    </a:cubicBezTo>
                    <a:cubicBezTo>
                      <a:pt x="56075" y="22012"/>
                      <a:pt x="55699" y="20945"/>
                      <a:pt x="55071" y="20004"/>
                    </a:cubicBezTo>
                    <a:cubicBezTo>
                      <a:pt x="54736" y="19481"/>
                      <a:pt x="54715" y="18874"/>
                      <a:pt x="55176" y="18351"/>
                    </a:cubicBezTo>
                    <a:cubicBezTo>
                      <a:pt x="55741" y="17723"/>
                      <a:pt x="56055" y="17033"/>
                      <a:pt x="55950" y="16196"/>
                    </a:cubicBezTo>
                    <a:cubicBezTo>
                      <a:pt x="55908" y="16007"/>
                      <a:pt x="55950" y="15798"/>
                      <a:pt x="55950" y="15589"/>
                    </a:cubicBezTo>
                    <a:cubicBezTo>
                      <a:pt x="55971" y="15254"/>
                      <a:pt x="55845" y="14982"/>
                      <a:pt x="55636" y="14731"/>
                    </a:cubicBezTo>
                    <a:cubicBezTo>
                      <a:pt x="55239" y="14292"/>
                      <a:pt x="54862" y="13810"/>
                      <a:pt x="54506" y="13350"/>
                    </a:cubicBezTo>
                    <a:cubicBezTo>
                      <a:pt x="54297" y="13078"/>
                      <a:pt x="54067" y="12827"/>
                      <a:pt x="53795" y="12618"/>
                    </a:cubicBezTo>
                    <a:cubicBezTo>
                      <a:pt x="53042" y="12032"/>
                      <a:pt x="52330" y="11362"/>
                      <a:pt x="51410" y="10986"/>
                    </a:cubicBezTo>
                    <a:cubicBezTo>
                      <a:pt x="51221" y="10902"/>
                      <a:pt x="51075" y="10776"/>
                      <a:pt x="50886" y="10672"/>
                    </a:cubicBezTo>
                    <a:cubicBezTo>
                      <a:pt x="50531" y="10525"/>
                      <a:pt x="50405" y="10232"/>
                      <a:pt x="50426" y="9856"/>
                    </a:cubicBezTo>
                    <a:cubicBezTo>
                      <a:pt x="50447" y="9270"/>
                      <a:pt x="50447" y="8663"/>
                      <a:pt x="50468" y="8077"/>
                    </a:cubicBezTo>
                    <a:cubicBezTo>
                      <a:pt x="50531" y="6885"/>
                      <a:pt x="49798" y="6173"/>
                      <a:pt x="48899" y="5545"/>
                    </a:cubicBezTo>
                    <a:cubicBezTo>
                      <a:pt x="48125" y="5315"/>
                      <a:pt x="47371" y="4981"/>
                      <a:pt x="46534" y="4981"/>
                    </a:cubicBezTo>
                    <a:cubicBezTo>
                      <a:pt x="45112" y="4981"/>
                      <a:pt x="43668" y="4918"/>
                      <a:pt x="42266" y="4897"/>
                    </a:cubicBezTo>
                    <a:cubicBezTo>
                      <a:pt x="41827" y="4897"/>
                      <a:pt x="41345" y="4813"/>
                      <a:pt x="40927" y="5043"/>
                    </a:cubicBezTo>
                    <a:cubicBezTo>
                      <a:pt x="40822" y="5106"/>
                      <a:pt x="40634" y="5085"/>
                      <a:pt x="40508" y="5106"/>
                    </a:cubicBezTo>
                    <a:cubicBezTo>
                      <a:pt x="39755" y="5106"/>
                      <a:pt x="39630" y="4981"/>
                      <a:pt x="39588" y="4248"/>
                    </a:cubicBezTo>
                    <a:cubicBezTo>
                      <a:pt x="39588" y="3976"/>
                      <a:pt x="39588" y="3725"/>
                      <a:pt x="39525" y="3474"/>
                    </a:cubicBezTo>
                    <a:cubicBezTo>
                      <a:pt x="39253" y="2909"/>
                      <a:pt x="38897" y="2407"/>
                      <a:pt x="38332" y="2072"/>
                    </a:cubicBezTo>
                    <a:cubicBezTo>
                      <a:pt x="37872" y="1779"/>
                      <a:pt x="37370" y="1465"/>
                      <a:pt x="36909" y="1172"/>
                    </a:cubicBezTo>
                    <a:cubicBezTo>
                      <a:pt x="36637" y="1026"/>
                      <a:pt x="36345" y="942"/>
                      <a:pt x="36010" y="921"/>
                    </a:cubicBezTo>
                    <a:cubicBezTo>
                      <a:pt x="33478" y="817"/>
                      <a:pt x="33478" y="817"/>
                      <a:pt x="31009" y="1591"/>
                    </a:cubicBezTo>
                    <a:cubicBezTo>
                      <a:pt x="30988" y="1591"/>
                      <a:pt x="30967" y="1633"/>
                      <a:pt x="30946" y="1633"/>
                    </a:cubicBezTo>
                    <a:cubicBezTo>
                      <a:pt x="30632" y="1675"/>
                      <a:pt x="30381" y="1863"/>
                      <a:pt x="30130" y="2051"/>
                    </a:cubicBezTo>
                    <a:cubicBezTo>
                      <a:pt x="29607" y="2428"/>
                      <a:pt x="29084" y="2804"/>
                      <a:pt x="28582" y="3244"/>
                    </a:cubicBezTo>
                    <a:cubicBezTo>
                      <a:pt x="28289" y="3516"/>
                      <a:pt x="27954" y="3579"/>
                      <a:pt x="27557" y="3432"/>
                    </a:cubicBezTo>
                    <a:cubicBezTo>
                      <a:pt x="27389" y="3348"/>
                      <a:pt x="27180" y="3307"/>
                      <a:pt x="26992" y="3328"/>
                    </a:cubicBezTo>
                    <a:cubicBezTo>
                      <a:pt x="26176" y="3432"/>
                      <a:pt x="25339" y="3516"/>
                      <a:pt x="24565" y="3725"/>
                    </a:cubicBezTo>
                    <a:cubicBezTo>
                      <a:pt x="23979" y="3851"/>
                      <a:pt x="23435" y="4102"/>
                      <a:pt x="22912" y="4395"/>
                    </a:cubicBezTo>
                    <a:cubicBezTo>
                      <a:pt x="22054" y="4876"/>
                      <a:pt x="21342" y="5525"/>
                      <a:pt x="20694" y="6236"/>
                    </a:cubicBezTo>
                    <a:cubicBezTo>
                      <a:pt x="20317" y="6613"/>
                      <a:pt x="19961" y="7073"/>
                      <a:pt x="19899" y="7617"/>
                    </a:cubicBezTo>
                    <a:cubicBezTo>
                      <a:pt x="19815" y="8245"/>
                      <a:pt x="19501" y="8789"/>
                      <a:pt x="19564" y="9437"/>
                    </a:cubicBezTo>
                    <a:cubicBezTo>
                      <a:pt x="19585" y="9793"/>
                      <a:pt x="19396" y="10023"/>
                      <a:pt x="19041" y="10149"/>
                    </a:cubicBezTo>
                    <a:cubicBezTo>
                      <a:pt x="18246" y="10421"/>
                      <a:pt x="17513" y="10755"/>
                      <a:pt x="16781" y="11153"/>
                    </a:cubicBezTo>
                    <a:cubicBezTo>
                      <a:pt x="16237" y="11467"/>
                      <a:pt x="15714" y="11781"/>
                      <a:pt x="15274" y="12241"/>
                    </a:cubicBezTo>
                    <a:cubicBezTo>
                      <a:pt x="15002" y="12534"/>
                      <a:pt x="14689" y="12785"/>
                      <a:pt x="14417" y="13078"/>
                    </a:cubicBezTo>
                    <a:cubicBezTo>
                      <a:pt x="14145" y="13350"/>
                      <a:pt x="13935" y="13622"/>
                      <a:pt x="13705" y="13915"/>
                    </a:cubicBezTo>
                    <a:cubicBezTo>
                      <a:pt x="13433" y="14229"/>
                      <a:pt x="13308" y="14605"/>
                      <a:pt x="13329" y="15024"/>
                    </a:cubicBezTo>
                    <a:cubicBezTo>
                      <a:pt x="13370" y="15484"/>
                      <a:pt x="13224" y="15986"/>
                      <a:pt x="13621" y="16384"/>
                    </a:cubicBezTo>
                    <a:cubicBezTo>
                      <a:pt x="13893" y="16656"/>
                      <a:pt x="13831" y="17074"/>
                      <a:pt x="13789" y="17451"/>
                    </a:cubicBezTo>
                    <a:cubicBezTo>
                      <a:pt x="13747" y="17744"/>
                      <a:pt x="13538" y="17890"/>
                      <a:pt x="13308" y="18016"/>
                    </a:cubicBezTo>
                    <a:cubicBezTo>
                      <a:pt x="13182" y="18100"/>
                      <a:pt x="13077" y="18204"/>
                      <a:pt x="12994" y="18309"/>
                    </a:cubicBezTo>
                    <a:cubicBezTo>
                      <a:pt x="12680" y="18685"/>
                      <a:pt x="12345" y="19020"/>
                      <a:pt x="12052" y="19418"/>
                    </a:cubicBezTo>
                    <a:cubicBezTo>
                      <a:pt x="11927" y="19585"/>
                      <a:pt x="11801" y="19774"/>
                      <a:pt x="11696" y="19962"/>
                    </a:cubicBezTo>
                    <a:cubicBezTo>
                      <a:pt x="11445" y="20318"/>
                      <a:pt x="11236" y="20694"/>
                      <a:pt x="11006" y="21029"/>
                    </a:cubicBezTo>
                    <a:cubicBezTo>
                      <a:pt x="10755" y="21343"/>
                      <a:pt x="10588" y="21678"/>
                      <a:pt x="10504" y="22096"/>
                    </a:cubicBezTo>
                    <a:cubicBezTo>
                      <a:pt x="10336" y="22996"/>
                      <a:pt x="10085" y="23875"/>
                      <a:pt x="9939" y="24774"/>
                    </a:cubicBezTo>
                    <a:cubicBezTo>
                      <a:pt x="9855" y="25193"/>
                      <a:pt x="9918" y="25611"/>
                      <a:pt x="9939" y="26030"/>
                    </a:cubicBezTo>
                    <a:cubicBezTo>
                      <a:pt x="9960" y="26364"/>
                      <a:pt x="10085" y="26678"/>
                      <a:pt x="10148" y="27013"/>
                    </a:cubicBezTo>
                    <a:cubicBezTo>
                      <a:pt x="10253" y="27850"/>
                      <a:pt x="10588" y="28582"/>
                      <a:pt x="11027" y="29294"/>
                    </a:cubicBezTo>
                    <a:cubicBezTo>
                      <a:pt x="11173" y="29482"/>
                      <a:pt x="11278" y="29691"/>
                      <a:pt x="11341" y="29901"/>
                    </a:cubicBezTo>
                    <a:cubicBezTo>
                      <a:pt x="11487" y="30403"/>
                      <a:pt x="11738" y="30821"/>
                      <a:pt x="12010" y="31261"/>
                    </a:cubicBezTo>
                    <a:cubicBezTo>
                      <a:pt x="12387" y="31888"/>
                      <a:pt x="12743" y="32537"/>
                      <a:pt x="13370" y="32955"/>
                    </a:cubicBezTo>
                    <a:cubicBezTo>
                      <a:pt x="13580" y="33081"/>
                      <a:pt x="13601" y="33332"/>
                      <a:pt x="13496" y="33478"/>
                    </a:cubicBezTo>
                    <a:cubicBezTo>
                      <a:pt x="13391" y="33667"/>
                      <a:pt x="13203" y="33750"/>
                      <a:pt x="12994" y="33709"/>
                    </a:cubicBezTo>
                    <a:cubicBezTo>
                      <a:pt x="12847" y="33688"/>
                      <a:pt x="12680" y="33646"/>
                      <a:pt x="12492" y="33583"/>
                    </a:cubicBezTo>
                    <a:cubicBezTo>
                      <a:pt x="12429" y="33813"/>
                      <a:pt x="12345" y="34002"/>
                      <a:pt x="12324" y="34190"/>
                    </a:cubicBezTo>
                    <a:cubicBezTo>
                      <a:pt x="12261" y="34399"/>
                      <a:pt x="12241" y="34608"/>
                      <a:pt x="12220" y="34839"/>
                    </a:cubicBezTo>
                    <a:cubicBezTo>
                      <a:pt x="13391" y="34734"/>
                      <a:pt x="14542" y="34629"/>
                      <a:pt x="15672" y="34587"/>
                    </a:cubicBezTo>
                    <a:cubicBezTo>
                      <a:pt x="16781" y="34504"/>
                      <a:pt x="17911" y="34587"/>
                      <a:pt x="19145" y="34420"/>
                    </a:cubicBezTo>
                    <a:cubicBezTo>
                      <a:pt x="18664" y="33855"/>
                      <a:pt x="18141" y="33458"/>
                      <a:pt x="17869" y="32851"/>
                    </a:cubicBezTo>
                    <a:cubicBezTo>
                      <a:pt x="17576" y="32286"/>
                      <a:pt x="17346" y="31679"/>
                      <a:pt x="16969" y="31135"/>
                    </a:cubicBezTo>
                    <a:cubicBezTo>
                      <a:pt x="16321" y="31302"/>
                      <a:pt x="15714" y="31344"/>
                      <a:pt x="15107" y="31051"/>
                    </a:cubicBezTo>
                    <a:cubicBezTo>
                      <a:pt x="14961" y="30968"/>
                      <a:pt x="14772" y="30989"/>
                      <a:pt x="14626" y="30947"/>
                    </a:cubicBezTo>
                    <a:cubicBezTo>
                      <a:pt x="13893" y="30737"/>
                      <a:pt x="13329" y="30235"/>
                      <a:pt x="12805" y="29712"/>
                    </a:cubicBezTo>
                    <a:cubicBezTo>
                      <a:pt x="12764" y="29670"/>
                      <a:pt x="12743" y="29566"/>
                      <a:pt x="12701" y="29482"/>
                    </a:cubicBezTo>
                    <a:cubicBezTo>
                      <a:pt x="12387" y="28750"/>
                      <a:pt x="12136" y="27996"/>
                      <a:pt x="12261" y="27180"/>
                    </a:cubicBezTo>
                    <a:cubicBezTo>
                      <a:pt x="12282" y="27013"/>
                      <a:pt x="12282" y="26846"/>
                      <a:pt x="12261" y="26657"/>
                    </a:cubicBezTo>
                    <a:cubicBezTo>
                      <a:pt x="12241" y="26218"/>
                      <a:pt x="12450" y="25820"/>
                      <a:pt x="12743" y="25507"/>
                    </a:cubicBezTo>
                    <a:cubicBezTo>
                      <a:pt x="12994" y="25214"/>
                      <a:pt x="13308" y="24963"/>
                      <a:pt x="13601" y="24670"/>
                    </a:cubicBezTo>
                    <a:cubicBezTo>
                      <a:pt x="13789" y="24502"/>
                      <a:pt x="13956" y="24439"/>
                      <a:pt x="14228" y="24439"/>
                    </a:cubicBezTo>
                    <a:cubicBezTo>
                      <a:pt x="15295" y="24460"/>
                      <a:pt x="16342" y="24230"/>
                      <a:pt x="17409" y="24042"/>
                    </a:cubicBezTo>
                    <a:cubicBezTo>
                      <a:pt x="17911" y="23958"/>
                      <a:pt x="18329" y="23749"/>
                      <a:pt x="18706" y="23414"/>
                    </a:cubicBezTo>
                    <a:cubicBezTo>
                      <a:pt x="19250" y="22912"/>
                      <a:pt x="19773" y="22389"/>
                      <a:pt x="20296" y="21866"/>
                    </a:cubicBezTo>
                    <a:cubicBezTo>
                      <a:pt x="20547" y="21636"/>
                      <a:pt x="20694" y="21322"/>
                      <a:pt x="20735" y="20987"/>
                    </a:cubicBezTo>
                    <a:cubicBezTo>
                      <a:pt x="20840" y="20255"/>
                      <a:pt x="21133" y="19564"/>
                      <a:pt x="21049" y="18811"/>
                    </a:cubicBezTo>
                    <a:cubicBezTo>
                      <a:pt x="21049" y="18748"/>
                      <a:pt x="21049" y="18706"/>
                      <a:pt x="21070" y="18644"/>
                    </a:cubicBezTo>
                    <a:cubicBezTo>
                      <a:pt x="21175" y="18183"/>
                      <a:pt x="21635" y="17974"/>
                      <a:pt x="22075" y="18204"/>
                    </a:cubicBezTo>
                    <a:cubicBezTo>
                      <a:pt x="22263" y="18309"/>
                      <a:pt x="22388" y="18434"/>
                      <a:pt x="22535" y="18581"/>
                    </a:cubicBezTo>
                    <a:cubicBezTo>
                      <a:pt x="22744" y="18790"/>
                      <a:pt x="23016" y="18895"/>
                      <a:pt x="23309" y="18916"/>
                    </a:cubicBezTo>
                    <a:cubicBezTo>
                      <a:pt x="24690" y="19041"/>
                      <a:pt x="24920" y="18999"/>
                      <a:pt x="26155" y="18330"/>
                    </a:cubicBezTo>
                    <a:cubicBezTo>
                      <a:pt x="26301" y="18267"/>
                      <a:pt x="26448" y="18183"/>
                      <a:pt x="26594" y="18100"/>
                    </a:cubicBezTo>
                    <a:cubicBezTo>
                      <a:pt x="27117" y="17849"/>
                      <a:pt x="27536" y="17493"/>
                      <a:pt x="27870" y="17012"/>
                    </a:cubicBezTo>
                    <a:cubicBezTo>
                      <a:pt x="28038" y="16761"/>
                      <a:pt x="28247" y="16551"/>
                      <a:pt x="28456" y="16384"/>
                    </a:cubicBezTo>
                    <a:cubicBezTo>
                      <a:pt x="28791" y="16070"/>
                      <a:pt x="29084" y="15714"/>
                      <a:pt x="29272" y="15296"/>
                    </a:cubicBezTo>
                    <a:cubicBezTo>
                      <a:pt x="29398" y="15045"/>
                      <a:pt x="29523" y="14815"/>
                      <a:pt x="29691" y="14564"/>
                    </a:cubicBezTo>
                    <a:cubicBezTo>
                      <a:pt x="30026" y="14020"/>
                      <a:pt x="30172" y="13455"/>
                      <a:pt x="30214" y="12785"/>
                    </a:cubicBezTo>
                    <a:cubicBezTo>
                      <a:pt x="30214" y="12471"/>
                      <a:pt x="30256" y="12157"/>
                      <a:pt x="30319" y="11843"/>
                    </a:cubicBezTo>
                    <a:cubicBezTo>
                      <a:pt x="30339" y="11613"/>
                      <a:pt x="30381" y="11383"/>
                      <a:pt x="30653" y="11320"/>
                    </a:cubicBezTo>
                    <a:cubicBezTo>
                      <a:pt x="30842" y="11279"/>
                      <a:pt x="30988" y="11488"/>
                      <a:pt x="31051" y="11906"/>
                    </a:cubicBezTo>
                    <a:cubicBezTo>
                      <a:pt x="31093" y="12429"/>
                      <a:pt x="31072" y="12973"/>
                      <a:pt x="31114" y="13517"/>
                    </a:cubicBezTo>
                    <a:cubicBezTo>
                      <a:pt x="31155" y="13789"/>
                      <a:pt x="31155" y="14040"/>
                      <a:pt x="31260" y="14250"/>
                    </a:cubicBezTo>
                    <a:cubicBezTo>
                      <a:pt x="31616" y="15066"/>
                      <a:pt x="32223" y="15714"/>
                      <a:pt x="32871" y="16321"/>
                    </a:cubicBezTo>
                    <a:cubicBezTo>
                      <a:pt x="33311" y="16719"/>
                      <a:pt x="33834" y="16949"/>
                      <a:pt x="34440" y="16823"/>
                    </a:cubicBezTo>
                    <a:cubicBezTo>
                      <a:pt x="34984" y="16698"/>
                      <a:pt x="35570" y="16656"/>
                      <a:pt x="35884" y="16070"/>
                    </a:cubicBezTo>
                    <a:cubicBezTo>
                      <a:pt x="35926" y="15924"/>
                      <a:pt x="36073" y="15861"/>
                      <a:pt x="36177" y="15777"/>
                    </a:cubicBezTo>
                    <a:cubicBezTo>
                      <a:pt x="36617" y="15463"/>
                      <a:pt x="37119" y="15652"/>
                      <a:pt x="37223" y="16196"/>
                    </a:cubicBezTo>
                    <a:cubicBezTo>
                      <a:pt x="37328" y="16698"/>
                      <a:pt x="37391" y="17179"/>
                      <a:pt x="37495" y="17681"/>
                    </a:cubicBezTo>
                    <a:cubicBezTo>
                      <a:pt x="37558" y="17911"/>
                      <a:pt x="37663" y="18183"/>
                      <a:pt x="37767" y="18393"/>
                    </a:cubicBezTo>
                    <a:cubicBezTo>
                      <a:pt x="38081" y="19020"/>
                      <a:pt x="38437" y="19648"/>
                      <a:pt x="38751" y="20276"/>
                    </a:cubicBezTo>
                    <a:cubicBezTo>
                      <a:pt x="39127" y="20987"/>
                      <a:pt x="39797" y="21154"/>
                      <a:pt x="40508" y="21301"/>
                    </a:cubicBezTo>
                    <a:cubicBezTo>
                      <a:pt x="40676" y="21322"/>
                      <a:pt x="40843" y="21259"/>
                      <a:pt x="41010" y="21217"/>
                    </a:cubicBezTo>
                    <a:cubicBezTo>
                      <a:pt x="41241" y="21134"/>
                      <a:pt x="41513" y="21029"/>
                      <a:pt x="41680" y="20882"/>
                    </a:cubicBezTo>
                    <a:cubicBezTo>
                      <a:pt x="42099" y="20527"/>
                      <a:pt x="42622" y="20359"/>
                      <a:pt x="42894" y="19836"/>
                    </a:cubicBezTo>
                    <a:cubicBezTo>
                      <a:pt x="42915" y="19774"/>
                      <a:pt x="42977" y="19753"/>
                      <a:pt x="43019" y="19690"/>
                    </a:cubicBezTo>
                    <a:cubicBezTo>
                      <a:pt x="43228" y="19564"/>
                      <a:pt x="43438" y="19522"/>
                      <a:pt x="43668" y="19627"/>
                    </a:cubicBezTo>
                    <a:cubicBezTo>
                      <a:pt x="43919" y="19732"/>
                      <a:pt x="44044" y="19878"/>
                      <a:pt x="44044" y="20150"/>
                    </a:cubicBezTo>
                    <a:cubicBezTo>
                      <a:pt x="44044" y="20799"/>
                      <a:pt x="44065" y="21447"/>
                      <a:pt x="44023" y="22096"/>
                    </a:cubicBezTo>
                    <a:cubicBezTo>
                      <a:pt x="43982" y="22724"/>
                      <a:pt x="44233" y="23247"/>
                      <a:pt x="44588" y="23749"/>
                    </a:cubicBezTo>
                    <a:cubicBezTo>
                      <a:pt x="44777" y="23979"/>
                      <a:pt x="44965" y="24272"/>
                      <a:pt x="45132" y="24502"/>
                    </a:cubicBezTo>
                    <a:cubicBezTo>
                      <a:pt x="45593" y="25067"/>
                      <a:pt x="45928" y="25653"/>
                      <a:pt x="46660" y="25925"/>
                    </a:cubicBezTo>
                    <a:cubicBezTo>
                      <a:pt x="47016" y="26051"/>
                      <a:pt x="47308" y="26072"/>
                      <a:pt x="47601" y="25800"/>
                    </a:cubicBezTo>
                    <a:cubicBezTo>
                      <a:pt x="48020" y="25402"/>
                      <a:pt x="48480" y="25193"/>
                      <a:pt x="49066" y="25423"/>
                    </a:cubicBezTo>
                    <a:lnTo>
                      <a:pt x="49150" y="25423"/>
                    </a:lnTo>
                    <a:cubicBezTo>
                      <a:pt x="49526" y="25402"/>
                      <a:pt x="49840" y="25528"/>
                      <a:pt x="50133" y="25820"/>
                    </a:cubicBezTo>
                    <a:cubicBezTo>
                      <a:pt x="50259" y="25925"/>
                      <a:pt x="50405" y="26030"/>
                      <a:pt x="50552" y="26113"/>
                    </a:cubicBezTo>
                    <a:cubicBezTo>
                      <a:pt x="50824" y="26260"/>
                      <a:pt x="50928" y="26490"/>
                      <a:pt x="50970" y="26804"/>
                    </a:cubicBezTo>
                    <a:cubicBezTo>
                      <a:pt x="51054" y="27536"/>
                      <a:pt x="50886" y="28227"/>
                      <a:pt x="50740" y="28896"/>
                    </a:cubicBezTo>
                    <a:cubicBezTo>
                      <a:pt x="50719" y="29043"/>
                      <a:pt x="50614" y="29168"/>
                      <a:pt x="50531" y="29273"/>
                    </a:cubicBezTo>
                    <a:cubicBezTo>
                      <a:pt x="49777" y="30089"/>
                      <a:pt x="49003" y="30884"/>
                      <a:pt x="47936" y="31302"/>
                    </a:cubicBezTo>
                    <a:cubicBezTo>
                      <a:pt x="47476" y="31491"/>
                      <a:pt x="47016" y="31616"/>
                      <a:pt x="46534" y="31554"/>
                    </a:cubicBezTo>
                    <a:cubicBezTo>
                      <a:pt x="46220" y="31491"/>
                      <a:pt x="45928" y="31407"/>
                      <a:pt x="45593" y="31365"/>
                    </a:cubicBezTo>
                    <a:cubicBezTo>
                      <a:pt x="45216" y="31805"/>
                      <a:pt x="44777" y="32202"/>
                      <a:pt x="44714" y="32851"/>
                    </a:cubicBezTo>
                    <a:cubicBezTo>
                      <a:pt x="44693" y="33060"/>
                      <a:pt x="44547" y="33248"/>
                      <a:pt x="44442" y="33458"/>
                    </a:cubicBezTo>
                    <a:cubicBezTo>
                      <a:pt x="44149" y="33562"/>
                      <a:pt x="44065" y="33709"/>
                      <a:pt x="43961" y="33981"/>
                    </a:cubicBezTo>
                    <a:close/>
                    <a:moveTo>
                      <a:pt x="46555" y="27055"/>
                    </a:moveTo>
                    <a:cubicBezTo>
                      <a:pt x="46137" y="26846"/>
                      <a:pt x="45739" y="26657"/>
                      <a:pt x="45321" y="26469"/>
                    </a:cubicBezTo>
                    <a:cubicBezTo>
                      <a:pt x="45091" y="26364"/>
                      <a:pt x="44902" y="26197"/>
                      <a:pt x="44735" y="25967"/>
                    </a:cubicBezTo>
                    <a:cubicBezTo>
                      <a:pt x="44358" y="25402"/>
                      <a:pt x="43898" y="24858"/>
                      <a:pt x="43500" y="24272"/>
                    </a:cubicBezTo>
                    <a:cubicBezTo>
                      <a:pt x="43082" y="23665"/>
                      <a:pt x="42705" y="23017"/>
                      <a:pt x="42810" y="22242"/>
                    </a:cubicBezTo>
                    <a:cubicBezTo>
                      <a:pt x="42831" y="22033"/>
                      <a:pt x="42831" y="21845"/>
                      <a:pt x="42810" y="21636"/>
                    </a:cubicBezTo>
                    <a:cubicBezTo>
                      <a:pt x="42810" y="21510"/>
                      <a:pt x="42747" y="21364"/>
                      <a:pt x="42705" y="21196"/>
                    </a:cubicBezTo>
                    <a:cubicBezTo>
                      <a:pt x="42496" y="21343"/>
                      <a:pt x="42308" y="21447"/>
                      <a:pt x="42161" y="21552"/>
                    </a:cubicBezTo>
                    <a:cubicBezTo>
                      <a:pt x="41701" y="21866"/>
                      <a:pt x="41241" y="22138"/>
                      <a:pt x="40697" y="22242"/>
                    </a:cubicBezTo>
                    <a:cubicBezTo>
                      <a:pt x="39776" y="22389"/>
                      <a:pt x="38730" y="22033"/>
                      <a:pt x="38102" y="21322"/>
                    </a:cubicBezTo>
                    <a:cubicBezTo>
                      <a:pt x="37893" y="21092"/>
                      <a:pt x="37746" y="20820"/>
                      <a:pt x="37579" y="20569"/>
                    </a:cubicBezTo>
                    <a:cubicBezTo>
                      <a:pt x="37328" y="20087"/>
                      <a:pt x="37077" y="19627"/>
                      <a:pt x="36826" y="19146"/>
                    </a:cubicBezTo>
                    <a:cubicBezTo>
                      <a:pt x="36533" y="18644"/>
                      <a:pt x="36303" y="18121"/>
                      <a:pt x="36240" y="17556"/>
                    </a:cubicBezTo>
                    <a:cubicBezTo>
                      <a:pt x="36219" y="17430"/>
                      <a:pt x="36135" y="17284"/>
                      <a:pt x="36093" y="17158"/>
                    </a:cubicBezTo>
                    <a:cubicBezTo>
                      <a:pt x="35989" y="17221"/>
                      <a:pt x="35884" y="17221"/>
                      <a:pt x="35821" y="17263"/>
                    </a:cubicBezTo>
                    <a:cubicBezTo>
                      <a:pt x="35068" y="17702"/>
                      <a:pt x="34252" y="17869"/>
                      <a:pt x="33373" y="17786"/>
                    </a:cubicBezTo>
                    <a:cubicBezTo>
                      <a:pt x="33185" y="17765"/>
                      <a:pt x="32976" y="17723"/>
                      <a:pt x="32808" y="17639"/>
                    </a:cubicBezTo>
                    <a:cubicBezTo>
                      <a:pt x="31846" y="17012"/>
                      <a:pt x="31009" y="16258"/>
                      <a:pt x="30465" y="15212"/>
                    </a:cubicBezTo>
                    <a:cubicBezTo>
                      <a:pt x="30444" y="15149"/>
                      <a:pt x="30360" y="15108"/>
                      <a:pt x="30277" y="15045"/>
                    </a:cubicBezTo>
                    <a:cubicBezTo>
                      <a:pt x="30235" y="15087"/>
                      <a:pt x="30172" y="15108"/>
                      <a:pt x="30151" y="15170"/>
                    </a:cubicBezTo>
                    <a:cubicBezTo>
                      <a:pt x="29754" y="16049"/>
                      <a:pt x="29210" y="16844"/>
                      <a:pt x="28498" y="17514"/>
                    </a:cubicBezTo>
                    <a:cubicBezTo>
                      <a:pt x="28477" y="17556"/>
                      <a:pt x="28477" y="17577"/>
                      <a:pt x="28456" y="17597"/>
                    </a:cubicBezTo>
                    <a:cubicBezTo>
                      <a:pt x="28038" y="18288"/>
                      <a:pt x="27410" y="18706"/>
                      <a:pt x="26720" y="19083"/>
                    </a:cubicBezTo>
                    <a:cubicBezTo>
                      <a:pt x="26301" y="19334"/>
                      <a:pt x="25883" y="19585"/>
                      <a:pt x="25464" y="19794"/>
                    </a:cubicBezTo>
                    <a:cubicBezTo>
                      <a:pt x="25234" y="19899"/>
                      <a:pt x="25004" y="20025"/>
                      <a:pt x="24753" y="20004"/>
                    </a:cubicBezTo>
                    <a:cubicBezTo>
                      <a:pt x="23853" y="19983"/>
                      <a:pt x="22912" y="20129"/>
                      <a:pt x="21928" y="19774"/>
                    </a:cubicBezTo>
                    <a:cubicBezTo>
                      <a:pt x="21803" y="20318"/>
                      <a:pt x="21677" y="20841"/>
                      <a:pt x="21552" y="21364"/>
                    </a:cubicBezTo>
                    <a:cubicBezTo>
                      <a:pt x="21405" y="21866"/>
                      <a:pt x="21238" y="22347"/>
                      <a:pt x="20819" y="22682"/>
                    </a:cubicBezTo>
                    <a:cubicBezTo>
                      <a:pt x="20317" y="23121"/>
                      <a:pt x="19836" y="23623"/>
                      <a:pt x="19355" y="24084"/>
                    </a:cubicBezTo>
                    <a:cubicBezTo>
                      <a:pt x="18790" y="24607"/>
                      <a:pt x="18204" y="25025"/>
                      <a:pt x="17450" y="25109"/>
                    </a:cubicBezTo>
                    <a:cubicBezTo>
                      <a:pt x="17283" y="25130"/>
                      <a:pt x="17116" y="25193"/>
                      <a:pt x="16948" y="25235"/>
                    </a:cubicBezTo>
                    <a:cubicBezTo>
                      <a:pt x="16927" y="25360"/>
                      <a:pt x="16886" y="25465"/>
                      <a:pt x="16865" y="25569"/>
                    </a:cubicBezTo>
                    <a:cubicBezTo>
                      <a:pt x="16655" y="27557"/>
                      <a:pt x="17158" y="29398"/>
                      <a:pt x="17890" y="31219"/>
                    </a:cubicBezTo>
                    <a:cubicBezTo>
                      <a:pt x="18036" y="31616"/>
                      <a:pt x="18225" y="32014"/>
                      <a:pt x="18434" y="32370"/>
                    </a:cubicBezTo>
                    <a:cubicBezTo>
                      <a:pt x="18601" y="32662"/>
                      <a:pt x="18769" y="32997"/>
                      <a:pt x="19062" y="33165"/>
                    </a:cubicBezTo>
                    <a:cubicBezTo>
                      <a:pt x="19480" y="33458"/>
                      <a:pt x="19710" y="33834"/>
                      <a:pt x="19961" y="34253"/>
                    </a:cubicBezTo>
                    <a:cubicBezTo>
                      <a:pt x="20233" y="34776"/>
                      <a:pt x="20610" y="35257"/>
                      <a:pt x="21133" y="35571"/>
                    </a:cubicBezTo>
                    <a:cubicBezTo>
                      <a:pt x="21635" y="35864"/>
                      <a:pt x="22158" y="36073"/>
                      <a:pt x="22619" y="36387"/>
                    </a:cubicBezTo>
                    <a:cubicBezTo>
                      <a:pt x="23225" y="36805"/>
                      <a:pt x="23895" y="36973"/>
                      <a:pt x="24585" y="37140"/>
                    </a:cubicBezTo>
                    <a:cubicBezTo>
                      <a:pt x="24816" y="37182"/>
                      <a:pt x="25088" y="37182"/>
                      <a:pt x="25339" y="37245"/>
                    </a:cubicBezTo>
                    <a:cubicBezTo>
                      <a:pt x="26029" y="37391"/>
                      <a:pt x="26699" y="37642"/>
                      <a:pt x="27410" y="37705"/>
                    </a:cubicBezTo>
                    <a:cubicBezTo>
                      <a:pt x="28059" y="37789"/>
                      <a:pt x="28686" y="37872"/>
                      <a:pt x="29314" y="38019"/>
                    </a:cubicBezTo>
                    <a:cubicBezTo>
                      <a:pt x="29502" y="38082"/>
                      <a:pt x="29712" y="38061"/>
                      <a:pt x="29921" y="38061"/>
                    </a:cubicBezTo>
                    <a:cubicBezTo>
                      <a:pt x="31302" y="38061"/>
                      <a:pt x="32683" y="38019"/>
                      <a:pt x="34106" y="38019"/>
                    </a:cubicBezTo>
                    <a:cubicBezTo>
                      <a:pt x="34231" y="38019"/>
                      <a:pt x="34378" y="38019"/>
                      <a:pt x="34524" y="37998"/>
                    </a:cubicBezTo>
                    <a:cubicBezTo>
                      <a:pt x="35382" y="37768"/>
                      <a:pt x="36282" y="37559"/>
                      <a:pt x="37098" y="37287"/>
                    </a:cubicBezTo>
                    <a:cubicBezTo>
                      <a:pt x="38123" y="36973"/>
                      <a:pt x="39169" y="36701"/>
                      <a:pt x="40090" y="36136"/>
                    </a:cubicBezTo>
                    <a:cubicBezTo>
                      <a:pt x="40508" y="35906"/>
                      <a:pt x="40864" y="35613"/>
                      <a:pt x="41282" y="35362"/>
                    </a:cubicBezTo>
                    <a:cubicBezTo>
                      <a:pt x="41680" y="34567"/>
                      <a:pt x="42371" y="34002"/>
                      <a:pt x="42810" y="33248"/>
                    </a:cubicBezTo>
                    <a:cubicBezTo>
                      <a:pt x="43249" y="32432"/>
                      <a:pt x="43898" y="31721"/>
                      <a:pt x="44379" y="30905"/>
                    </a:cubicBezTo>
                    <a:cubicBezTo>
                      <a:pt x="44735" y="30319"/>
                      <a:pt x="45132" y="29712"/>
                      <a:pt x="45509" y="29105"/>
                    </a:cubicBezTo>
                    <a:cubicBezTo>
                      <a:pt x="45865" y="28436"/>
                      <a:pt x="46220" y="27745"/>
                      <a:pt x="46555" y="27055"/>
                    </a:cubicBezTo>
                    <a:close/>
                    <a:moveTo>
                      <a:pt x="7826" y="35906"/>
                    </a:moveTo>
                    <a:cubicBezTo>
                      <a:pt x="7575" y="36471"/>
                      <a:pt x="7512" y="36994"/>
                      <a:pt x="7533" y="37538"/>
                    </a:cubicBezTo>
                    <a:cubicBezTo>
                      <a:pt x="7533" y="38103"/>
                      <a:pt x="7512" y="38647"/>
                      <a:pt x="7512" y="39232"/>
                    </a:cubicBezTo>
                    <a:cubicBezTo>
                      <a:pt x="7512" y="39881"/>
                      <a:pt x="7470" y="40551"/>
                      <a:pt x="7323" y="41178"/>
                    </a:cubicBezTo>
                    <a:cubicBezTo>
                      <a:pt x="7240" y="41555"/>
                      <a:pt x="7219" y="41953"/>
                      <a:pt x="7219" y="42350"/>
                    </a:cubicBezTo>
                    <a:cubicBezTo>
                      <a:pt x="7156" y="44568"/>
                      <a:pt x="7135" y="46765"/>
                      <a:pt x="7114" y="48983"/>
                    </a:cubicBezTo>
                    <a:cubicBezTo>
                      <a:pt x="7093" y="49987"/>
                      <a:pt x="7114" y="50971"/>
                      <a:pt x="6947" y="51975"/>
                    </a:cubicBezTo>
                    <a:cubicBezTo>
                      <a:pt x="6926" y="52163"/>
                      <a:pt x="6947" y="52331"/>
                      <a:pt x="6947" y="52603"/>
                    </a:cubicBezTo>
                    <a:cubicBezTo>
                      <a:pt x="7156" y="52561"/>
                      <a:pt x="7323" y="52540"/>
                      <a:pt x="7512" y="52519"/>
                    </a:cubicBezTo>
                    <a:cubicBezTo>
                      <a:pt x="7742" y="52498"/>
                      <a:pt x="7993" y="52414"/>
                      <a:pt x="8244" y="52414"/>
                    </a:cubicBezTo>
                    <a:cubicBezTo>
                      <a:pt x="8495" y="52414"/>
                      <a:pt x="8683" y="52624"/>
                      <a:pt x="8683" y="52833"/>
                    </a:cubicBezTo>
                    <a:cubicBezTo>
                      <a:pt x="8683" y="53042"/>
                      <a:pt x="8579" y="53209"/>
                      <a:pt x="8349" y="53272"/>
                    </a:cubicBezTo>
                    <a:cubicBezTo>
                      <a:pt x="7993" y="53419"/>
                      <a:pt x="7658" y="53523"/>
                      <a:pt x="7261" y="53670"/>
                    </a:cubicBezTo>
                    <a:cubicBezTo>
                      <a:pt x="7658" y="54067"/>
                      <a:pt x="7951" y="54465"/>
                      <a:pt x="8370" y="54716"/>
                    </a:cubicBezTo>
                    <a:cubicBezTo>
                      <a:pt x="8558" y="54841"/>
                      <a:pt x="8704" y="55009"/>
                      <a:pt x="8830" y="55197"/>
                    </a:cubicBezTo>
                    <a:cubicBezTo>
                      <a:pt x="8997" y="55406"/>
                      <a:pt x="8893" y="55720"/>
                      <a:pt x="8621" y="55825"/>
                    </a:cubicBezTo>
                    <a:cubicBezTo>
                      <a:pt x="8391" y="55888"/>
                      <a:pt x="8181" y="55888"/>
                      <a:pt x="7972" y="55720"/>
                    </a:cubicBezTo>
                    <a:cubicBezTo>
                      <a:pt x="7679" y="55469"/>
                      <a:pt x="7428" y="55218"/>
                      <a:pt x="7156" y="54946"/>
                    </a:cubicBezTo>
                    <a:cubicBezTo>
                      <a:pt x="7051" y="54883"/>
                      <a:pt x="6989" y="54716"/>
                      <a:pt x="6779" y="54800"/>
                    </a:cubicBezTo>
                    <a:cubicBezTo>
                      <a:pt x="6779" y="55155"/>
                      <a:pt x="6779" y="55553"/>
                      <a:pt x="6738" y="55971"/>
                    </a:cubicBezTo>
                    <a:cubicBezTo>
                      <a:pt x="6947" y="56097"/>
                      <a:pt x="7177" y="56243"/>
                      <a:pt x="7386" y="56369"/>
                    </a:cubicBezTo>
                    <a:cubicBezTo>
                      <a:pt x="7575" y="56494"/>
                      <a:pt x="7554" y="56829"/>
                      <a:pt x="7365" y="56934"/>
                    </a:cubicBezTo>
                    <a:cubicBezTo>
                      <a:pt x="7135" y="57038"/>
                      <a:pt x="6905" y="57122"/>
                      <a:pt x="6654" y="57206"/>
                    </a:cubicBezTo>
                    <a:cubicBezTo>
                      <a:pt x="6633" y="57331"/>
                      <a:pt x="6591" y="57436"/>
                      <a:pt x="6549" y="57541"/>
                    </a:cubicBezTo>
                    <a:cubicBezTo>
                      <a:pt x="6424" y="58691"/>
                      <a:pt x="6403" y="59863"/>
                      <a:pt x="6131" y="60993"/>
                    </a:cubicBezTo>
                    <a:lnTo>
                      <a:pt x="6131" y="61077"/>
                    </a:lnTo>
                    <a:cubicBezTo>
                      <a:pt x="6131" y="61851"/>
                      <a:pt x="6110" y="62667"/>
                      <a:pt x="6110" y="63462"/>
                    </a:cubicBezTo>
                    <a:cubicBezTo>
                      <a:pt x="6110" y="63818"/>
                      <a:pt x="6173" y="64194"/>
                      <a:pt x="6382" y="64508"/>
                    </a:cubicBezTo>
                    <a:cubicBezTo>
                      <a:pt x="6528" y="64738"/>
                      <a:pt x="6696" y="64969"/>
                      <a:pt x="6863" y="65241"/>
                    </a:cubicBezTo>
                    <a:cubicBezTo>
                      <a:pt x="7595" y="65241"/>
                      <a:pt x="8328" y="65261"/>
                      <a:pt x="9102" y="65261"/>
                    </a:cubicBezTo>
                    <a:cubicBezTo>
                      <a:pt x="9228" y="65261"/>
                      <a:pt x="9374" y="65241"/>
                      <a:pt x="9520" y="65178"/>
                    </a:cubicBezTo>
                    <a:cubicBezTo>
                      <a:pt x="10002" y="64989"/>
                      <a:pt x="10504" y="65031"/>
                      <a:pt x="11027" y="65031"/>
                    </a:cubicBezTo>
                    <a:cubicBezTo>
                      <a:pt x="17409" y="65136"/>
                      <a:pt x="23790" y="65241"/>
                      <a:pt x="30193" y="65345"/>
                    </a:cubicBezTo>
                    <a:cubicBezTo>
                      <a:pt x="30758" y="65345"/>
                      <a:pt x="31281" y="65303"/>
                      <a:pt x="31825" y="65241"/>
                    </a:cubicBezTo>
                    <a:cubicBezTo>
                      <a:pt x="32411" y="65157"/>
                      <a:pt x="32997" y="65136"/>
                      <a:pt x="33604" y="65136"/>
                    </a:cubicBezTo>
                    <a:cubicBezTo>
                      <a:pt x="35068" y="65094"/>
                      <a:pt x="36554" y="65136"/>
                      <a:pt x="38018" y="65094"/>
                    </a:cubicBezTo>
                    <a:cubicBezTo>
                      <a:pt x="38709" y="65094"/>
                      <a:pt x="39378" y="64969"/>
                      <a:pt x="40069" y="64969"/>
                    </a:cubicBezTo>
                    <a:cubicBezTo>
                      <a:pt x="44086" y="65031"/>
                      <a:pt x="48125" y="65094"/>
                      <a:pt x="52142" y="65178"/>
                    </a:cubicBezTo>
                    <a:cubicBezTo>
                      <a:pt x="52414" y="65178"/>
                      <a:pt x="52665" y="65178"/>
                      <a:pt x="52895" y="65282"/>
                    </a:cubicBezTo>
                    <a:cubicBezTo>
                      <a:pt x="53523" y="65554"/>
                      <a:pt x="54213" y="65408"/>
                      <a:pt x="54841" y="65513"/>
                    </a:cubicBezTo>
                    <a:cubicBezTo>
                      <a:pt x="54925" y="65554"/>
                      <a:pt x="55092" y="65387"/>
                      <a:pt x="55134" y="65282"/>
                    </a:cubicBezTo>
                    <a:cubicBezTo>
                      <a:pt x="55176" y="65094"/>
                      <a:pt x="55176" y="64885"/>
                      <a:pt x="55176" y="64676"/>
                    </a:cubicBezTo>
                    <a:cubicBezTo>
                      <a:pt x="55218" y="64006"/>
                      <a:pt x="55113" y="63316"/>
                      <a:pt x="55448" y="62667"/>
                    </a:cubicBezTo>
                    <a:cubicBezTo>
                      <a:pt x="55511" y="62541"/>
                      <a:pt x="55469" y="62332"/>
                      <a:pt x="55490" y="62165"/>
                    </a:cubicBezTo>
                    <a:cubicBezTo>
                      <a:pt x="55531" y="60888"/>
                      <a:pt x="55552" y="59612"/>
                      <a:pt x="55573" y="58357"/>
                    </a:cubicBezTo>
                    <a:cubicBezTo>
                      <a:pt x="55573" y="58252"/>
                      <a:pt x="55552" y="58147"/>
                      <a:pt x="55552" y="57980"/>
                    </a:cubicBezTo>
                    <a:cubicBezTo>
                      <a:pt x="55280" y="58126"/>
                      <a:pt x="55071" y="58231"/>
                      <a:pt x="54841" y="58294"/>
                    </a:cubicBezTo>
                    <a:cubicBezTo>
                      <a:pt x="54674" y="58357"/>
                      <a:pt x="54464" y="58273"/>
                      <a:pt x="54402" y="58461"/>
                    </a:cubicBezTo>
                    <a:cubicBezTo>
                      <a:pt x="54318" y="58608"/>
                      <a:pt x="54255" y="58775"/>
                      <a:pt x="54255" y="58922"/>
                    </a:cubicBezTo>
                    <a:cubicBezTo>
                      <a:pt x="54234" y="59403"/>
                      <a:pt x="54234" y="59905"/>
                      <a:pt x="54234" y="60365"/>
                    </a:cubicBezTo>
                    <a:cubicBezTo>
                      <a:pt x="54234" y="60595"/>
                      <a:pt x="54255" y="60867"/>
                      <a:pt x="54151" y="61056"/>
                    </a:cubicBezTo>
                    <a:cubicBezTo>
                      <a:pt x="53899" y="61495"/>
                      <a:pt x="53941" y="61997"/>
                      <a:pt x="53941" y="62458"/>
                    </a:cubicBezTo>
                    <a:cubicBezTo>
                      <a:pt x="53941" y="62688"/>
                      <a:pt x="53941" y="62897"/>
                      <a:pt x="53920" y="63148"/>
                    </a:cubicBezTo>
                    <a:cubicBezTo>
                      <a:pt x="53879" y="63713"/>
                      <a:pt x="53481" y="63985"/>
                      <a:pt x="52895" y="63880"/>
                    </a:cubicBezTo>
                    <a:cubicBezTo>
                      <a:pt x="52770" y="63839"/>
                      <a:pt x="52644" y="63797"/>
                      <a:pt x="52518" y="63818"/>
                    </a:cubicBezTo>
                    <a:cubicBezTo>
                      <a:pt x="51954" y="63922"/>
                      <a:pt x="51389" y="63797"/>
                      <a:pt x="50845" y="64090"/>
                    </a:cubicBezTo>
                    <a:cubicBezTo>
                      <a:pt x="50677" y="64152"/>
                      <a:pt x="50447" y="64111"/>
                      <a:pt x="50259" y="64111"/>
                    </a:cubicBezTo>
                    <a:cubicBezTo>
                      <a:pt x="49401" y="64111"/>
                      <a:pt x="48564" y="64090"/>
                      <a:pt x="47706" y="64090"/>
                    </a:cubicBezTo>
                    <a:cubicBezTo>
                      <a:pt x="47246" y="64090"/>
                      <a:pt x="46785" y="64027"/>
                      <a:pt x="46367" y="64236"/>
                    </a:cubicBezTo>
                    <a:cubicBezTo>
                      <a:pt x="46241" y="64320"/>
                      <a:pt x="46032" y="64299"/>
                      <a:pt x="45865" y="64299"/>
                    </a:cubicBezTo>
                    <a:cubicBezTo>
                      <a:pt x="45446" y="64299"/>
                      <a:pt x="45007" y="64299"/>
                      <a:pt x="44588" y="64257"/>
                    </a:cubicBezTo>
                    <a:cubicBezTo>
                      <a:pt x="44212" y="64257"/>
                      <a:pt x="43856" y="64257"/>
                      <a:pt x="43521" y="64111"/>
                    </a:cubicBezTo>
                    <a:cubicBezTo>
                      <a:pt x="43333" y="64027"/>
                      <a:pt x="43040" y="64006"/>
                      <a:pt x="42852" y="64048"/>
                    </a:cubicBezTo>
                    <a:cubicBezTo>
                      <a:pt x="42099" y="64299"/>
                      <a:pt x="41345" y="64236"/>
                      <a:pt x="40592" y="64236"/>
                    </a:cubicBezTo>
                    <a:cubicBezTo>
                      <a:pt x="35277" y="64152"/>
                      <a:pt x="29963" y="64090"/>
                      <a:pt x="24648" y="63985"/>
                    </a:cubicBezTo>
                    <a:cubicBezTo>
                      <a:pt x="23895" y="63985"/>
                      <a:pt x="23121" y="64048"/>
                      <a:pt x="22409" y="63713"/>
                    </a:cubicBezTo>
                    <a:cubicBezTo>
                      <a:pt x="22347" y="63692"/>
                      <a:pt x="22305" y="63692"/>
                      <a:pt x="22242" y="63692"/>
                    </a:cubicBezTo>
                    <a:cubicBezTo>
                      <a:pt x="20882" y="63713"/>
                      <a:pt x="19522" y="63504"/>
                      <a:pt x="18162" y="63776"/>
                    </a:cubicBezTo>
                    <a:cubicBezTo>
                      <a:pt x="17806" y="63818"/>
                      <a:pt x="17430" y="63839"/>
                      <a:pt x="17074" y="63839"/>
                    </a:cubicBezTo>
                    <a:cubicBezTo>
                      <a:pt x="16258" y="63839"/>
                      <a:pt x="15421" y="63818"/>
                      <a:pt x="14605" y="63797"/>
                    </a:cubicBezTo>
                    <a:cubicBezTo>
                      <a:pt x="14375" y="63797"/>
                      <a:pt x="14145" y="63797"/>
                      <a:pt x="13935" y="63713"/>
                    </a:cubicBezTo>
                    <a:cubicBezTo>
                      <a:pt x="13517" y="63525"/>
                      <a:pt x="13098" y="63525"/>
                      <a:pt x="12680" y="63525"/>
                    </a:cubicBezTo>
                    <a:cubicBezTo>
                      <a:pt x="11864" y="63504"/>
                      <a:pt x="11027" y="63504"/>
                      <a:pt x="10211" y="63483"/>
                    </a:cubicBezTo>
                    <a:cubicBezTo>
                      <a:pt x="10002" y="63483"/>
                      <a:pt x="9834" y="63483"/>
                      <a:pt x="9625" y="63441"/>
                    </a:cubicBezTo>
                    <a:cubicBezTo>
                      <a:pt x="9311" y="63399"/>
                      <a:pt x="9102" y="63190"/>
                      <a:pt x="9123" y="62876"/>
                    </a:cubicBezTo>
                    <a:cubicBezTo>
                      <a:pt x="9165" y="62437"/>
                      <a:pt x="9269" y="61976"/>
                      <a:pt x="9374" y="61537"/>
                    </a:cubicBezTo>
                    <a:cubicBezTo>
                      <a:pt x="9416" y="61412"/>
                      <a:pt x="9479" y="61286"/>
                      <a:pt x="9458" y="61139"/>
                    </a:cubicBezTo>
                    <a:cubicBezTo>
                      <a:pt x="9311" y="60386"/>
                      <a:pt x="9541" y="59612"/>
                      <a:pt x="9207" y="58880"/>
                    </a:cubicBezTo>
                    <a:cubicBezTo>
                      <a:pt x="9144" y="58733"/>
                      <a:pt x="9207" y="58587"/>
                      <a:pt x="9207" y="58461"/>
                    </a:cubicBezTo>
                    <a:cubicBezTo>
                      <a:pt x="9248" y="56055"/>
                      <a:pt x="9269" y="53649"/>
                      <a:pt x="9332" y="51201"/>
                    </a:cubicBezTo>
                    <a:cubicBezTo>
                      <a:pt x="9332" y="50950"/>
                      <a:pt x="9332" y="50678"/>
                      <a:pt x="9437" y="50448"/>
                    </a:cubicBezTo>
                    <a:cubicBezTo>
                      <a:pt x="9583" y="50008"/>
                      <a:pt x="9625" y="49569"/>
                      <a:pt x="9625" y="49108"/>
                    </a:cubicBezTo>
                    <a:cubicBezTo>
                      <a:pt x="9688" y="45761"/>
                      <a:pt x="9792" y="42413"/>
                      <a:pt x="9876" y="39065"/>
                    </a:cubicBezTo>
                    <a:cubicBezTo>
                      <a:pt x="9876" y="38898"/>
                      <a:pt x="9897" y="38730"/>
                      <a:pt x="9897" y="38542"/>
                    </a:cubicBezTo>
                    <a:cubicBezTo>
                      <a:pt x="9939" y="38228"/>
                      <a:pt x="10064" y="38019"/>
                      <a:pt x="10357" y="37893"/>
                    </a:cubicBezTo>
                    <a:cubicBezTo>
                      <a:pt x="10692" y="37747"/>
                      <a:pt x="11843" y="37433"/>
                      <a:pt x="12303" y="37433"/>
                    </a:cubicBezTo>
                    <a:cubicBezTo>
                      <a:pt x="13914" y="37454"/>
                      <a:pt x="15505" y="37454"/>
                      <a:pt x="17074" y="37496"/>
                    </a:cubicBezTo>
                    <a:cubicBezTo>
                      <a:pt x="17681" y="37538"/>
                      <a:pt x="18267" y="37496"/>
                      <a:pt x="18790" y="37161"/>
                    </a:cubicBezTo>
                    <a:cubicBezTo>
                      <a:pt x="18873" y="37119"/>
                      <a:pt x="18957" y="37077"/>
                      <a:pt x="19041" y="37056"/>
                    </a:cubicBezTo>
                    <a:cubicBezTo>
                      <a:pt x="19773" y="36973"/>
                      <a:pt x="20443" y="36617"/>
                      <a:pt x="21196" y="36743"/>
                    </a:cubicBezTo>
                    <a:cubicBezTo>
                      <a:pt x="21259" y="36743"/>
                      <a:pt x="21342" y="36701"/>
                      <a:pt x="21468" y="36659"/>
                    </a:cubicBezTo>
                    <a:cubicBezTo>
                      <a:pt x="21091" y="36073"/>
                      <a:pt x="20463" y="35780"/>
                      <a:pt x="20087" y="35341"/>
                    </a:cubicBezTo>
                    <a:lnTo>
                      <a:pt x="19710" y="35341"/>
                    </a:lnTo>
                    <a:cubicBezTo>
                      <a:pt x="17513" y="35383"/>
                      <a:pt x="15337" y="35383"/>
                      <a:pt x="13182" y="35571"/>
                    </a:cubicBezTo>
                    <a:cubicBezTo>
                      <a:pt x="12722" y="35592"/>
                      <a:pt x="12261" y="35592"/>
                      <a:pt x="11822" y="35592"/>
                    </a:cubicBezTo>
                    <a:cubicBezTo>
                      <a:pt x="11006" y="35592"/>
                      <a:pt x="10169" y="35571"/>
                      <a:pt x="9353" y="35550"/>
                    </a:cubicBezTo>
                    <a:cubicBezTo>
                      <a:pt x="8683" y="35592"/>
                      <a:pt x="8244" y="35634"/>
                      <a:pt x="7826" y="35906"/>
                    </a:cubicBezTo>
                    <a:close/>
                    <a:moveTo>
                      <a:pt x="56264" y="54256"/>
                    </a:moveTo>
                    <a:cubicBezTo>
                      <a:pt x="56306" y="54088"/>
                      <a:pt x="56327" y="54005"/>
                      <a:pt x="56327" y="53942"/>
                    </a:cubicBezTo>
                    <a:cubicBezTo>
                      <a:pt x="56327" y="52958"/>
                      <a:pt x="56745" y="52038"/>
                      <a:pt x="56661" y="51075"/>
                    </a:cubicBezTo>
                    <a:cubicBezTo>
                      <a:pt x="56661" y="51033"/>
                      <a:pt x="56661" y="50971"/>
                      <a:pt x="56703" y="50929"/>
                    </a:cubicBezTo>
                    <a:cubicBezTo>
                      <a:pt x="56933" y="50468"/>
                      <a:pt x="56912" y="49987"/>
                      <a:pt x="56912" y="49506"/>
                    </a:cubicBezTo>
                    <a:cubicBezTo>
                      <a:pt x="56933" y="48460"/>
                      <a:pt x="56933" y="47414"/>
                      <a:pt x="56954" y="46367"/>
                    </a:cubicBezTo>
                    <a:cubicBezTo>
                      <a:pt x="57038" y="43626"/>
                      <a:pt x="57122" y="40885"/>
                      <a:pt x="57226" y="38124"/>
                    </a:cubicBezTo>
                    <a:lnTo>
                      <a:pt x="57226" y="37705"/>
                    </a:lnTo>
                    <a:cubicBezTo>
                      <a:pt x="56745" y="37077"/>
                      <a:pt x="56180" y="36847"/>
                      <a:pt x="55490" y="36701"/>
                    </a:cubicBezTo>
                    <a:cubicBezTo>
                      <a:pt x="53711" y="36303"/>
                      <a:pt x="51933" y="36010"/>
                      <a:pt x="50133" y="35780"/>
                    </a:cubicBezTo>
                    <a:cubicBezTo>
                      <a:pt x="48669" y="35592"/>
                      <a:pt x="47204" y="35383"/>
                      <a:pt x="45739" y="35257"/>
                    </a:cubicBezTo>
                    <a:cubicBezTo>
                      <a:pt x="44881" y="35173"/>
                      <a:pt x="43982" y="34985"/>
                      <a:pt x="43145" y="35069"/>
                    </a:cubicBezTo>
                    <a:cubicBezTo>
                      <a:pt x="42747" y="35445"/>
                      <a:pt x="42433" y="35822"/>
                      <a:pt x="42036" y="36136"/>
                    </a:cubicBezTo>
                    <a:cubicBezTo>
                      <a:pt x="41638" y="36429"/>
                      <a:pt x="41178" y="36659"/>
                      <a:pt x="40655" y="37056"/>
                    </a:cubicBezTo>
                    <a:cubicBezTo>
                      <a:pt x="41157" y="37077"/>
                      <a:pt x="41471" y="37077"/>
                      <a:pt x="41806" y="37119"/>
                    </a:cubicBezTo>
                    <a:cubicBezTo>
                      <a:pt x="42308" y="37140"/>
                      <a:pt x="42852" y="37077"/>
                      <a:pt x="43333" y="37224"/>
                    </a:cubicBezTo>
                    <a:cubicBezTo>
                      <a:pt x="43982" y="37370"/>
                      <a:pt x="44609" y="37412"/>
                      <a:pt x="45258" y="37412"/>
                    </a:cubicBezTo>
                    <a:cubicBezTo>
                      <a:pt x="45969" y="37433"/>
                      <a:pt x="46681" y="37433"/>
                      <a:pt x="47392" y="37433"/>
                    </a:cubicBezTo>
                    <a:cubicBezTo>
                      <a:pt x="48292" y="37454"/>
                      <a:pt x="49233" y="37412"/>
                      <a:pt x="50154" y="37726"/>
                    </a:cubicBezTo>
                    <a:cubicBezTo>
                      <a:pt x="50949" y="37998"/>
                      <a:pt x="51786" y="38144"/>
                      <a:pt x="52581" y="38375"/>
                    </a:cubicBezTo>
                    <a:cubicBezTo>
                      <a:pt x="53272" y="38563"/>
                      <a:pt x="53920" y="38793"/>
                      <a:pt x="54632" y="38877"/>
                    </a:cubicBezTo>
                    <a:cubicBezTo>
                      <a:pt x="54987" y="38898"/>
                      <a:pt x="55176" y="39044"/>
                      <a:pt x="55176" y="39400"/>
                    </a:cubicBezTo>
                    <a:cubicBezTo>
                      <a:pt x="55197" y="40048"/>
                      <a:pt x="55239" y="40697"/>
                      <a:pt x="55071" y="41325"/>
                    </a:cubicBezTo>
                    <a:cubicBezTo>
                      <a:pt x="54987" y="41639"/>
                      <a:pt x="54967" y="41932"/>
                      <a:pt x="54883" y="42245"/>
                    </a:cubicBezTo>
                    <a:cubicBezTo>
                      <a:pt x="54736" y="42978"/>
                      <a:pt x="54778" y="43710"/>
                      <a:pt x="54778" y="44442"/>
                    </a:cubicBezTo>
                    <a:cubicBezTo>
                      <a:pt x="54778" y="46828"/>
                      <a:pt x="54736" y="49192"/>
                      <a:pt x="54736" y="51577"/>
                    </a:cubicBezTo>
                    <a:cubicBezTo>
                      <a:pt x="54736" y="52205"/>
                      <a:pt x="54674" y="52833"/>
                      <a:pt x="54506" y="53440"/>
                    </a:cubicBezTo>
                    <a:cubicBezTo>
                      <a:pt x="54443" y="53628"/>
                      <a:pt x="54464" y="53795"/>
                      <a:pt x="54443" y="54005"/>
                    </a:cubicBezTo>
                    <a:cubicBezTo>
                      <a:pt x="55050" y="54381"/>
                      <a:pt x="55636" y="54256"/>
                      <a:pt x="56264" y="54256"/>
                    </a:cubicBezTo>
                    <a:close/>
                    <a:moveTo>
                      <a:pt x="6110" y="43334"/>
                    </a:moveTo>
                    <a:cubicBezTo>
                      <a:pt x="5943" y="43417"/>
                      <a:pt x="5775" y="43417"/>
                      <a:pt x="5670" y="43501"/>
                    </a:cubicBezTo>
                    <a:cubicBezTo>
                      <a:pt x="5168" y="43857"/>
                      <a:pt x="4687" y="44254"/>
                      <a:pt x="4206" y="44652"/>
                    </a:cubicBezTo>
                    <a:cubicBezTo>
                      <a:pt x="3997" y="44798"/>
                      <a:pt x="3850" y="45007"/>
                      <a:pt x="3641" y="45154"/>
                    </a:cubicBezTo>
                    <a:cubicBezTo>
                      <a:pt x="3076" y="45489"/>
                      <a:pt x="2637" y="45907"/>
                      <a:pt x="2323" y="46451"/>
                    </a:cubicBezTo>
                    <a:cubicBezTo>
                      <a:pt x="2239" y="46619"/>
                      <a:pt x="2113" y="46744"/>
                      <a:pt x="2009" y="46849"/>
                    </a:cubicBezTo>
                    <a:cubicBezTo>
                      <a:pt x="1465" y="47414"/>
                      <a:pt x="1297" y="48125"/>
                      <a:pt x="1235" y="48857"/>
                    </a:cubicBezTo>
                    <a:cubicBezTo>
                      <a:pt x="1172" y="49590"/>
                      <a:pt x="1444" y="50280"/>
                      <a:pt x="1988" y="50761"/>
                    </a:cubicBezTo>
                    <a:cubicBezTo>
                      <a:pt x="2448" y="51180"/>
                      <a:pt x="2971" y="51556"/>
                      <a:pt x="3536" y="51808"/>
                    </a:cubicBezTo>
                    <a:cubicBezTo>
                      <a:pt x="4080" y="52100"/>
                      <a:pt x="4687" y="52289"/>
                      <a:pt x="5147" y="52707"/>
                    </a:cubicBezTo>
                    <a:cubicBezTo>
                      <a:pt x="5378" y="52917"/>
                      <a:pt x="5754" y="52791"/>
                      <a:pt x="5796" y="52435"/>
                    </a:cubicBezTo>
                    <a:cubicBezTo>
                      <a:pt x="5901" y="51870"/>
                      <a:pt x="6005" y="51264"/>
                      <a:pt x="6026" y="50657"/>
                    </a:cubicBezTo>
                    <a:cubicBezTo>
                      <a:pt x="6110" y="48397"/>
                      <a:pt x="6131" y="46137"/>
                      <a:pt x="6173" y="43857"/>
                    </a:cubicBezTo>
                    <a:cubicBezTo>
                      <a:pt x="6173" y="43731"/>
                      <a:pt x="6152" y="43585"/>
                      <a:pt x="6110" y="43334"/>
                    </a:cubicBezTo>
                    <a:close/>
                    <a:moveTo>
                      <a:pt x="58042" y="42748"/>
                    </a:moveTo>
                    <a:cubicBezTo>
                      <a:pt x="58000" y="43187"/>
                      <a:pt x="57980" y="43438"/>
                      <a:pt x="57980" y="43731"/>
                    </a:cubicBezTo>
                    <a:cubicBezTo>
                      <a:pt x="57959" y="45802"/>
                      <a:pt x="57938" y="47853"/>
                      <a:pt x="57875" y="49924"/>
                    </a:cubicBezTo>
                    <a:cubicBezTo>
                      <a:pt x="57875" y="50238"/>
                      <a:pt x="57875" y="50552"/>
                      <a:pt x="57749" y="50845"/>
                    </a:cubicBezTo>
                    <a:cubicBezTo>
                      <a:pt x="57582" y="51243"/>
                      <a:pt x="57582" y="51598"/>
                      <a:pt x="57561" y="51996"/>
                    </a:cubicBezTo>
                    <a:cubicBezTo>
                      <a:pt x="57561" y="52289"/>
                      <a:pt x="57582" y="52582"/>
                      <a:pt x="57477" y="52833"/>
                    </a:cubicBezTo>
                    <a:cubicBezTo>
                      <a:pt x="57310" y="53314"/>
                      <a:pt x="57310" y="53774"/>
                      <a:pt x="57331" y="54256"/>
                    </a:cubicBezTo>
                    <a:cubicBezTo>
                      <a:pt x="57331" y="54297"/>
                      <a:pt x="57352" y="54360"/>
                      <a:pt x="57415" y="54465"/>
                    </a:cubicBezTo>
                    <a:cubicBezTo>
                      <a:pt x="57561" y="54507"/>
                      <a:pt x="57749" y="54590"/>
                      <a:pt x="57959" y="54653"/>
                    </a:cubicBezTo>
                    <a:cubicBezTo>
                      <a:pt x="58712" y="53942"/>
                      <a:pt x="59507" y="53230"/>
                      <a:pt x="60177" y="52435"/>
                    </a:cubicBezTo>
                    <a:cubicBezTo>
                      <a:pt x="61327" y="51138"/>
                      <a:pt x="61829" y="49632"/>
                      <a:pt x="61411" y="47895"/>
                    </a:cubicBezTo>
                    <a:cubicBezTo>
                      <a:pt x="61348" y="47727"/>
                      <a:pt x="61348" y="47560"/>
                      <a:pt x="61348" y="47393"/>
                    </a:cubicBezTo>
                    <a:cubicBezTo>
                      <a:pt x="61390" y="46849"/>
                      <a:pt x="61160" y="46347"/>
                      <a:pt x="60909" y="45886"/>
                    </a:cubicBezTo>
                    <a:cubicBezTo>
                      <a:pt x="60302" y="44840"/>
                      <a:pt x="59465" y="43982"/>
                      <a:pt x="58628" y="43166"/>
                    </a:cubicBezTo>
                    <a:cubicBezTo>
                      <a:pt x="58524" y="43020"/>
                      <a:pt x="58314" y="42957"/>
                      <a:pt x="58042" y="42748"/>
                    </a:cubicBezTo>
                    <a:close/>
                    <a:moveTo>
                      <a:pt x="15149" y="25339"/>
                    </a:moveTo>
                    <a:lnTo>
                      <a:pt x="14689" y="25339"/>
                    </a:lnTo>
                    <a:cubicBezTo>
                      <a:pt x="14312" y="25297"/>
                      <a:pt x="13956" y="25423"/>
                      <a:pt x="13726" y="25716"/>
                    </a:cubicBezTo>
                    <a:cubicBezTo>
                      <a:pt x="13621" y="25841"/>
                      <a:pt x="13454" y="25946"/>
                      <a:pt x="13391" y="26072"/>
                    </a:cubicBezTo>
                    <a:cubicBezTo>
                      <a:pt x="13266" y="26281"/>
                      <a:pt x="13119" y="26532"/>
                      <a:pt x="13098" y="26762"/>
                    </a:cubicBezTo>
                    <a:cubicBezTo>
                      <a:pt x="13036" y="27411"/>
                      <a:pt x="13077" y="28038"/>
                      <a:pt x="13308" y="28666"/>
                    </a:cubicBezTo>
                    <a:cubicBezTo>
                      <a:pt x="13559" y="29336"/>
                      <a:pt x="14082" y="29712"/>
                      <a:pt x="14668" y="29963"/>
                    </a:cubicBezTo>
                    <a:cubicBezTo>
                      <a:pt x="15128" y="30173"/>
                      <a:pt x="15693" y="30235"/>
                      <a:pt x="16216" y="30340"/>
                    </a:cubicBezTo>
                    <a:cubicBezTo>
                      <a:pt x="16342" y="30361"/>
                      <a:pt x="16467" y="30319"/>
                      <a:pt x="16634" y="30319"/>
                    </a:cubicBezTo>
                    <a:cubicBezTo>
                      <a:pt x="16572" y="30068"/>
                      <a:pt x="16551" y="29921"/>
                      <a:pt x="16488" y="29754"/>
                    </a:cubicBezTo>
                    <a:cubicBezTo>
                      <a:pt x="16174" y="28896"/>
                      <a:pt x="16028" y="28017"/>
                      <a:pt x="15965" y="27097"/>
                    </a:cubicBezTo>
                    <a:cubicBezTo>
                      <a:pt x="15944" y="26406"/>
                      <a:pt x="15735" y="25883"/>
                      <a:pt x="15254" y="25444"/>
                    </a:cubicBezTo>
                    <a:cubicBezTo>
                      <a:pt x="15212" y="25444"/>
                      <a:pt x="15191" y="25423"/>
                      <a:pt x="15149" y="25339"/>
                    </a:cubicBezTo>
                    <a:close/>
                    <a:moveTo>
                      <a:pt x="48376" y="26092"/>
                    </a:moveTo>
                    <a:cubicBezTo>
                      <a:pt x="48250" y="26260"/>
                      <a:pt x="48125" y="26427"/>
                      <a:pt x="47957" y="26532"/>
                    </a:cubicBezTo>
                    <a:cubicBezTo>
                      <a:pt x="47580" y="26804"/>
                      <a:pt x="47413" y="27201"/>
                      <a:pt x="47225" y="27620"/>
                    </a:cubicBezTo>
                    <a:cubicBezTo>
                      <a:pt x="46995" y="28227"/>
                      <a:pt x="46744" y="28833"/>
                      <a:pt x="46451" y="29398"/>
                    </a:cubicBezTo>
                    <a:cubicBezTo>
                      <a:pt x="46325" y="29712"/>
                      <a:pt x="46137" y="30005"/>
                      <a:pt x="45969" y="30319"/>
                    </a:cubicBezTo>
                    <a:cubicBezTo>
                      <a:pt x="46116" y="30382"/>
                      <a:pt x="46179" y="30507"/>
                      <a:pt x="46262" y="30528"/>
                    </a:cubicBezTo>
                    <a:cubicBezTo>
                      <a:pt x="46555" y="30570"/>
                      <a:pt x="46806" y="30528"/>
                      <a:pt x="47099" y="30445"/>
                    </a:cubicBezTo>
                    <a:cubicBezTo>
                      <a:pt x="48104" y="30110"/>
                      <a:pt x="48836" y="29398"/>
                      <a:pt x="49526" y="28666"/>
                    </a:cubicBezTo>
                    <a:cubicBezTo>
                      <a:pt x="49631" y="28561"/>
                      <a:pt x="49694" y="28436"/>
                      <a:pt x="49736" y="28310"/>
                    </a:cubicBezTo>
                    <a:cubicBezTo>
                      <a:pt x="49903" y="27745"/>
                      <a:pt x="50049" y="27201"/>
                      <a:pt x="49924" y="26657"/>
                    </a:cubicBezTo>
                    <a:cubicBezTo>
                      <a:pt x="49526" y="26260"/>
                      <a:pt x="49108" y="25904"/>
                      <a:pt x="48376" y="26092"/>
                    </a:cubicBezTo>
                    <a:close/>
                    <a:moveTo>
                      <a:pt x="54423" y="57415"/>
                    </a:moveTo>
                    <a:cubicBezTo>
                      <a:pt x="54485" y="57457"/>
                      <a:pt x="54527" y="57499"/>
                      <a:pt x="54590" y="57520"/>
                    </a:cubicBezTo>
                    <a:cubicBezTo>
                      <a:pt x="54799" y="57143"/>
                      <a:pt x="55113" y="56997"/>
                      <a:pt x="55448" y="56913"/>
                    </a:cubicBezTo>
                    <a:cubicBezTo>
                      <a:pt x="55511" y="56892"/>
                      <a:pt x="55552" y="56787"/>
                      <a:pt x="55657" y="56683"/>
                    </a:cubicBezTo>
                    <a:cubicBezTo>
                      <a:pt x="55197" y="56683"/>
                      <a:pt x="54862" y="56662"/>
                      <a:pt x="54464" y="56662"/>
                    </a:cubicBezTo>
                    <a:cubicBezTo>
                      <a:pt x="54443" y="56934"/>
                      <a:pt x="54423" y="57185"/>
                      <a:pt x="54423" y="57415"/>
                    </a:cubicBezTo>
                    <a:close/>
                    <a:moveTo>
                      <a:pt x="54527" y="55030"/>
                    </a:moveTo>
                    <a:cubicBezTo>
                      <a:pt x="54443" y="55344"/>
                      <a:pt x="54527" y="55469"/>
                      <a:pt x="54736" y="55448"/>
                    </a:cubicBezTo>
                    <a:cubicBezTo>
                      <a:pt x="54967" y="55406"/>
                      <a:pt x="55218" y="55302"/>
                      <a:pt x="55531" y="55197"/>
                    </a:cubicBezTo>
                    <a:cubicBezTo>
                      <a:pt x="55134" y="55113"/>
                      <a:pt x="54841" y="55093"/>
                      <a:pt x="54527" y="55030"/>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2" name="Google Shape;302;p35">
                <a:extLst>
                  <a:ext uri="{FF2B5EF4-FFF2-40B4-BE49-F238E27FC236}">
                    <a16:creationId xmlns:a16="http://schemas.microsoft.com/office/drawing/2014/main" id="{E89E98A4-F831-C07C-02E6-D816E21EE673}"/>
                  </a:ext>
                </a:extLst>
              </p:cNvPr>
              <p:cNvSpPr/>
              <p:nvPr/>
            </p:nvSpPr>
            <p:spPr>
              <a:xfrm>
                <a:off x="6567150" y="2642588"/>
                <a:ext cx="348400" cy="196175"/>
              </a:xfrm>
              <a:custGeom>
                <a:avLst/>
                <a:gdLst/>
                <a:ahLst/>
                <a:cxnLst/>
                <a:rect l="l" t="t" r="r" b="b"/>
                <a:pathLst>
                  <a:path w="13936" h="7847" extrusionOk="0">
                    <a:moveTo>
                      <a:pt x="460" y="1256"/>
                    </a:moveTo>
                    <a:cubicBezTo>
                      <a:pt x="293" y="1109"/>
                      <a:pt x="147" y="984"/>
                      <a:pt x="21" y="879"/>
                    </a:cubicBezTo>
                    <a:cubicBezTo>
                      <a:pt x="0" y="837"/>
                      <a:pt x="21" y="816"/>
                      <a:pt x="21" y="733"/>
                    </a:cubicBezTo>
                    <a:cubicBezTo>
                      <a:pt x="293" y="503"/>
                      <a:pt x="607" y="272"/>
                      <a:pt x="1004" y="293"/>
                    </a:cubicBezTo>
                    <a:cubicBezTo>
                      <a:pt x="1109" y="293"/>
                      <a:pt x="1256" y="293"/>
                      <a:pt x="1360" y="272"/>
                    </a:cubicBezTo>
                    <a:cubicBezTo>
                      <a:pt x="2448" y="0"/>
                      <a:pt x="3557" y="42"/>
                      <a:pt x="4645" y="42"/>
                    </a:cubicBezTo>
                    <a:cubicBezTo>
                      <a:pt x="6507" y="63"/>
                      <a:pt x="8328" y="63"/>
                      <a:pt x="10190" y="84"/>
                    </a:cubicBezTo>
                    <a:cubicBezTo>
                      <a:pt x="10587" y="84"/>
                      <a:pt x="10985" y="84"/>
                      <a:pt x="11383" y="251"/>
                    </a:cubicBezTo>
                    <a:cubicBezTo>
                      <a:pt x="11634" y="356"/>
                      <a:pt x="11927" y="314"/>
                      <a:pt x="12220" y="314"/>
                    </a:cubicBezTo>
                    <a:cubicBezTo>
                      <a:pt x="12596" y="314"/>
                      <a:pt x="12889" y="482"/>
                      <a:pt x="13224" y="649"/>
                    </a:cubicBezTo>
                    <a:cubicBezTo>
                      <a:pt x="13831" y="1005"/>
                      <a:pt x="13935" y="1465"/>
                      <a:pt x="13914" y="2072"/>
                    </a:cubicBezTo>
                    <a:cubicBezTo>
                      <a:pt x="13914" y="2490"/>
                      <a:pt x="13789" y="2825"/>
                      <a:pt x="13517" y="3139"/>
                    </a:cubicBezTo>
                    <a:cubicBezTo>
                      <a:pt x="13015" y="3788"/>
                      <a:pt x="12554" y="4478"/>
                      <a:pt x="12073" y="5127"/>
                    </a:cubicBezTo>
                    <a:cubicBezTo>
                      <a:pt x="11759" y="5608"/>
                      <a:pt x="11320" y="5964"/>
                      <a:pt x="11111" y="6508"/>
                    </a:cubicBezTo>
                    <a:cubicBezTo>
                      <a:pt x="10525" y="6989"/>
                      <a:pt x="9897" y="7303"/>
                      <a:pt x="9186" y="7491"/>
                    </a:cubicBezTo>
                    <a:cubicBezTo>
                      <a:pt x="7658" y="7847"/>
                      <a:pt x="6152" y="7679"/>
                      <a:pt x="4624" y="7596"/>
                    </a:cubicBezTo>
                    <a:cubicBezTo>
                      <a:pt x="3955" y="7554"/>
                      <a:pt x="3327" y="7219"/>
                      <a:pt x="2762" y="6842"/>
                    </a:cubicBezTo>
                    <a:cubicBezTo>
                      <a:pt x="2532" y="6654"/>
                      <a:pt x="2511" y="6257"/>
                      <a:pt x="2176" y="6068"/>
                    </a:cubicBezTo>
                    <a:cubicBezTo>
                      <a:pt x="1904" y="5943"/>
                      <a:pt x="1779" y="5608"/>
                      <a:pt x="1569" y="5357"/>
                    </a:cubicBezTo>
                    <a:cubicBezTo>
                      <a:pt x="1256" y="4980"/>
                      <a:pt x="1067" y="4520"/>
                      <a:pt x="984" y="4060"/>
                    </a:cubicBezTo>
                    <a:cubicBezTo>
                      <a:pt x="963" y="3955"/>
                      <a:pt x="942" y="3829"/>
                      <a:pt x="921" y="3746"/>
                    </a:cubicBezTo>
                    <a:cubicBezTo>
                      <a:pt x="565" y="2972"/>
                      <a:pt x="335" y="2155"/>
                      <a:pt x="460" y="1256"/>
                    </a:cubicBezTo>
                    <a:close/>
                    <a:moveTo>
                      <a:pt x="1444" y="900"/>
                    </a:moveTo>
                    <a:cubicBezTo>
                      <a:pt x="1402" y="1528"/>
                      <a:pt x="1360" y="2093"/>
                      <a:pt x="1590" y="2679"/>
                    </a:cubicBezTo>
                    <a:cubicBezTo>
                      <a:pt x="1779" y="3076"/>
                      <a:pt x="1862" y="3495"/>
                      <a:pt x="1988" y="3871"/>
                    </a:cubicBezTo>
                    <a:cubicBezTo>
                      <a:pt x="2176" y="4562"/>
                      <a:pt x="2448" y="5168"/>
                      <a:pt x="3076" y="5503"/>
                    </a:cubicBezTo>
                    <a:cubicBezTo>
                      <a:pt x="3181" y="5545"/>
                      <a:pt x="3264" y="5629"/>
                      <a:pt x="3327" y="5733"/>
                    </a:cubicBezTo>
                    <a:cubicBezTo>
                      <a:pt x="3871" y="6529"/>
                      <a:pt x="4729" y="6801"/>
                      <a:pt x="5587" y="6863"/>
                    </a:cubicBezTo>
                    <a:cubicBezTo>
                      <a:pt x="7763" y="7010"/>
                      <a:pt x="8035" y="6905"/>
                      <a:pt x="9981" y="5964"/>
                    </a:cubicBezTo>
                    <a:cubicBezTo>
                      <a:pt x="10023" y="5964"/>
                      <a:pt x="10043" y="5943"/>
                      <a:pt x="10064" y="5943"/>
                    </a:cubicBezTo>
                    <a:cubicBezTo>
                      <a:pt x="10336" y="5859"/>
                      <a:pt x="10483" y="5692"/>
                      <a:pt x="10650" y="5482"/>
                    </a:cubicBezTo>
                    <a:cubicBezTo>
                      <a:pt x="10985" y="5022"/>
                      <a:pt x="11341" y="4583"/>
                      <a:pt x="11696" y="4143"/>
                    </a:cubicBezTo>
                    <a:cubicBezTo>
                      <a:pt x="12115" y="3599"/>
                      <a:pt x="12492" y="3076"/>
                      <a:pt x="12868" y="2490"/>
                    </a:cubicBezTo>
                    <a:cubicBezTo>
                      <a:pt x="13224" y="1925"/>
                      <a:pt x="12868" y="1235"/>
                      <a:pt x="12178" y="1214"/>
                    </a:cubicBezTo>
                    <a:cubicBezTo>
                      <a:pt x="11738" y="1193"/>
                      <a:pt x="11299" y="1193"/>
                      <a:pt x="10859" y="1005"/>
                    </a:cubicBezTo>
                    <a:cubicBezTo>
                      <a:pt x="10650" y="921"/>
                      <a:pt x="10399" y="942"/>
                      <a:pt x="10169" y="921"/>
                    </a:cubicBezTo>
                    <a:cubicBezTo>
                      <a:pt x="8056" y="837"/>
                      <a:pt x="5921" y="795"/>
                      <a:pt x="3787" y="712"/>
                    </a:cubicBezTo>
                    <a:cubicBezTo>
                      <a:pt x="3034" y="649"/>
                      <a:pt x="2281" y="691"/>
                      <a:pt x="1444" y="900"/>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3" name="Google Shape;303;p35">
                <a:extLst>
                  <a:ext uri="{FF2B5EF4-FFF2-40B4-BE49-F238E27FC236}">
                    <a16:creationId xmlns:a16="http://schemas.microsoft.com/office/drawing/2014/main" id="{ADC152BD-329C-BBB7-492F-9F4705A1D26D}"/>
                  </a:ext>
                </a:extLst>
              </p:cNvPr>
              <p:cNvSpPr/>
              <p:nvPr/>
            </p:nvSpPr>
            <p:spPr>
              <a:xfrm>
                <a:off x="6866350" y="2540063"/>
                <a:ext cx="48675" cy="46575"/>
              </a:xfrm>
              <a:custGeom>
                <a:avLst/>
                <a:gdLst/>
                <a:ahLst/>
                <a:cxnLst/>
                <a:rect l="l" t="t" r="r" b="b"/>
                <a:pathLst>
                  <a:path w="1947" h="1863" extrusionOk="0">
                    <a:moveTo>
                      <a:pt x="942" y="0"/>
                    </a:moveTo>
                    <a:lnTo>
                      <a:pt x="1026" y="0"/>
                    </a:lnTo>
                    <a:cubicBezTo>
                      <a:pt x="1653" y="21"/>
                      <a:pt x="1946" y="398"/>
                      <a:pt x="1800" y="1026"/>
                    </a:cubicBezTo>
                    <a:cubicBezTo>
                      <a:pt x="1737" y="1465"/>
                      <a:pt x="1235" y="1863"/>
                      <a:pt x="837" y="1842"/>
                    </a:cubicBezTo>
                    <a:cubicBezTo>
                      <a:pt x="398" y="1779"/>
                      <a:pt x="21" y="1381"/>
                      <a:pt x="0" y="921"/>
                    </a:cubicBezTo>
                    <a:cubicBezTo>
                      <a:pt x="0" y="230"/>
                      <a:pt x="252" y="0"/>
                      <a:pt x="942" y="0"/>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4" name="Google Shape;304;p35">
                <a:extLst>
                  <a:ext uri="{FF2B5EF4-FFF2-40B4-BE49-F238E27FC236}">
                    <a16:creationId xmlns:a16="http://schemas.microsoft.com/office/drawing/2014/main" id="{29E008B9-6211-8F11-0CEC-3F6EE63A01F0}"/>
                  </a:ext>
                </a:extLst>
              </p:cNvPr>
              <p:cNvSpPr/>
              <p:nvPr/>
            </p:nvSpPr>
            <p:spPr>
              <a:xfrm>
                <a:off x="6514825" y="2540588"/>
                <a:ext cx="39775" cy="45000"/>
              </a:xfrm>
              <a:custGeom>
                <a:avLst/>
                <a:gdLst/>
                <a:ahLst/>
                <a:cxnLst/>
                <a:rect l="l" t="t" r="r" b="b"/>
                <a:pathLst>
                  <a:path w="1591" h="1800" extrusionOk="0">
                    <a:moveTo>
                      <a:pt x="22" y="837"/>
                    </a:moveTo>
                    <a:cubicBezTo>
                      <a:pt x="43" y="733"/>
                      <a:pt x="43" y="586"/>
                      <a:pt x="105" y="398"/>
                    </a:cubicBezTo>
                    <a:cubicBezTo>
                      <a:pt x="147" y="189"/>
                      <a:pt x="315" y="63"/>
                      <a:pt x="524" y="21"/>
                    </a:cubicBezTo>
                    <a:cubicBezTo>
                      <a:pt x="670" y="0"/>
                      <a:pt x="859" y="0"/>
                      <a:pt x="1005" y="21"/>
                    </a:cubicBezTo>
                    <a:cubicBezTo>
                      <a:pt x="1298" y="63"/>
                      <a:pt x="1486" y="209"/>
                      <a:pt x="1528" y="502"/>
                    </a:cubicBezTo>
                    <a:cubicBezTo>
                      <a:pt x="1570" y="691"/>
                      <a:pt x="1591" y="900"/>
                      <a:pt x="1570" y="1067"/>
                    </a:cubicBezTo>
                    <a:cubicBezTo>
                      <a:pt x="1507" y="1590"/>
                      <a:pt x="1277" y="1800"/>
                      <a:pt x="733" y="1779"/>
                    </a:cubicBezTo>
                    <a:cubicBezTo>
                      <a:pt x="231" y="1779"/>
                      <a:pt x="22" y="1549"/>
                      <a:pt x="1" y="1046"/>
                    </a:cubicBezTo>
                    <a:cubicBezTo>
                      <a:pt x="1" y="1026"/>
                      <a:pt x="22" y="984"/>
                      <a:pt x="22" y="83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14" name="Google Shape;314;p35">
              <a:extLst>
                <a:ext uri="{FF2B5EF4-FFF2-40B4-BE49-F238E27FC236}">
                  <a16:creationId xmlns:a16="http://schemas.microsoft.com/office/drawing/2014/main" id="{B5C83CB9-0D53-22B5-855D-E073B1621068}"/>
                </a:ext>
              </a:extLst>
            </p:cNvPr>
            <p:cNvGrpSpPr/>
            <p:nvPr/>
          </p:nvGrpSpPr>
          <p:grpSpPr>
            <a:xfrm rot="625986">
              <a:off x="8262619" y="2386132"/>
              <a:ext cx="482225" cy="539980"/>
              <a:chOff x="1835200" y="3337050"/>
              <a:chExt cx="279350" cy="312825"/>
            </a:xfrm>
          </p:grpSpPr>
          <p:sp>
            <p:nvSpPr>
              <p:cNvPr id="16" name="Google Shape;315;p35">
                <a:extLst>
                  <a:ext uri="{FF2B5EF4-FFF2-40B4-BE49-F238E27FC236}">
                    <a16:creationId xmlns:a16="http://schemas.microsoft.com/office/drawing/2014/main" id="{FC2EE27A-F4F0-8AAC-ED7D-151ADEBB1DF9}"/>
                  </a:ext>
                </a:extLst>
              </p:cNvPr>
              <p:cNvSpPr/>
              <p:nvPr/>
            </p:nvSpPr>
            <p:spPr>
              <a:xfrm>
                <a:off x="1835200" y="3337050"/>
                <a:ext cx="64900" cy="154325"/>
              </a:xfrm>
              <a:custGeom>
                <a:avLst/>
                <a:gdLst/>
                <a:ahLst/>
                <a:cxnLst/>
                <a:rect l="l" t="t" r="r" b="b"/>
                <a:pathLst>
                  <a:path w="2596" h="6173" extrusionOk="0">
                    <a:moveTo>
                      <a:pt x="2595" y="795"/>
                    </a:moveTo>
                    <a:cubicBezTo>
                      <a:pt x="2574" y="942"/>
                      <a:pt x="2511" y="1172"/>
                      <a:pt x="2449" y="1381"/>
                    </a:cubicBezTo>
                    <a:lnTo>
                      <a:pt x="1967" y="3034"/>
                    </a:lnTo>
                    <a:cubicBezTo>
                      <a:pt x="1779" y="3599"/>
                      <a:pt x="1549" y="4143"/>
                      <a:pt x="1361" y="4729"/>
                    </a:cubicBezTo>
                    <a:cubicBezTo>
                      <a:pt x="1277" y="4959"/>
                      <a:pt x="1214" y="5189"/>
                      <a:pt x="1130" y="5461"/>
                    </a:cubicBezTo>
                    <a:cubicBezTo>
                      <a:pt x="1110" y="5566"/>
                      <a:pt x="1089" y="5691"/>
                      <a:pt x="1047" y="5796"/>
                    </a:cubicBezTo>
                    <a:cubicBezTo>
                      <a:pt x="963" y="6005"/>
                      <a:pt x="838" y="6131"/>
                      <a:pt x="607" y="6173"/>
                    </a:cubicBezTo>
                    <a:cubicBezTo>
                      <a:pt x="398" y="6173"/>
                      <a:pt x="231" y="6068"/>
                      <a:pt x="168" y="5859"/>
                    </a:cubicBezTo>
                    <a:cubicBezTo>
                      <a:pt x="63" y="5545"/>
                      <a:pt x="1" y="5252"/>
                      <a:pt x="105" y="4938"/>
                    </a:cubicBezTo>
                    <a:cubicBezTo>
                      <a:pt x="168" y="4771"/>
                      <a:pt x="252" y="4624"/>
                      <a:pt x="314" y="4457"/>
                    </a:cubicBezTo>
                    <a:cubicBezTo>
                      <a:pt x="628" y="3871"/>
                      <a:pt x="838" y="3201"/>
                      <a:pt x="1026" y="2532"/>
                    </a:cubicBezTo>
                    <a:cubicBezTo>
                      <a:pt x="1193" y="2030"/>
                      <a:pt x="1361" y="1569"/>
                      <a:pt x="1528" y="1088"/>
                    </a:cubicBezTo>
                    <a:cubicBezTo>
                      <a:pt x="1612" y="858"/>
                      <a:pt x="1654" y="586"/>
                      <a:pt x="1737" y="356"/>
                    </a:cubicBezTo>
                    <a:cubicBezTo>
                      <a:pt x="1821" y="147"/>
                      <a:pt x="1988" y="0"/>
                      <a:pt x="2177" y="21"/>
                    </a:cubicBezTo>
                    <a:cubicBezTo>
                      <a:pt x="2386" y="63"/>
                      <a:pt x="2511" y="230"/>
                      <a:pt x="2532" y="440"/>
                    </a:cubicBezTo>
                    <a:cubicBezTo>
                      <a:pt x="2532" y="460"/>
                      <a:pt x="2574" y="586"/>
                      <a:pt x="2595" y="79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17" name="Google Shape;316;p35">
                <a:extLst>
                  <a:ext uri="{FF2B5EF4-FFF2-40B4-BE49-F238E27FC236}">
                    <a16:creationId xmlns:a16="http://schemas.microsoft.com/office/drawing/2014/main" id="{AEBC98F8-86C1-EDAC-11BF-45389EF88490}"/>
                  </a:ext>
                </a:extLst>
              </p:cNvPr>
              <p:cNvSpPr/>
              <p:nvPr/>
            </p:nvSpPr>
            <p:spPr>
              <a:xfrm>
                <a:off x="1948725" y="3612700"/>
                <a:ext cx="165825" cy="37175"/>
              </a:xfrm>
              <a:custGeom>
                <a:avLst/>
                <a:gdLst/>
                <a:ahLst/>
                <a:cxnLst/>
                <a:rect l="l" t="t" r="r" b="b"/>
                <a:pathLst>
                  <a:path w="6633" h="1487" extrusionOk="0">
                    <a:moveTo>
                      <a:pt x="2260" y="1466"/>
                    </a:moveTo>
                    <a:cubicBezTo>
                      <a:pt x="1653" y="1382"/>
                      <a:pt x="1088" y="1340"/>
                      <a:pt x="481" y="1256"/>
                    </a:cubicBezTo>
                    <a:cubicBezTo>
                      <a:pt x="377" y="1235"/>
                      <a:pt x="272" y="1214"/>
                      <a:pt x="167" y="1152"/>
                    </a:cubicBezTo>
                    <a:cubicBezTo>
                      <a:pt x="21" y="1068"/>
                      <a:pt x="0" y="817"/>
                      <a:pt x="146" y="733"/>
                    </a:cubicBezTo>
                    <a:cubicBezTo>
                      <a:pt x="272" y="649"/>
                      <a:pt x="398" y="608"/>
                      <a:pt x="544" y="587"/>
                    </a:cubicBezTo>
                    <a:cubicBezTo>
                      <a:pt x="1109" y="524"/>
                      <a:pt x="1653" y="440"/>
                      <a:pt x="2239" y="419"/>
                    </a:cubicBezTo>
                    <a:cubicBezTo>
                      <a:pt x="2846" y="398"/>
                      <a:pt x="3411" y="398"/>
                      <a:pt x="4017" y="273"/>
                    </a:cubicBezTo>
                    <a:cubicBezTo>
                      <a:pt x="4582" y="126"/>
                      <a:pt x="5189" y="85"/>
                      <a:pt x="5796" y="22"/>
                    </a:cubicBezTo>
                    <a:cubicBezTo>
                      <a:pt x="5984" y="1"/>
                      <a:pt x="6193" y="64"/>
                      <a:pt x="6361" y="105"/>
                    </a:cubicBezTo>
                    <a:cubicBezTo>
                      <a:pt x="6612" y="189"/>
                      <a:pt x="6633" y="524"/>
                      <a:pt x="6445" y="691"/>
                    </a:cubicBezTo>
                    <a:cubicBezTo>
                      <a:pt x="6361" y="754"/>
                      <a:pt x="6277" y="817"/>
                      <a:pt x="6152" y="859"/>
                    </a:cubicBezTo>
                    <a:cubicBezTo>
                      <a:pt x="5900" y="942"/>
                      <a:pt x="5608" y="1068"/>
                      <a:pt x="5356" y="1110"/>
                    </a:cubicBezTo>
                    <a:cubicBezTo>
                      <a:pt x="4310" y="1173"/>
                      <a:pt x="3306" y="1486"/>
                      <a:pt x="2260" y="146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18" name="Google Shape;317;p35">
                <a:extLst>
                  <a:ext uri="{FF2B5EF4-FFF2-40B4-BE49-F238E27FC236}">
                    <a16:creationId xmlns:a16="http://schemas.microsoft.com/office/drawing/2014/main" id="{6E03A5C5-2706-67C8-1DAE-D1AEC41CA64E}"/>
                  </a:ext>
                </a:extLst>
              </p:cNvPr>
              <p:cNvSpPr/>
              <p:nvPr/>
            </p:nvSpPr>
            <p:spPr>
              <a:xfrm>
                <a:off x="1926750" y="3445325"/>
                <a:ext cx="122425" cy="81100"/>
              </a:xfrm>
              <a:custGeom>
                <a:avLst/>
                <a:gdLst/>
                <a:ahLst/>
                <a:cxnLst/>
                <a:rect l="l" t="t" r="r" b="b"/>
                <a:pathLst>
                  <a:path w="4897" h="3244" extrusionOk="0">
                    <a:moveTo>
                      <a:pt x="4373" y="0"/>
                    </a:moveTo>
                    <a:cubicBezTo>
                      <a:pt x="4415" y="21"/>
                      <a:pt x="4562" y="63"/>
                      <a:pt x="4624" y="84"/>
                    </a:cubicBezTo>
                    <a:cubicBezTo>
                      <a:pt x="4855" y="189"/>
                      <a:pt x="4896" y="502"/>
                      <a:pt x="4729" y="649"/>
                    </a:cubicBezTo>
                    <a:cubicBezTo>
                      <a:pt x="4708" y="712"/>
                      <a:pt x="4666" y="733"/>
                      <a:pt x="4603" y="754"/>
                    </a:cubicBezTo>
                    <a:cubicBezTo>
                      <a:pt x="3515" y="1528"/>
                      <a:pt x="2427" y="2302"/>
                      <a:pt x="1235" y="2909"/>
                    </a:cubicBezTo>
                    <a:cubicBezTo>
                      <a:pt x="1005" y="3013"/>
                      <a:pt x="753" y="3118"/>
                      <a:pt x="523" y="3202"/>
                    </a:cubicBezTo>
                    <a:cubicBezTo>
                      <a:pt x="356" y="3243"/>
                      <a:pt x="168" y="3202"/>
                      <a:pt x="84" y="3034"/>
                    </a:cubicBezTo>
                    <a:cubicBezTo>
                      <a:pt x="42" y="2909"/>
                      <a:pt x="0" y="2699"/>
                      <a:pt x="63" y="2574"/>
                    </a:cubicBezTo>
                    <a:cubicBezTo>
                      <a:pt x="147" y="2407"/>
                      <a:pt x="314" y="2260"/>
                      <a:pt x="481" y="2176"/>
                    </a:cubicBezTo>
                    <a:cubicBezTo>
                      <a:pt x="942" y="1883"/>
                      <a:pt x="1465" y="1632"/>
                      <a:pt x="1946" y="1298"/>
                    </a:cubicBezTo>
                    <a:cubicBezTo>
                      <a:pt x="2406" y="1026"/>
                      <a:pt x="2867" y="733"/>
                      <a:pt x="3306" y="419"/>
                    </a:cubicBezTo>
                    <a:cubicBezTo>
                      <a:pt x="3641" y="210"/>
                      <a:pt x="3955" y="21"/>
                      <a:pt x="4373" y="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
          <p:nvSpPr>
            <p:cNvPr id="15" name="TextBox 1">
              <a:extLst>
                <a:ext uri="{FF2B5EF4-FFF2-40B4-BE49-F238E27FC236}">
                  <a16:creationId xmlns:a16="http://schemas.microsoft.com/office/drawing/2014/main" id="{64DC8522-E55D-00BD-E9B2-1B39108CBDB0}"/>
                </a:ext>
              </a:extLst>
            </p:cNvPr>
            <p:cNvSpPr txBox="1"/>
            <p:nvPr/>
          </p:nvSpPr>
          <p:spPr>
            <a:xfrm>
              <a:off x="6404206" y="4426270"/>
              <a:ext cx="1830243" cy="553998"/>
            </a:xfrm>
            <a:prstGeom prst="rect">
              <a:avLst/>
            </a:prstGeom>
            <a:noFill/>
          </p:spPr>
          <p:txBody>
            <a:bodyPr wrap="square" rtlCol="0">
              <a:spAutoFit/>
            </a:bodyPr>
            <a:lstStyle/>
            <a:p>
              <a:r>
                <a:rPr lang="vi-VN" sz="3000">
                  <a:solidFill>
                    <a:schemeClr val="accent1"/>
                  </a:solidFill>
                  <a:latin typeface="Patrick Hand SC" panose="020B0604020202020204" charset="0"/>
                </a:rPr>
                <a:t>Nội dung …</a:t>
              </a:r>
              <a:endParaRPr lang="en-GB" sz="3000" dirty="0">
                <a:solidFill>
                  <a:schemeClr val="accent1"/>
                </a:solidFill>
                <a:latin typeface="Patrick Hand SC" panose="020B0604020202020204" charset="0"/>
              </a:endParaRPr>
            </a:p>
          </p:txBody>
        </p:sp>
      </p:grpSp>
    </p:spTree>
    <p:custDataLst>
      <p:tags r:id="rId1"/>
    </p:custDataLst>
    <p:extLst>
      <p:ext uri="{BB962C8B-B14F-4D97-AF65-F5344CB8AC3E}">
        <p14:creationId xmlns:p14="http://schemas.microsoft.com/office/powerpoint/2010/main" val="3992831224"/>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3" presetClass="entr" presetSubtype="10" fill="hold" nodeType="with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blinds(horizontal)">
                                      <p:cBhvr>
                                        <p:cTn id="7" dur="500"/>
                                        <p:tgtEl>
                                          <p:spTgt spid="11"/>
                                        </p:tgtEl>
                                      </p:cBhvr>
                                    </p:animEffect>
                                  </p:childTnLst>
                                </p:cTn>
                              </p:par>
                              <p:par>
                                <p:cTn id="8" presetID="3" presetClass="entr" presetSubtype="10" fill="hold" nodeType="withEffect">
                                  <p:stCondLst>
                                    <p:cond delay="0"/>
                                  </p:stCondLst>
                                  <p:childTnLst>
                                    <p:set>
                                      <p:cBhvr>
                                        <p:cTn id="9" dur="1" fill="hold">
                                          <p:stCondLst>
                                            <p:cond delay="0"/>
                                          </p:stCondLst>
                                        </p:cTn>
                                        <p:tgtEl>
                                          <p:spTgt spid="12"/>
                                        </p:tgtEl>
                                        <p:attrNameLst>
                                          <p:attrName>style.visibility</p:attrName>
                                        </p:attrNameLst>
                                      </p:cBhvr>
                                      <p:to>
                                        <p:strVal val="visible"/>
                                      </p:to>
                                    </p:set>
                                    <p:animEffect transition="in" filter="blinds(horizontal)">
                                      <p:cBhvr>
                                        <p:cTn id="10" dur="500"/>
                                        <p:tgtEl>
                                          <p:spTgt spid="12"/>
                                        </p:tgtEl>
                                      </p:cBhvr>
                                    </p:animEffect>
                                  </p:childTnLst>
                                </p:cTn>
                              </p:par>
                              <p:par>
                                <p:cTn id="11" presetID="9" presetClass="entr" presetSubtype="0" fill="hold" grpId="0" nodeType="withEffect">
                                  <p:stCondLst>
                                    <p:cond delay="0"/>
                                  </p:stCondLst>
                                  <p:childTnLst>
                                    <p:set>
                                      <p:cBhvr>
                                        <p:cTn id="12" dur="1" fill="hold">
                                          <p:stCondLst>
                                            <p:cond delay="0"/>
                                          </p:stCondLst>
                                        </p:cTn>
                                        <p:tgtEl>
                                          <p:spTgt spid="4"/>
                                        </p:tgtEl>
                                        <p:attrNameLst>
                                          <p:attrName>style.visibility</p:attrName>
                                        </p:attrNameLst>
                                      </p:cBhvr>
                                      <p:to>
                                        <p:strVal val="visible"/>
                                      </p:to>
                                    </p:set>
                                    <p:animEffect transition="in" filter="dissolve">
                                      <p:cBhvr>
                                        <p:cTn id="13" dur="500"/>
                                        <p:tgtEl>
                                          <p:spTgt spid="4"/>
                                        </p:tgtEl>
                                      </p:cBhvr>
                                    </p:animEffect>
                                  </p:childTnLst>
                                </p:cTn>
                              </p:par>
                              <p:par>
                                <p:cTn id="14" presetID="9" presetClass="entr" presetSubtype="0" fill="hold" grpId="0" nodeType="withEffect">
                                  <p:stCondLst>
                                    <p:cond delay="0"/>
                                  </p:stCondLst>
                                  <p:childTnLst>
                                    <p:set>
                                      <p:cBhvr>
                                        <p:cTn id="15" dur="1" fill="hold">
                                          <p:stCondLst>
                                            <p:cond delay="0"/>
                                          </p:stCondLst>
                                        </p:cTn>
                                        <p:tgtEl>
                                          <p:spTgt spid="5"/>
                                        </p:tgtEl>
                                        <p:attrNameLst>
                                          <p:attrName>style.visibility</p:attrName>
                                        </p:attrNameLst>
                                      </p:cBhvr>
                                      <p:to>
                                        <p:strVal val="visible"/>
                                      </p:to>
                                    </p:set>
                                    <p:animEffect transition="in" filter="dissolve">
                                      <p:cBhvr>
                                        <p:cTn id="16" dur="500"/>
                                        <p:tgtEl>
                                          <p:spTgt spid="5"/>
                                        </p:tgtEl>
                                      </p:cBhvr>
                                    </p:animEffect>
                                  </p:childTnLst>
                                </p:cTn>
                              </p:par>
                              <p:par>
                                <p:cTn id="17" presetID="9" presetClass="entr" presetSubtype="0" fill="hold" grpId="0" nodeType="withEffect">
                                  <p:stCondLst>
                                    <p:cond delay="0"/>
                                  </p:stCondLst>
                                  <p:childTnLst>
                                    <p:set>
                                      <p:cBhvr>
                                        <p:cTn id="18" dur="1" fill="hold">
                                          <p:stCondLst>
                                            <p:cond delay="0"/>
                                          </p:stCondLst>
                                        </p:cTn>
                                        <p:tgtEl>
                                          <p:spTgt spid="10"/>
                                        </p:tgtEl>
                                        <p:attrNameLst>
                                          <p:attrName>style.visibility</p:attrName>
                                        </p:attrNameLst>
                                      </p:cBhvr>
                                      <p:to>
                                        <p:strVal val="visible"/>
                                      </p:to>
                                    </p:set>
                                    <p:animEffect transition="in" filter="dissolve">
                                      <p:cBhvr>
                                        <p:cTn id="19" dur="500"/>
                                        <p:tgtEl>
                                          <p:spTgt spid="10"/>
                                        </p:tgtEl>
                                      </p:cBhvr>
                                    </p:animEffect>
                                  </p:childTnLst>
                                </p:cTn>
                              </p:par>
                              <p:par>
                                <p:cTn id="20" presetID="9" presetClass="entr" presetSubtype="0" fill="hold" grpId="0" nodeType="withEffect">
                                  <p:stCondLst>
                                    <p:cond delay="0"/>
                                  </p:stCondLst>
                                  <p:childTnLst>
                                    <p:set>
                                      <p:cBhvr>
                                        <p:cTn id="21" dur="1" fill="hold">
                                          <p:stCondLst>
                                            <p:cond delay="0"/>
                                          </p:stCondLst>
                                        </p:cTn>
                                        <p:tgtEl>
                                          <p:spTgt spid="9"/>
                                        </p:tgtEl>
                                        <p:attrNameLst>
                                          <p:attrName>style.visibility</p:attrName>
                                        </p:attrNameLst>
                                      </p:cBhvr>
                                      <p:to>
                                        <p:strVal val="visible"/>
                                      </p:to>
                                    </p:set>
                                    <p:animEffect transition="in" filter="dissolve">
                                      <p:cBhvr>
                                        <p:cTn id="22" dur="500"/>
                                        <p:tgtEl>
                                          <p:spTgt spid="9"/>
                                        </p:tgtEl>
                                      </p:cBhvr>
                                    </p:animEffect>
                                  </p:childTnLst>
                                </p:cTn>
                              </p:par>
                              <p:par>
                                <p:cTn id="23" presetID="9" presetClass="entr" presetSubtype="0" fill="hold" grpId="0" nodeType="withEffect">
                                  <p:stCondLst>
                                    <p:cond delay="0"/>
                                  </p:stCondLst>
                                  <p:childTnLst>
                                    <p:set>
                                      <p:cBhvr>
                                        <p:cTn id="24" dur="1" fill="hold">
                                          <p:stCondLst>
                                            <p:cond delay="0"/>
                                          </p:stCondLst>
                                        </p:cTn>
                                        <p:tgtEl>
                                          <p:spTgt spid="6"/>
                                        </p:tgtEl>
                                        <p:attrNameLst>
                                          <p:attrName>style.visibility</p:attrName>
                                        </p:attrNameLst>
                                      </p:cBhvr>
                                      <p:to>
                                        <p:strVal val="visible"/>
                                      </p:to>
                                    </p:set>
                                    <p:animEffect transition="in" filter="dissolve">
                                      <p:cBhvr>
                                        <p:cTn id="25" dur="500"/>
                                        <p:tgtEl>
                                          <p:spTgt spid="6"/>
                                        </p:tgtEl>
                                      </p:cBhvr>
                                    </p:animEffect>
                                  </p:childTnLst>
                                </p:cTn>
                              </p:par>
                            </p:childTnLst>
                          </p:cTn>
                        </p:par>
                        <p:par>
                          <p:cTn id="26" fill="hold">
                            <p:stCondLst>
                              <p:cond delay="500"/>
                            </p:stCondLst>
                            <p:childTnLst>
                              <p:par>
                                <p:cTn id="27" presetID="42" presetClass="entr" presetSubtype="0" fill="hold" nodeType="afterEffect">
                                  <p:stCondLst>
                                    <p:cond delay="0"/>
                                  </p:stCondLst>
                                  <p:childTnLst>
                                    <p:set>
                                      <p:cBhvr>
                                        <p:cTn id="28" dur="1" fill="hold">
                                          <p:stCondLst>
                                            <p:cond delay="0"/>
                                          </p:stCondLst>
                                        </p:cTn>
                                        <p:tgtEl>
                                          <p:spTgt spid="3"/>
                                        </p:tgtEl>
                                        <p:attrNameLst>
                                          <p:attrName>style.visibility</p:attrName>
                                        </p:attrNameLst>
                                      </p:cBhvr>
                                      <p:to>
                                        <p:strVal val="visible"/>
                                      </p:to>
                                    </p:set>
                                    <p:animEffect transition="in" filter="fade">
                                      <p:cBhvr>
                                        <p:cTn id="29" dur="1500"/>
                                        <p:tgtEl>
                                          <p:spTgt spid="3"/>
                                        </p:tgtEl>
                                      </p:cBhvr>
                                    </p:animEffect>
                                    <p:anim calcmode="lin" valueType="num">
                                      <p:cBhvr>
                                        <p:cTn id="30" dur="1500" fill="hold"/>
                                        <p:tgtEl>
                                          <p:spTgt spid="3"/>
                                        </p:tgtEl>
                                        <p:attrNameLst>
                                          <p:attrName>ppt_x</p:attrName>
                                        </p:attrNameLst>
                                      </p:cBhvr>
                                      <p:tavLst>
                                        <p:tav tm="0">
                                          <p:val>
                                            <p:strVal val="#ppt_x"/>
                                          </p:val>
                                        </p:tav>
                                        <p:tav tm="100000">
                                          <p:val>
                                            <p:strVal val="#ppt_x"/>
                                          </p:val>
                                        </p:tav>
                                      </p:tavLst>
                                    </p:anim>
                                    <p:anim calcmode="lin" valueType="num">
                                      <p:cBhvr>
                                        <p:cTn id="31" dur="1500" fill="hold"/>
                                        <p:tgtEl>
                                          <p:spTgt spid="3"/>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Graphic spid="4" grpId="0">
        <p:bldAsOne/>
      </p:bldGraphic>
      <p:bldP spid="5" grpId="0" animBg="1"/>
      <p:bldP spid="6" grpId="0" animBg="1"/>
      <p:bldP spid="9" grpId="0" animBg="1"/>
      <p:bldP spid="10" grpId="0"/>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358"/>
        <p:cNvGrpSpPr/>
        <p:nvPr/>
      </p:nvGrpSpPr>
      <p:grpSpPr>
        <a:xfrm>
          <a:off x="0" y="0"/>
          <a:ext cx="0" cy="0"/>
          <a:chOff x="0" y="0"/>
          <a:chExt cx="0" cy="0"/>
        </a:xfrm>
      </p:grpSpPr>
      <p:sp>
        <p:nvSpPr>
          <p:cNvPr id="6" name="Rectangle 5">
            <a:extLst>
              <a:ext uri="{FF2B5EF4-FFF2-40B4-BE49-F238E27FC236}">
                <a16:creationId xmlns:a16="http://schemas.microsoft.com/office/drawing/2014/main" id="{88B54ABD-8F1B-4B9A-A322-AB0A1ADD05C1}"/>
              </a:ext>
            </a:extLst>
          </p:cNvPr>
          <p:cNvSpPr/>
          <p:nvPr/>
        </p:nvSpPr>
        <p:spPr>
          <a:xfrm>
            <a:off x="-137738" y="162580"/>
            <a:ext cx="10719089" cy="923330"/>
          </a:xfrm>
          <a:prstGeom prst="rect">
            <a:avLst/>
          </a:prstGeom>
          <a:noFill/>
        </p:spPr>
        <p:txBody>
          <a:bodyPr wrap="square" lIns="91440" tIns="45720" rIns="91440" bIns="45720">
            <a:spAutoFit/>
          </a:bodyPr>
          <a:lstStyle/>
          <a:p>
            <a:pPr algn="ctr"/>
            <a:r>
              <a:rPr lang="en-US" sz="5400" b="1" cap="none" spc="0" err="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Bài</a:t>
            </a:r>
            <a:r>
              <a:rPr lang="en-US"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 </a:t>
            </a:r>
            <a:r>
              <a:rPr lang="vi-VN"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1: Thông tin trên web</a:t>
            </a:r>
            <a:endParaRPr lang="en-US" sz="5400" b="1" cap="none" spc="0" dirty="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endParaRPr>
          </a:p>
        </p:txBody>
      </p:sp>
      <p:pic>
        <p:nvPicPr>
          <p:cNvPr id="2050" name="Picture 2" descr="Tổng hợp ảnh mạng máy tính chất lượng cao đáp ứng nhu cầu thiết kế và sử  dụng">
            <a:extLst>
              <a:ext uri="{FF2B5EF4-FFF2-40B4-BE49-F238E27FC236}">
                <a16:creationId xmlns:a16="http://schemas.microsoft.com/office/drawing/2014/main" id="{DDF05ED3-C5EC-E2EB-55B9-5BF054ADB30E}"/>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107459" y="1713067"/>
            <a:ext cx="8244593" cy="4198636"/>
          </a:xfrm>
          <a:prstGeom prst="roundRect">
            <a:avLst>
              <a:gd name="adj" fmla="val 16667"/>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a:extLst>
            <a:ext uri="{909E8E84-426E-40DD-AFC4-6F175D3DCCD1}">
              <a14:hiddenFill xmlns:a14="http://schemas.microsoft.com/office/drawing/2010/main">
                <a:solidFill>
                  <a:srgbClr val="FFFFFF"/>
                </a:solidFill>
              </a14:hiddenFill>
            </a:ext>
          </a:extLst>
        </p:spPr>
      </p:pic>
      <p:sp>
        <p:nvSpPr>
          <p:cNvPr id="3" name="TextBox 45">
            <a:extLst>
              <a:ext uri="{FF2B5EF4-FFF2-40B4-BE49-F238E27FC236}">
                <a16:creationId xmlns:a16="http://schemas.microsoft.com/office/drawing/2014/main" id="{B4C1637E-D907-45C7-B4B5-787D545C7F63}"/>
              </a:ext>
            </a:extLst>
          </p:cNvPr>
          <p:cNvSpPr txBox="1"/>
          <p:nvPr/>
        </p:nvSpPr>
        <p:spPr>
          <a:xfrm>
            <a:off x="486402" y="913223"/>
            <a:ext cx="4138899" cy="657923"/>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nvGrpSpPr>
          <p:cNvPr id="4" name="Group 6">
            <a:extLst>
              <a:ext uri="{FF2B5EF4-FFF2-40B4-BE49-F238E27FC236}">
                <a16:creationId xmlns:a16="http://schemas.microsoft.com/office/drawing/2014/main" id="{AFC2AB11-164D-BB7E-D061-B6C017F745A6}"/>
              </a:ext>
            </a:extLst>
          </p:cNvPr>
          <p:cNvGrpSpPr/>
          <p:nvPr/>
        </p:nvGrpSpPr>
        <p:grpSpPr>
          <a:xfrm>
            <a:off x="218412" y="913223"/>
            <a:ext cx="4896089" cy="657923"/>
            <a:chOff x="293561" y="1124296"/>
            <a:chExt cx="3713701" cy="1077218"/>
          </a:xfrm>
        </p:grpSpPr>
        <p:sp>
          <p:nvSpPr>
            <p:cNvPr id="5" name="Rectangle: Rounded Corners 44">
              <a:extLst>
                <a:ext uri="{FF2B5EF4-FFF2-40B4-BE49-F238E27FC236}">
                  <a16:creationId xmlns:a16="http://schemas.microsoft.com/office/drawing/2014/main" id="{F7631F67-4393-009F-58D6-4FB8B18AB418}"/>
                </a:ext>
              </a:extLst>
            </p:cNvPr>
            <p:cNvSpPr/>
            <p:nvPr/>
          </p:nvSpPr>
          <p:spPr>
            <a:xfrm>
              <a:off x="293561" y="1198683"/>
              <a:ext cx="3713701" cy="809738"/>
            </a:xfrm>
            <a:prstGeom prst="roundRect">
              <a:avLst>
                <a:gd name="adj" fmla="val 46278"/>
              </a:avLst>
            </a:prstGeom>
            <a:solidFill>
              <a:srgbClr val="FF8C65"/>
            </a:solidFill>
            <a:ln>
              <a:noFill/>
            </a:ln>
            <a:effectLst>
              <a:outerShdw blurRad="149987" dist="250190" dir="8460000" algn="ctr">
                <a:srgbClr val="000000">
                  <a:alpha val="28000"/>
                </a:srgbClr>
              </a:outerShdw>
              <a:reflection endPos="0" dist="254000" dir="5400000" sy="-100000" algn="bl" rotWithShape="0"/>
              <a:softEdge rad="0"/>
            </a:effectLst>
            <a:scene3d>
              <a:camera prst="orthographicFront">
                <a:rot lat="0" lon="0" rev="0"/>
              </a:camera>
              <a:lightRig rig="contrasting" dir="t">
                <a:rot lat="0" lon="0" rev="1500000"/>
              </a:lightRig>
            </a:scene3d>
            <a:sp3d prstMaterial="metal">
              <a:bevelT w="88900" h="889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8" name="TextBox 45">
              <a:extLst>
                <a:ext uri="{FF2B5EF4-FFF2-40B4-BE49-F238E27FC236}">
                  <a16:creationId xmlns:a16="http://schemas.microsoft.com/office/drawing/2014/main" id="{1561AF78-ACC1-D542-CF7C-9090F06EC148}"/>
                </a:ext>
              </a:extLst>
            </p:cNvPr>
            <p:cNvSpPr txBox="1"/>
            <p:nvPr/>
          </p:nvSpPr>
          <p:spPr>
            <a:xfrm>
              <a:off x="496832" y="1124296"/>
              <a:ext cx="3139370" cy="1077218"/>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spTree>
    <p:custDataLst>
      <p:tags r:id="rId1"/>
    </p:custDataLst>
    <p:extLst>
      <p:ext uri="{BB962C8B-B14F-4D97-AF65-F5344CB8AC3E}">
        <p14:creationId xmlns:p14="http://schemas.microsoft.com/office/powerpoint/2010/main" val="2463251573"/>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358"/>
        <p:cNvGrpSpPr/>
        <p:nvPr/>
      </p:nvGrpSpPr>
      <p:grpSpPr>
        <a:xfrm>
          <a:off x="0" y="0"/>
          <a:ext cx="0" cy="0"/>
          <a:chOff x="0" y="0"/>
          <a:chExt cx="0" cy="0"/>
        </a:xfrm>
      </p:grpSpPr>
      <p:sp>
        <p:nvSpPr>
          <p:cNvPr id="6" name="Rectangle 5">
            <a:extLst>
              <a:ext uri="{FF2B5EF4-FFF2-40B4-BE49-F238E27FC236}">
                <a16:creationId xmlns:a16="http://schemas.microsoft.com/office/drawing/2014/main" id="{88B54ABD-8F1B-4B9A-A322-AB0A1ADD05C1}"/>
              </a:ext>
            </a:extLst>
          </p:cNvPr>
          <p:cNvSpPr/>
          <p:nvPr/>
        </p:nvSpPr>
        <p:spPr>
          <a:xfrm>
            <a:off x="-137738" y="162580"/>
            <a:ext cx="10719089" cy="923330"/>
          </a:xfrm>
          <a:prstGeom prst="rect">
            <a:avLst/>
          </a:prstGeom>
          <a:noFill/>
        </p:spPr>
        <p:txBody>
          <a:bodyPr wrap="square" lIns="91440" tIns="45720" rIns="91440" bIns="45720">
            <a:spAutoFit/>
          </a:bodyPr>
          <a:lstStyle/>
          <a:p>
            <a:pPr algn="ctr"/>
            <a:r>
              <a:rPr lang="en-US" sz="5400" b="1" cap="none" spc="0" err="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Bài</a:t>
            </a:r>
            <a:r>
              <a:rPr lang="en-US"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 </a:t>
            </a:r>
            <a:r>
              <a:rPr lang="vi-VN"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1: Thông tin trên web</a:t>
            </a:r>
            <a:endParaRPr lang="en-US" sz="5400" b="1" cap="none" spc="0" dirty="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endParaRPr>
          </a:p>
        </p:txBody>
      </p:sp>
      <p:sp>
        <p:nvSpPr>
          <p:cNvPr id="3" name="TextBox 45">
            <a:extLst>
              <a:ext uri="{FF2B5EF4-FFF2-40B4-BE49-F238E27FC236}">
                <a16:creationId xmlns:a16="http://schemas.microsoft.com/office/drawing/2014/main" id="{B4C1637E-D907-45C7-B4B5-787D545C7F63}"/>
              </a:ext>
            </a:extLst>
          </p:cNvPr>
          <p:cNvSpPr txBox="1"/>
          <p:nvPr/>
        </p:nvSpPr>
        <p:spPr>
          <a:xfrm>
            <a:off x="486402" y="913223"/>
            <a:ext cx="4138899" cy="657923"/>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nvGrpSpPr>
          <p:cNvPr id="4" name="Group 6">
            <a:extLst>
              <a:ext uri="{FF2B5EF4-FFF2-40B4-BE49-F238E27FC236}">
                <a16:creationId xmlns:a16="http://schemas.microsoft.com/office/drawing/2014/main" id="{AFC2AB11-164D-BB7E-D061-B6C017F745A6}"/>
              </a:ext>
            </a:extLst>
          </p:cNvPr>
          <p:cNvGrpSpPr/>
          <p:nvPr/>
        </p:nvGrpSpPr>
        <p:grpSpPr>
          <a:xfrm>
            <a:off x="218412" y="913223"/>
            <a:ext cx="4896089" cy="657923"/>
            <a:chOff x="293561" y="1124296"/>
            <a:chExt cx="3713701" cy="1077218"/>
          </a:xfrm>
        </p:grpSpPr>
        <p:sp>
          <p:nvSpPr>
            <p:cNvPr id="5" name="Rectangle: Rounded Corners 44">
              <a:extLst>
                <a:ext uri="{FF2B5EF4-FFF2-40B4-BE49-F238E27FC236}">
                  <a16:creationId xmlns:a16="http://schemas.microsoft.com/office/drawing/2014/main" id="{F7631F67-4393-009F-58D6-4FB8B18AB418}"/>
                </a:ext>
              </a:extLst>
            </p:cNvPr>
            <p:cNvSpPr/>
            <p:nvPr/>
          </p:nvSpPr>
          <p:spPr>
            <a:xfrm>
              <a:off x="293561" y="1198683"/>
              <a:ext cx="3713701" cy="809738"/>
            </a:xfrm>
            <a:prstGeom prst="roundRect">
              <a:avLst>
                <a:gd name="adj" fmla="val 46278"/>
              </a:avLst>
            </a:prstGeom>
            <a:solidFill>
              <a:srgbClr val="FF8C65"/>
            </a:solidFill>
            <a:ln>
              <a:noFill/>
            </a:ln>
            <a:effectLst>
              <a:outerShdw blurRad="149987" dist="250190" dir="8460000" algn="ctr">
                <a:srgbClr val="000000">
                  <a:alpha val="28000"/>
                </a:srgbClr>
              </a:outerShdw>
              <a:reflection endPos="0" dist="254000" dir="5400000" sy="-100000" algn="bl" rotWithShape="0"/>
              <a:softEdge rad="0"/>
            </a:effectLst>
            <a:scene3d>
              <a:camera prst="orthographicFront">
                <a:rot lat="0" lon="0" rev="0"/>
              </a:camera>
              <a:lightRig rig="contrasting" dir="t">
                <a:rot lat="0" lon="0" rev="1500000"/>
              </a:lightRig>
            </a:scene3d>
            <a:sp3d prstMaterial="metal">
              <a:bevelT w="88900" h="889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8" name="TextBox 45">
              <a:extLst>
                <a:ext uri="{FF2B5EF4-FFF2-40B4-BE49-F238E27FC236}">
                  <a16:creationId xmlns:a16="http://schemas.microsoft.com/office/drawing/2014/main" id="{1561AF78-ACC1-D542-CF7C-9090F06EC148}"/>
                </a:ext>
              </a:extLst>
            </p:cNvPr>
            <p:cNvSpPr txBox="1"/>
            <p:nvPr/>
          </p:nvSpPr>
          <p:spPr>
            <a:xfrm>
              <a:off x="496832" y="1124296"/>
              <a:ext cx="3139370" cy="1077218"/>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grpSp>
        <p:nvGrpSpPr>
          <p:cNvPr id="10" name="Google Shape;361;p37">
            <a:extLst>
              <a:ext uri="{FF2B5EF4-FFF2-40B4-BE49-F238E27FC236}">
                <a16:creationId xmlns:a16="http://schemas.microsoft.com/office/drawing/2014/main" id="{F763D0B9-DA51-4B22-70B6-B2953AFFE3C0}"/>
              </a:ext>
            </a:extLst>
          </p:cNvPr>
          <p:cNvGrpSpPr/>
          <p:nvPr/>
        </p:nvGrpSpPr>
        <p:grpSpPr>
          <a:xfrm>
            <a:off x="1327212" y="3589674"/>
            <a:ext cx="2678487" cy="2327559"/>
            <a:chOff x="-2314175" y="910675"/>
            <a:chExt cx="2012875" cy="1733025"/>
          </a:xfrm>
        </p:grpSpPr>
        <p:sp>
          <p:nvSpPr>
            <p:cNvPr id="11" name="Google Shape;362;p37">
              <a:extLst>
                <a:ext uri="{FF2B5EF4-FFF2-40B4-BE49-F238E27FC236}">
                  <a16:creationId xmlns:a16="http://schemas.microsoft.com/office/drawing/2014/main" id="{DA389E55-C16D-5F1D-A0E9-F4C57016ACB8}"/>
                </a:ext>
              </a:extLst>
            </p:cNvPr>
            <p:cNvSpPr/>
            <p:nvPr/>
          </p:nvSpPr>
          <p:spPr>
            <a:xfrm>
              <a:off x="-2265025" y="2299475"/>
              <a:ext cx="747525" cy="219200"/>
            </a:xfrm>
            <a:custGeom>
              <a:avLst/>
              <a:gdLst/>
              <a:ahLst/>
              <a:cxnLst/>
              <a:rect l="l" t="t" r="r" b="b"/>
              <a:pathLst>
                <a:path w="29901" h="8768" extrusionOk="0">
                  <a:moveTo>
                    <a:pt x="2700" y="7847"/>
                  </a:moveTo>
                  <a:cubicBezTo>
                    <a:pt x="3098" y="7763"/>
                    <a:pt x="3453" y="7638"/>
                    <a:pt x="3830" y="7533"/>
                  </a:cubicBezTo>
                  <a:cubicBezTo>
                    <a:pt x="4834" y="7219"/>
                    <a:pt x="5839" y="6926"/>
                    <a:pt x="6885" y="6780"/>
                  </a:cubicBezTo>
                  <a:cubicBezTo>
                    <a:pt x="7533" y="6675"/>
                    <a:pt x="8182" y="6529"/>
                    <a:pt x="8852" y="6466"/>
                  </a:cubicBezTo>
                  <a:cubicBezTo>
                    <a:pt x="9898" y="6298"/>
                    <a:pt x="10944" y="6173"/>
                    <a:pt x="11990" y="6173"/>
                  </a:cubicBezTo>
                  <a:cubicBezTo>
                    <a:pt x="13831" y="6194"/>
                    <a:pt x="15715" y="6194"/>
                    <a:pt x="17577" y="6173"/>
                  </a:cubicBezTo>
                  <a:cubicBezTo>
                    <a:pt x="18560" y="6173"/>
                    <a:pt x="19564" y="6215"/>
                    <a:pt x="20527" y="6403"/>
                  </a:cubicBezTo>
                  <a:cubicBezTo>
                    <a:pt x="20757" y="6466"/>
                    <a:pt x="21008" y="6508"/>
                    <a:pt x="21238" y="6529"/>
                  </a:cubicBezTo>
                  <a:cubicBezTo>
                    <a:pt x="24021" y="6989"/>
                    <a:pt x="26762" y="7449"/>
                    <a:pt x="29440" y="8307"/>
                  </a:cubicBezTo>
                  <a:cubicBezTo>
                    <a:pt x="29587" y="8370"/>
                    <a:pt x="29733" y="8349"/>
                    <a:pt x="29901" y="8349"/>
                  </a:cubicBezTo>
                  <a:cubicBezTo>
                    <a:pt x="29399" y="7052"/>
                    <a:pt x="29064" y="5775"/>
                    <a:pt x="27767" y="5064"/>
                  </a:cubicBezTo>
                  <a:cubicBezTo>
                    <a:pt x="27495" y="5357"/>
                    <a:pt x="27118" y="5462"/>
                    <a:pt x="26679" y="5462"/>
                  </a:cubicBezTo>
                  <a:cubicBezTo>
                    <a:pt x="26386" y="5148"/>
                    <a:pt x="26155" y="4813"/>
                    <a:pt x="25842" y="4583"/>
                  </a:cubicBezTo>
                  <a:cubicBezTo>
                    <a:pt x="25465" y="4269"/>
                    <a:pt x="25088" y="3997"/>
                    <a:pt x="24837" y="3578"/>
                  </a:cubicBezTo>
                  <a:cubicBezTo>
                    <a:pt x="24712" y="3348"/>
                    <a:pt x="24461" y="3244"/>
                    <a:pt x="24189" y="3139"/>
                  </a:cubicBezTo>
                  <a:cubicBezTo>
                    <a:pt x="23833" y="3013"/>
                    <a:pt x="23477" y="2846"/>
                    <a:pt x="23205" y="2532"/>
                  </a:cubicBezTo>
                  <a:cubicBezTo>
                    <a:pt x="23017" y="2344"/>
                    <a:pt x="22745" y="2239"/>
                    <a:pt x="22515" y="2093"/>
                  </a:cubicBezTo>
                  <a:cubicBezTo>
                    <a:pt x="22305" y="1967"/>
                    <a:pt x="22075" y="1884"/>
                    <a:pt x="21887" y="1716"/>
                  </a:cubicBezTo>
                  <a:cubicBezTo>
                    <a:pt x="21531" y="1360"/>
                    <a:pt x="21113" y="1235"/>
                    <a:pt x="20611" y="1088"/>
                  </a:cubicBezTo>
                  <a:cubicBezTo>
                    <a:pt x="19481" y="816"/>
                    <a:pt x="18309" y="565"/>
                    <a:pt x="17242" y="105"/>
                  </a:cubicBezTo>
                  <a:cubicBezTo>
                    <a:pt x="17012" y="0"/>
                    <a:pt x="16719" y="0"/>
                    <a:pt x="16447" y="0"/>
                  </a:cubicBezTo>
                  <a:lnTo>
                    <a:pt x="11300" y="0"/>
                  </a:lnTo>
                  <a:cubicBezTo>
                    <a:pt x="11049" y="0"/>
                    <a:pt x="10756" y="21"/>
                    <a:pt x="10484" y="42"/>
                  </a:cubicBezTo>
                  <a:cubicBezTo>
                    <a:pt x="9479" y="210"/>
                    <a:pt x="8475" y="419"/>
                    <a:pt x="7450" y="565"/>
                  </a:cubicBezTo>
                  <a:cubicBezTo>
                    <a:pt x="6048" y="754"/>
                    <a:pt x="4751" y="1360"/>
                    <a:pt x="3432" y="1884"/>
                  </a:cubicBezTo>
                  <a:cubicBezTo>
                    <a:pt x="3265" y="2595"/>
                    <a:pt x="3014" y="3223"/>
                    <a:pt x="2575" y="3767"/>
                  </a:cubicBezTo>
                  <a:cubicBezTo>
                    <a:pt x="1884" y="4604"/>
                    <a:pt x="1424" y="5587"/>
                    <a:pt x="838" y="6508"/>
                  </a:cubicBezTo>
                  <a:cubicBezTo>
                    <a:pt x="419" y="7198"/>
                    <a:pt x="231" y="7930"/>
                    <a:pt x="1" y="8767"/>
                  </a:cubicBezTo>
                  <a:cubicBezTo>
                    <a:pt x="273" y="8684"/>
                    <a:pt x="503" y="8684"/>
                    <a:pt x="650" y="8579"/>
                  </a:cubicBezTo>
                  <a:cubicBezTo>
                    <a:pt x="1319" y="8161"/>
                    <a:pt x="1989" y="7993"/>
                    <a:pt x="2700" y="7847"/>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2" name="Google Shape;363;p37">
              <a:extLst>
                <a:ext uri="{FF2B5EF4-FFF2-40B4-BE49-F238E27FC236}">
                  <a16:creationId xmlns:a16="http://schemas.microsoft.com/office/drawing/2014/main" id="{3B39FC1C-CCF0-64A3-E8AE-D97F0A261FBD}"/>
                </a:ext>
              </a:extLst>
            </p:cNvPr>
            <p:cNvSpPr/>
            <p:nvPr/>
          </p:nvSpPr>
          <p:spPr>
            <a:xfrm>
              <a:off x="-1461025" y="2493025"/>
              <a:ext cx="621975" cy="109875"/>
            </a:xfrm>
            <a:custGeom>
              <a:avLst/>
              <a:gdLst/>
              <a:ahLst/>
              <a:cxnLst/>
              <a:rect l="l" t="t" r="r" b="b"/>
              <a:pathLst>
                <a:path w="24879" h="4395" extrusionOk="0">
                  <a:moveTo>
                    <a:pt x="24000" y="1779"/>
                  </a:moveTo>
                  <a:cubicBezTo>
                    <a:pt x="22765" y="1402"/>
                    <a:pt x="21636" y="879"/>
                    <a:pt x="20401" y="753"/>
                  </a:cubicBezTo>
                  <a:cubicBezTo>
                    <a:pt x="19439" y="649"/>
                    <a:pt x="18497" y="523"/>
                    <a:pt x="17555" y="356"/>
                  </a:cubicBezTo>
                  <a:cubicBezTo>
                    <a:pt x="16363" y="188"/>
                    <a:pt x="15170" y="84"/>
                    <a:pt x="13977" y="105"/>
                  </a:cubicBezTo>
                  <a:cubicBezTo>
                    <a:pt x="12910" y="126"/>
                    <a:pt x="11822" y="105"/>
                    <a:pt x="10734" y="105"/>
                  </a:cubicBezTo>
                  <a:cubicBezTo>
                    <a:pt x="9249" y="0"/>
                    <a:pt x="7826" y="42"/>
                    <a:pt x="6319" y="209"/>
                  </a:cubicBezTo>
                  <a:cubicBezTo>
                    <a:pt x="5629" y="293"/>
                    <a:pt x="4980" y="419"/>
                    <a:pt x="4353" y="649"/>
                  </a:cubicBezTo>
                  <a:cubicBezTo>
                    <a:pt x="3662" y="921"/>
                    <a:pt x="3369" y="1088"/>
                    <a:pt x="3034" y="1758"/>
                  </a:cubicBezTo>
                  <a:cubicBezTo>
                    <a:pt x="2993" y="1821"/>
                    <a:pt x="3097" y="1967"/>
                    <a:pt x="3181" y="1883"/>
                  </a:cubicBezTo>
                  <a:cubicBezTo>
                    <a:pt x="4332" y="1151"/>
                    <a:pt x="6026" y="1339"/>
                    <a:pt x="7366" y="1256"/>
                  </a:cubicBezTo>
                  <a:cubicBezTo>
                    <a:pt x="8726" y="1172"/>
                    <a:pt x="10086" y="1297"/>
                    <a:pt x="11446" y="1402"/>
                  </a:cubicBezTo>
                  <a:cubicBezTo>
                    <a:pt x="12387" y="1486"/>
                    <a:pt x="13266" y="1695"/>
                    <a:pt x="14187" y="1883"/>
                  </a:cubicBezTo>
                  <a:cubicBezTo>
                    <a:pt x="13057" y="1800"/>
                    <a:pt x="11927" y="1695"/>
                    <a:pt x="10818" y="1611"/>
                  </a:cubicBezTo>
                  <a:cubicBezTo>
                    <a:pt x="9186" y="1507"/>
                    <a:pt x="7575" y="1381"/>
                    <a:pt x="5943" y="1695"/>
                  </a:cubicBezTo>
                  <a:cubicBezTo>
                    <a:pt x="5692" y="1758"/>
                    <a:pt x="5399" y="1758"/>
                    <a:pt x="5127" y="1758"/>
                  </a:cubicBezTo>
                  <a:cubicBezTo>
                    <a:pt x="3537" y="1674"/>
                    <a:pt x="2051" y="2134"/>
                    <a:pt x="524" y="2511"/>
                  </a:cubicBezTo>
                  <a:cubicBezTo>
                    <a:pt x="377" y="2532"/>
                    <a:pt x="252" y="2657"/>
                    <a:pt x="0" y="2804"/>
                  </a:cubicBezTo>
                  <a:cubicBezTo>
                    <a:pt x="210" y="2909"/>
                    <a:pt x="314" y="2971"/>
                    <a:pt x="419" y="2971"/>
                  </a:cubicBezTo>
                  <a:cubicBezTo>
                    <a:pt x="670" y="2950"/>
                    <a:pt x="900" y="2929"/>
                    <a:pt x="1130" y="2825"/>
                  </a:cubicBezTo>
                  <a:cubicBezTo>
                    <a:pt x="1528" y="2657"/>
                    <a:pt x="1946" y="2616"/>
                    <a:pt x="2365" y="2616"/>
                  </a:cubicBezTo>
                  <a:cubicBezTo>
                    <a:pt x="5796" y="2595"/>
                    <a:pt x="9228" y="2532"/>
                    <a:pt x="12680" y="2511"/>
                  </a:cubicBezTo>
                  <a:cubicBezTo>
                    <a:pt x="13350" y="2511"/>
                    <a:pt x="14061" y="2532"/>
                    <a:pt x="14731" y="2637"/>
                  </a:cubicBezTo>
                  <a:cubicBezTo>
                    <a:pt x="15589" y="2762"/>
                    <a:pt x="16467" y="2825"/>
                    <a:pt x="17346" y="2804"/>
                  </a:cubicBezTo>
                  <a:cubicBezTo>
                    <a:pt x="17576" y="2804"/>
                    <a:pt x="17848" y="2804"/>
                    <a:pt x="18079" y="2825"/>
                  </a:cubicBezTo>
                  <a:cubicBezTo>
                    <a:pt x="20150" y="3181"/>
                    <a:pt x="22242" y="3536"/>
                    <a:pt x="24230" y="4206"/>
                  </a:cubicBezTo>
                  <a:cubicBezTo>
                    <a:pt x="24418" y="4269"/>
                    <a:pt x="24628" y="4310"/>
                    <a:pt x="24879" y="4394"/>
                  </a:cubicBezTo>
                  <a:cubicBezTo>
                    <a:pt x="24669" y="3432"/>
                    <a:pt x="24125" y="2657"/>
                    <a:pt x="24000" y="1779"/>
                  </a:cubicBezTo>
                  <a:close/>
                  <a:moveTo>
                    <a:pt x="23100" y="3369"/>
                  </a:moveTo>
                  <a:cubicBezTo>
                    <a:pt x="23037" y="3453"/>
                    <a:pt x="22828" y="3536"/>
                    <a:pt x="22724" y="3494"/>
                  </a:cubicBezTo>
                  <a:cubicBezTo>
                    <a:pt x="22200" y="3369"/>
                    <a:pt x="21698" y="3181"/>
                    <a:pt x="21175" y="3055"/>
                  </a:cubicBezTo>
                  <a:cubicBezTo>
                    <a:pt x="20464" y="2867"/>
                    <a:pt x="19752" y="2699"/>
                    <a:pt x="19020" y="2553"/>
                  </a:cubicBezTo>
                  <a:cubicBezTo>
                    <a:pt x="19229" y="2532"/>
                    <a:pt x="19439" y="2511"/>
                    <a:pt x="19627" y="2406"/>
                  </a:cubicBezTo>
                  <a:cubicBezTo>
                    <a:pt x="19836" y="2302"/>
                    <a:pt x="19878" y="2009"/>
                    <a:pt x="19773" y="1821"/>
                  </a:cubicBezTo>
                  <a:cubicBezTo>
                    <a:pt x="20694" y="2030"/>
                    <a:pt x="21615" y="2302"/>
                    <a:pt x="22535" y="2595"/>
                  </a:cubicBezTo>
                  <a:cubicBezTo>
                    <a:pt x="22724" y="2637"/>
                    <a:pt x="22891" y="2762"/>
                    <a:pt x="23058" y="2909"/>
                  </a:cubicBezTo>
                  <a:cubicBezTo>
                    <a:pt x="23184" y="3013"/>
                    <a:pt x="23247" y="3243"/>
                    <a:pt x="23100" y="3369"/>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3" name="Google Shape;364;p37">
              <a:extLst>
                <a:ext uri="{FF2B5EF4-FFF2-40B4-BE49-F238E27FC236}">
                  <a16:creationId xmlns:a16="http://schemas.microsoft.com/office/drawing/2014/main" id="{822CEB21-A825-975A-B213-610DBD94B5B1}"/>
                </a:ext>
              </a:extLst>
            </p:cNvPr>
            <p:cNvSpPr/>
            <p:nvPr/>
          </p:nvSpPr>
          <p:spPr>
            <a:xfrm>
              <a:off x="-2009750" y="2479425"/>
              <a:ext cx="9450" cy="1075"/>
            </a:xfrm>
            <a:custGeom>
              <a:avLst/>
              <a:gdLst/>
              <a:ahLst/>
              <a:cxnLst/>
              <a:rect l="l" t="t" r="r" b="b"/>
              <a:pathLst>
                <a:path w="378" h="43" extrusionOk="0">
                  <a:moveTo>
                    <a:pt x="1" y="42"/>
                  </a:moveTo>
                  <a:lnTo>
                    <a:pt x="377" y="42"/>
                  </a:lnTo>
                  <a:lnTo>
                    <a:pt x="377" y="0"/>
                  </a:lnTo>
                  <a:lnTo>
                    <a:pt x="1" y="0"/>
                  </a:lnTo>
                  <a:close/>
                </a:path>
              </a:pathLst>
            </a:custGeom>
            <a:solidFill>
              <a:srgbClr val="E6E6E1"/>
            </a:solidFill>
            <a:ln>
              <a:noFill/>
            </a:ln>
          </p:spPr>
          <p:txBody>
            <a:bodyPr spcFirstLastPara="1" wrap="square" lIns="91425" tIns="91425" rIns="91425" bIns="91425" anchor="ctr" anchorCtr="0">
              <a:noAutofit/>
            </a:bodyPr>
            <a:lstStyle/>
            <a:p>
              <a:endParaRPr/>
            </a:p>
          </p:txBody>
        </p:sp>
        <p:sp>
          <p:nvSpPr>
            <p:cNvPr id="14" name="Google Shape;365;p37">
              <a:extLst>
                <a:ext uri="{FF2B5EF4-FFF2-40B4-BE49-F238E27FC236}">
                  <a16:creationId xmlns:a16="http://schemas.microsoft.com/office/drawing/2014/main" id="{2AC74885-F2E8-71ED-AD2D-9D0833B4F3CC}"/>
                </a:ext>
              </a:extLst>
            </p:cNvPr>
            <p:cNvSpPr/>
            <p:nvPr/>
          </p:nvSpPr>
          <p:spPr>
            <a:xfrm>
              <a:off x="-2285950" y="2359100"/>
              <a:ext cx="1445325" cy="228100"/>
            </a:xfrm>
            <a:custGeom>
              <a:avLst/>
              <a:gdLst/>
              <a:ahLst/>
              <a:cxnLst/>
              <a:rect l="l" t="t" r="r" b="b"/>
              <a:pathLst>
                <a:path w="57813" h="9124" extrusionOk="0">
                  <a:moveTo>
                    <a:pt x="32746" y="7261"/>
                  </a:moveTo>
                  <a:lnTo>
                    <a:pt x="32956" y="7261"/>
                  </a:lnTo>
                  <a:cubicBezTo>
                    <a:pt x="33793" y="7031"/>
                    <a:pt x="34630" y="6759"/>
                    <a:pt x="35404" y="6341"/>
                  </a:cubicBezTo>
                  <a:cubicBezTo>
                    <a:pt x="35759" y="6173"/>
                    <a:pt x="36115" y="6027"/>
                    <a:pt x="36492" y="5901"/>
                  </a:cubicBezTo>
                  <a:cubicBezTo>
                    <a:pt x="38187" y="5294"/>
                    <a:pt x="39965" y="4960"/>
                    <a:pt x="41764" y="4750"/>
                  </a:cubicBezTo>
                  <a:cubicBezTo>
                    <a:pt x="42706" y="4646"/>
                    <a:pt x="43710" y="4625"/>
                    <a:pt x="44652" y="4646"/>
                  </a:cubicBezTo>
                  <a:cubicBezTo>
                    <a:pt x="46263" y="4646"/>
                    <a:pt x="47895" y="4541"/>
                    <a:pt x="49506" y="4750"/>
                  </a:cubicBezTo>
                  <a:cubicBezTo>
                    <a:pt x="50092" y="4834"/>
                    <a:pt x="50636" y="4876"/>
                    <a:pt x="51222" y="4960"/>
                  </a:cubicBezTo>
                  <a:cubicBezTo>
                    <a:pt x="53168" y="5169"/>
                    <a:pt x="55093" y="5504"/>
                    <a:pt x="56913" y="6236"/>
                  </a:cubicBezTo>
                  <a:cubicBezTo>
                    <a:pt x="57185" y="6341"/>
                    <a:pt x="57457" y="6424"/>
                    <a:pt x="57813" y="6529"/>
                  </a:cubicBezTo>
                  <a:cubicBezTo>
                    <a:pt x="57813" y="6382"/>
                    <a:pt x="57813" y="6278"/>
                    <a:pt x="57771" y="6215"/>
                  </a:cubicBezTo>
                  <a:cubicBezTo>
                    <a:pt x="57520" y="5776"/>
                    <a:pt x="57248" y="5336"/>
                    <a:pt x="56976" y="4918"/>
                  </a:cubicBezTo>
                  <a:cubicBezTo>
                    <a:pt x="56474" y="4144"/>
                    <a:pt x="55930" y="3453"/>
                    <a:pt x="55449" y="2658"/>
                  </a:cubicBezTo>
                  <a:cubicBezTo>
                    <a:pt x="55239" y="2323"/>
                    <a:pt x="55009" y="2114"/>
                    <a:pt x="54674" y="1988"/>
                  </a:cubicBezTo>
                  <a:cubicBezTo>
                    <a:pt x="53733" y="1612"/>
                    <a:pt x="52770" y="1193"/>
                    <a:pt x="51808" y="859"/>
                  </a:cubicBezTo>
                  <a:cubicBezTo>
                    <a:pt x="50552" y="419"/>
                    <a:pt x="49255" y="147"/>
                    <a:pt x="47916" y="126"/>
                  </a:cubicBezTo>
                  <a:cubicBezTo>
                    <a:pt x="45928" y="105"/>
                    <a:pt x="43941" y="1"/>
                    <a:pt x="41953" y="273"/>
                  </a:cubicBezTo>
                  <a:cubicBezTo>
                    <a:pt x="40572" y="482"/>
                    <a:pt x="39128" y="566"/>
                    <a:pt x="37768" y="1005"/>
                  </a:cubicBezTo>
                  <a:cubicBezTo>
                    <a:pt x="37412" y="1152"/>
                    <a:pt x="37015" y="1214"/>
                    <a:pt x="36617" y="1277"/>
                  </a:cubicBezTo>
                  <a:cubicBezTo>
                    <a:pt x="35885" y="1361"/>
                    <a:pt x="35215" y="1591"/>
                    <a:pt x="34546" y="1884"/>
                  </a:cubicBezTo>
                  <a:cubicBezTo>
                    <a:pt x="34190" y="2030"/>
                    <a:pt x="33814" y="2198"/>
                    <a:pt x="33458" y="2302"/>
                  </a:cubicBezTo>
                  <a:cubicBezTo>
                    <a:pt x="32809" y="2470"/>
                    <a:pt x="32286" y="2888"/>
                    <a:pt x="31721" y="3244"/>
                  </a:cubicBezTo>
                  <a:cubicBezTo>
                    <a:pt x="31365" y="3474"/>
                    <a:pt x="31198" y="3809"/>
                    <a:pt x="31261" y="4227"/>
                  </a:cubicBezTo>
                  <a:cubicBezTo>
                    <a:pt x="31303" y="4604"/>
                    <a:pt x="31386" y="4939"/>
                    <a:pt x="31512" y="5273"/>
                  </a:cubicBezTo>
                  <a:cubicBezTo>
                    <a:pt x="31700" y="5713"/>
                    <a:pt x="31909" y="6173"/>
                    <a:pt x="32119" y="6592"/>
                  </a:cubicBezTo>
                  <a:cubicBezTo>
                    <a:pt x="32223" y="6759"/>
                    <a:pt x="32349" y="6947"/>
                    <a:pt x="32453" y="7136"/>
                  </a:cubicBezTo>
                  <a:cubicBezTo>
                    <a:pt x="31679" y="6634"/>
                    <a:pt x="30759" y="6445"/>
                    <a:pt x="29838" y="6278"/>
                  </a:cubicBezTo>
                  <a:cubicBezTo>
                    <a:pt x="28562" y="5985"/>
                    <a:pt x="27264" y="5797"/>
                    <a:pt x="25946" y="5671"/>
                  </a:cubicBezTo>
                  <a:cubicBezTo>
                    <a:pt x="24879" y="5566"/>
                    <a:pt x="23770" y="5483"/>
                    <a:pt x="22682" y="5462"/>
                  </a:cubicBezTo>
                  <a:cubicBezTo>
                    <a:pt x="20883" y="5273"/>
                    <a:pt x="19041" y="5169"/>
                    <a:pt x="17242" y="5085"/>
                  </a:cubicBezTo>
                  <a:cubicBezTo>
                    <a:pt x="15882" y="5043"/>
                    <a:pt x="14543" y="5064"/>
                    <a:pt x="13183" y="5064"/>
                  </a:cubicBezTo>
                  <a:cubicBezTo>
                    <a:pt x="11781" y="5043"/>
                    <a:pt x="10316" y="4918"/>
                    <a:pt x="8914" y="5085"/>
                  </a:cubicBezTo>
                  <a:cubicBezTo>
                    <a:pt x="7910" y="5232"/>
                    <a:pt x="6885" y="5399"/>
                    <a:pt x="5860" y="5608"/>
                  </a:cubicBezTo>
                  <a:cubicBezTo>
                    <a:pt x="5316" y="5692"/>
                    <a:pt x="4730" y="5776"/>
                    <a:pt x="4186" y="5901"/>
                  </a:cubicBezTo>
                  <a:cubicBezTo>
                    <a:pt x="3349" y="6090"/>
                    <a:pt x="2575" y="6403"/>
                    <a:pt x="1779" y="6717"/>
                  </a:cubicBezTo>
                  <a:cubicBezTo>
                    <a:pt x="1256" y="6926"/>
                    <a:pt x="524" y="7157"/>
                    <a:pt x="189" y="7659"/>
                  </a:cubicBezTo>
                  <a:cubicBezTo>
                    <a:pt x="1" y="7910"/>
                    <a:pt x="294" y="8224"/>
                    <a:pt x="587" y="8161"/>
                  </a:cubicBezTo>
                  <a:cubicBezTo>
                    <a:pt x="943" y="8077"/>
                    <a:pt x="1319" y="7952"/>
                    <a:pt x="1654" y="7847"/>
                  </a:cubicBezTo>
                  <a:cubicBezTo>
                    <a:pt x="2198" y="7868"/>
                    <a:pt x="2721" y="7742"/>
                    <a:pt x="3265" y="7575"/>
                  </a:cubicBezTo>
                  <a:cubicBezTo>
                    <a:pt x="2700" y="7805"/>
                    <a:pt x="2114" y="8056"/>
                    <a:pt x="1528" y="8224"/>
                  </a:cubicBezTo>
                  <a:cubicBezTo>
                    <a:pt x="1466" y="8224"/>
                    <a:pt x="1424" y="8224"/>
                    <a:pt x="1361" y="8266"/>
                  </a:cubicBezTo>
                  <a:cubicBezTo>
                    <a:pt x="1277" y="8286"/>
                    <a:pt x="1215" y="8307"/>
                    <a:pt x="1152" y="8328"/>
                  </a:cubicBezTo>
                  <a:cubicBezTo>
                    <a:pt x="754" y="8496"/>
                    <a:pt x="817" y="9061"/>
                    <a:pt x="1256" y="9061"/>
                  </a:cubicBezTo>
                  <a:cubicBezTo>
                    <a:pt x="2407" y="9123"/>
                    <a:pt x="3621" y="8496"/>
                    <a:pt x="4709" y="8161"/>
                  </a:cubicBezTo>
                  <a:cubicBezTo>
                    <a:pt x="5985" y="7763"/>
                    <a:pt x="7324" y="7554"/>
                    <a:pt x="8642" y="7345"/>
                  </a:cubicBezTo>
                  <a:cubicBezTo>
                    <a:pt x="10023" y="7136"/>
                    <a:pt x="11404" y="6843"/>
                    <a:pt x="12827" y="6696"/>
                  </a:cubicBezTo>
                  <a:cubicBezTo>
                    <a:pt x="14187" y="6529"/>
                    <a:pt x="15568" y="6613"/>
                    <a:pt x="16949" y="6613"/>
                  </a:cubicBezTo>
                  <a:cubicBezTo>
                    <a:pt x="18393" y="6613"/>
                    <a:pt x="19837" y="6613"/>
                    <a:pt x="21259" y="6634"/>
                  </a:cubicBezTo>
                  <a:cubicBezTo>
                    <a:pt x="22410" y="6738"/>
                    <a:pt x="23540" y="6843"/>
                    <a:pt x="24691" y="6968"/>
                  </a:cubicBezTo>
                  <a:cubicBezTo>
                    <a:pt x="26051" y="7136"/>
                    <a:pt x="27202" y="7491"/>
                    <a:pt x="28478" y="7952"/>
                  </a:cubicBezTo>
                  <a:cubicBezTo>
                    <a:pt x="29064" y="8119"/>
                    <a:pt x="29671" y="8224"/>
                    <a:pt x="30236" y="8328"/>
                  </a:cubicBezTo>
                  <a:cubicBezTo>
                    <a:pt x="30780" y="8433"/>
                    <a:pt x="31303" y="8642"/>
                    <a:pt x="31889" y="8705"/>
                  </a:cubicBezTo>
                  <a:cubicBezTo>
                    <a:pt x="32181" y="8726"/>
                    <a:pt x="32349" y="8600"/>
                    <a:pt x="32453" y="8412"/>
                  </a:cubicBezTo>
                  <a:cubicBezTo>
                    <a:pt x="32935" y="8328"/>
                    <a:pt x="33270" y="7680"/>
                    <a:pt x="32746" y="7261"/>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5" name="Google Shape;366;p37">
              <a:extLst>
                <a:ext uri="{FF2B5EF4-FFF2-40B4-BE49-F238E27FC236}">
                  <a16:creationId xmlns:a16="http://schemas.microsoft.com/office/drawing/2014/main" id="{057E03B7-C2E7-B9E1-B127-2E5B3526F287}"/>
                </a:ext>
              </a:extLst>
            </p:cNvPr>
            <p:cNvSpPr/>
            <p:nvPr/>
          </p:nvSpPr>
          <p:spPr>
            <a:xfrm>
              <a:off x="-1738275" y="928450"/>
              <a:ext cx="1032625" cy="640825"/>
            </a:xfrm>
            <a:custGeom>
              <a:avLst/>
              <a:gdLst/>
              <a:ahLst/>
              <a:cxnLst/>
              <a:rect l="l" t="t" r="r" b="b"/>
              <a:pathLst>
                <a:path w="41305" h="25633" extrusionOk="0">
                  <a:moveTo>
                    <a:pt x="27181" y="17995"/>
                  </a:moveTo>
                  <a:cubicBezTo>
                    <a:pt x="26595" y="18372"/>
                    <a:pt x="26407" y="18978"/>
                    <a:pt x="26114" y="19481"/>
                  </a:cubicBezTo>
                  <a:cubicBezTo>
                    <a:pt x="25904" y="19564"/>
                    <a:pt x="25695" y="19627"/>
                    <a:pt x="25528" y="19732"/>
                  </a:cubicBezTo>
                  <a:cubicBezTo>
                    <a:pt x="25402" y="19836"/>
                    <a:pt x="25277" y="19983"/>
                    <a:pt x="25172" y="20108"/>
                  </a:cubicBezTo>
                  <a:cubicBezTo>
                    <a:pt x="24963" y="20422"/>
                    <a:pt x="24775" y="20778"/>
                    <a:pt x="24544" y="21071"/>
                  </a:cubicBezTo>
                  <a:cubicBezTo>
                    <a:pt x="24126" y="21594"/>
                    <a:pt x="23561" y="21740"/>
                    <a:pt x="22912" y="21573"/>
                  </a:cubicBezTo>
                  <a:cubicBezTo>
                    <a:pt x="21866" y="21217"/>
                    <a:pt x="20987" y="20694"/>
                    <a:pt x="20674" y="19564"/>
                  </a:cubicBezTo>
                  <a:cubicBezTo>
                    <a:pt x="20611" y="19376"/>
                    <a:pt x="20548" y="19209"/>
                    <a:pt x="20443" y="19062"/>
                  </a:cubicBezTo>
                  <a:cubicBezTo>
                    <a:pt x="20067" y="18623"/>
                    <a:pt x="20025" y="18100"/>
                    <a:pt x="20025" y="17535"/>
                  </a:cubicBezTo>
                  <a:cubicBezTo>
                    <a:pt x="20025" y="17012"/>
                    <a:pt x="20025" y="16509"/>
                    <a:pt x="19983" y="15986"/>
                  </a:cubicBezTo>
                  <a:cubicBezTo>
                    <a:pt x="19962" y="15610"/>
                    <a:pt x="19565" y="15421"/>
                    <a:pt x="19293" y="15693"/>
                  </a:cubicBezTo>
                  <a:cubicBezTo>
                    <a:pt x="18728" y="16154"/>
                    <a:pt x="18079" y="16488"/>
                    <a:pt x="17577" y="16991"/>
                  </a:cubicBezTo>
                  <a:cubicBezTo>
                    <a:pt x="17096" y="17493"/>
                    <a:pt x="16531" y="17911"/>
                    <a:pt x="15966" y="18267"/>
                  </a:cubicBezTo>
                  <a:cubicBezTo>
                    <a:pt x="15589" y="18518"/>
                    <a:pt x="15150" y="18413"/>
                    <a:pt x="14731" y="18330"/>
                  </a:cubicBezTo>
                  <a:cubicBezTo>
                    <a:pt x="14585" y="18309"/>
                    <a:pt x="14417" y="18162"/>
                    <a:pt x="14271" y="18079"/>
                  </a:cubicBezTo>
                  <a:cubicBezTo>
                    <a:pt x="14062" y="17158"/>
                    <a:pt x="14083" y="15777"/>
                    <a:pt x="14334" y="14940"/>
                  </a:cubicBezTo>
                  <a:cubicBezTo>
                    <a:pt x="14438" y="14584"/>
                    <a:pt x="14522" y="14187"/>
                    <a:pt x="14585" y="13789"/>
                  </a:cubicBezTo>
                  <a:cubicBezTo>
                    <a:pt x="14606" y="13664"/>
                    <a:pt x="14543" y="13517"/>
                    <a:pt x="14522" y="13350"/>
                  </a:cubicBezTo>
                  <a:cubicBezTo>
                    <a:pt x="14480" y="13141"/>
                    <a:pt x="14187" y="13036"/>
                    <a:pt x="13999" y="13141"/>
                  </a:cubicBezTo>
                  <a:cubicBezTo>
                    <a:pt x="13811" y="13245"/>
                    <a:pt x="13664" y="13413"/>
                    <a:pt x="13497" y="13538"/>
                  </a:cubicBezTo>
                  <a:cubicBezTo>
                    <a:pt x="12974" y="14061"/>
                    <a:pt x="12492" y="14563"/>
                    <a:pt x="11865" y="14919"/>
                  </a:cubicBezTo>
                  <a:cubicBezTo>
                    <a:pt x="11593" y="15087"/>
                    <a:pt x="11404" y="15317"/>
                    <a:pt x="11174" y="15526"/>
                  </a:cubicBezTo>
                  <a:cubicBezTo>
                    <a:pt x="10400" y="16237"/>
                    <a:pt x="9521" y="16802"/>
                    <a:pt x="8580" y="17325"/>
                  </a:cubicBezTo>
                  <a:cubicBezTo>
                    <a:pt x="8140" y="17597"/>
                    <a:pt x="7680" y="17597"/>
                    <a:pt x="7199" y="17576"/>
                  </a:cubicBezTo>
                  <a:cubicBezTo>
                    <a:pt x="6759" y="17514"/>
                    <a:pt x="6571" y="17325"/>
                    <a:pt x="6550" y="16865"/>
                  </a:cubicBezTo>
                  <a:cubicBezTo>
                    <a:pt x="6529" y="16112"/>
                    <a:pt x="6655" y="15380"/>
                    <a:pt x="7094" y="14710"/>
                  </a:cubicBezTo>
                  <a:cubicBezTo>
                    <a:pt x="7638" y="13957"/>
                    <a:pt x="8057" y="13120"/>
                    <a:pt x="8726" y="12450"/>
                  </a:cubicBezTo>
                  <a:cubicBezTo>
                    <a:pt x="8894" y="12241"/>
                    <a:pt x="8998" y="11927"/>
                    <a:pt x="9103" y="11655"/>
                  </a:cubicBezTo>
                  <a:cubicBezTo>
                    <a:pt x="9186" y="11425"/>
                    <a:pt x="8935" y="11153"/>
                    <a:pt x="8684" y="11216"/>
                  </a:cubicBezTo>
                  <a:cubicBezTo>
                    <a:pt x="8454" y="11258"/>
                    <a:pt x="8224" y="11341"/>
                    <a:pt x="8015" y="11446"/>
                  </a:cubicBezTo>
                  <a:cubicBezTo>
                    <a:pt x="6529" y="12178"/>
                    <a:pt x="5064" y="12931"/>
                    <a:pt x="3600" y="13706"/>
                  </a:cubicBezTo>
                  <a:cubicBezTo>
                    <a:pt x="3140" y="13936"/>
                    <a:pt x="2721" y="14082"/>
                    <a:pt x="2240" y="14061"/>
                  </a:cubicBezTo>
                  <a:cubicBezTo>
                    <a:pt x="1675" y="14040"/>
                    <a:pt x="1152" y="14061"/>
                    <a:pt x="608" y="14040"/>
                  </a:cubicBezTo>
                  <a:cubicBezTo>
                    <a:pt x="189" y="14019"/>
                    <a:pt x="64" y="13831"/>
                    <a:pt x="43" y="13392"/>
                  </a:cubicBezTo>
                  <a:cubicBezTo>
                    <a:pt x="1" y="13036"/>
                    <a:pt x="147" y="12785"/>
                    <a:pt x="315" y="12471"/>
                  </a:cubicBezTo>
                  <a:cubicBezTo>
                    <a:pt x="943" y="11446"/>
                    <a:pt x="1863" y="10797"/>
                    <a:pt x="2868" y="10211"/>
                  </a:cubicBezTo>
                  <a:cubicBezTo>
                    <a:pt x="3725" y="9730"/>
                    <a:pt x="4646" y="9521"/>
                    <a:pt x="5609" y="9458"/>
                  </a:cubicBezTo>
                  <a:cubicBezTo>
                    <a:pt x="6006" y="9437"/>
                    <a:pt x="6383" y="9416"/>
                    <a:pt x="6759" y="9333"/>
                  </a:cubicBezTo>
                  <a:cubicBezTo>
                    <a:pt x="7010" y="9270"/>
                    <a:pt x="7073" y="9102"/>
                    <a:pt x="6948" y="8830"/>
                  </a:cubicBezTo>
                  <a:cubicBezTo>
                    <a:pt x="6173" y="8809"/>
                    <a:pt x="5420" y="8747"/>
                    <a:pt x="4646" y="8726"/>
                  </a:cubicBezTo>
                  <a:cubicBezTo>
                    <a:pt x="4248" y="8726"/>
                    <a:pt x="3935" y="8579"/>
                    <a:pt x="3767" y="8203"/>
                  </a:cubicBezTo>
                  <a:cubicBezTo>
                    <a:pt x="3725" y="8098"/>
                    <a:pt x="3663" y="7973"/>
                    <a:pt x="3600" y="7889"/>
                  </a:cubicBezTo>
                  <a:cubicBezTo>
                    <a:pt x="2805" y="7157"/>
                    <a:pt x="2930" y="6194"/>
                    <a:pt x="3035" y="5273"/>
                  </a:cubicBezTo>
                  <a:cubicBezTo>
                    <a:pt x="3098" y="4708"/>
                    <a:pt x="3391" y="4185"/>
                    <a:pt x="3914" y="3830"/>
                  </a:cubicBezTo>
                  <a:cubicBezTo>
                    <a:pt x="4039" y="3767"/>
                    <a:pt x="4165" y="3662"/>
                    <a:pt x="4248" y="3558"/>
                  </a:cubicBezTo>
                  <a:cubicBezTo>
                    <a:pt x="4772" y="2993"/>
                    <a:pt x="5441" y="2951"/>
                    <a:pt x="6173" y="2993"/>
                  </a:cubicBezTo>
                  <a:cubicBezTo>
                    <a:pt x="6278" y="2993"/>
                    <a:pt x="6445" y="3035"/>
                    <a:pt x="6529" y="3076"/>
                  </a:cubicBezTo>
                  <a:cubicBezTo>
                    <a:pt x="7052" y="3411"/>
                    <a:pt x="7701" y="3558"/>
                    <a:pt x="8161" y="3997"/>
                  </a:cubicBezTo>
                  <a:cubicBezTo>
                    <a:pt x="8245" y="4039"/>
                    <a:pt x="8308" y="4123"/>
                    <a:pt x="8370" y="4144"/>
                  </a:cubicBezTo>
                  <a:cubicBezTo>
                    <a:pt x="8873" y="4311"/>
                    <a:pt x="9291" y="4541"/>
                    <a:pt x="9605" y="5022"/>
                  </a:cubicBezTo>
                  <a:cubicBezTo>
                    <a:pt x="9730" y="4918"/>
                    <a:pt x="9814" y="4855"/>
                    <a:pt x="9940" y="4771"/>
                  </a:cubicBezTo>
                  <a:cubicBezTo>
                    <a:pt x="9689" y="4562"/>
                    <a:pt x="9458" y="4395"/>
                    <a:pt x="9270" y="4185"/>
                  </a:cubicBezTo>
                  <a:cubicBezTo>
                    <a:pt x="9082" y="3976"/>
                    <a:pt x="8977" y="3704"/>
                    <a:pt x="8852" y="3495"/>
                  </a:cubicBezTo>
                  <a:cubicBezTo>
                    <a:pt x="8684" y="3286"/>
                    <a:pt x="8663" y="3055"/>
                    <a:pt x="8663" y="2825"/>
                  </a:cubicBezTo>
                  <a:cubicBezTo>
                    <a:pt x="8663" y="2616"/>
                    <a:pt x="8684" y="2407"/>
                    <a:pt x="8663" y="2198"/>
                  </a:cubicBezTo>
                  <a:cubicBezTo>
                    <a:pt x="8538" y="1361"/>
                    <a:pt x="9166" y="440"/>
                    <a:pt x="10086" y="126"/>
                  </a:cubicBezTo>
                  <a:cubicBezTo>
                    <a:pt x="10421" y="1"/>
                    <a:pt x="10735" y="22"/>
                    <a:pt x="10986" y="252"/>
                  </a:cubicBezTo>
                  <a:cubicBezTo>
                    <a:pt x="11279" y="524"/>
                    <a:pt x="11593" y="775"/>
                    <a:pt x="11802" y="1089"/>
                  </a:cubicBezTo>
                  <a:cubicBezTo>
                    <a:pt x="12513" y="2051"/>
                    <a:pt x="13162" y="3076"/>
                    <a:pt x="13559" y="4227"/>
                  </a:cubicBezTo>
                  <a:cubicBezTo>
                    <a:pt x="13601" y="4353"/>
                    <a:pt x="13685" y="4520"/>
                    <a:pt x="13769" y="4625"/>
                  </a:cubicBezTo>
                  <a:cubicBezTo>
                    <a:pt x="14020" y="4939"/>
                    <a:pt x="14313" y="4960"/>
                    <a:pt x="14627" y="4708"/>
                  </a:cubicBezTo>
                  <a:cubicBezTo>
                    <a:pt x="14940" y="4436"/>
                    <a:pt x="15171" y="4144"/>
                    <a:pt x="15317" y="3767"/>
                  </a:cubicBezTo>
                  <a:cubicBezTo>
                    <a:pt x="15464" y="3181"/>
                    <a:pt x="15798" y="2742"/>
                    <a:pt x="16217" y="2323"/>
                  </a:cubicBezTo>
                  <a:lnTo>
                    <a:pt x="17242" y="1298"/>
                  </a:lnTo>
                  <a:cubicBezTo>
                    <a:pt x="17891" y="649"/>
                    <a:pt x="18623" y="273"/>
                    <a:pt x="19606" y="335"/>
                  </a:cubicBezTo>
                  <a:cubicBezTo>
                    <a:pt x="20150" y="356"/>
                    <a:pt x="20674" y="356"/>
                    <a:pt x="21218" y="335"/>
                  </a:cubicBezTo>
                  <a:cubicBezTo>
                    <a:pt x="21552" y="335"/>
                    <a:pt x="21866" y="419"/>
                    <a:pt x="22159" y="628"/>
                  </a:cubicBezTo>
                  <a:cubicBezTo>
                    <a:pt x="22473" y="859"/>
                    <a:pt x="22808" y="1047"/>
                    <a:pt x="23122" y="1277"/>
                  </a:cubicBezTo>
                  <a:cubicBezTo>
                    <a:pt x="23938" y="1926"/>
                    <a:pt x="24461" y="2742"/>
                    <a:pt x="24377" y="3830"/>
                  </a:cubicBezTo>
                  <a:cubicBezTo>
                    <a:pt x="24356" y="4353"/>
                    <a:pt x="24461" y="4918"/>
                    <a:pt x="24147" y="5399"/>
                  </a:cubicBezTo>
                  <a:cubicBezTo>
                    <a:pt x="24042" y="5566"/>
                    <a:pt x="24147" y="5776"/>
                    <a:pt x="24272" y="5901"/>
                  </a:cubicBezTo>
                  <a:cubicBezTo>
                    <a:pt x="24419" y="6027"/>
                    <a:pt x="24628" y="6068"/>
                    <a:pt x="24775" y="5985"/>
                  </a:cubicBezTo>
                  <a:cubicBezTo>
                    <a:pt x="24900" y="5922"/>
                    <a:pt x="25005" y="5796"/>
                    <a:pt x="25151" y="5713"/>
                  </a:cubicBezTo>
                  <a:cubicBezTo>
                    <a:pt x="25716" y="5273"/>
                    <a:pt x="26260" y="4834"/>
                    <a:pt x="26846" y="4395"/>
                  </a:cubicBezTo>
                  <a:cubicBezTo>
                    <a:pt x="27306" y="4018"/>
                    <a:pt x="27871" y="3872"/>
                    <a:pt x="28436" y="3892"/>
                  </a:cubicBezTo>
                  <a:lnTo>
                    <a:pt x="29796" y="3892"/>
                  </a:lnTo>
                  <a:cubicBezTo>
                    <a:pt x="30801" y="3872"/>
                    <a:pt x="31763" y="4771"/>
                    <a:pt x="31805" y="5922"/>
                  </a:cubicBezTo>
                  <a:cubicBezTo>
                    <a:pt x="31847" y="6382"/>
                    <a:pt x="31575" y="6738"/>
                    <a:pt x="31324" y="7052"/>
                  </a:cubicBezTo>
                  <a:cubicBezTo>
                    <a:pt x="31114" y="7324"/>
                    <a:pt x="30842" y="7533"/>
                    <a:pt x="30633" y="7763"/>
                  </a:cubicBezTo>
                  <a:cubicBezTo>
                    <a:pt x="30529" y="7868"/>
                    <a:pt x="30424" y="7993"/>
                    <a:pt x="30403" y="8119"/>
                  </a:cubicBezTo>
                  <a:cubicBezTo>
                    <a:pt x="30382" y="8265"/>
                    <a:pt x="30424" y="8412"/>
                    <a:pt x="30508" y="8537"/>
                  </a:cubicBezTo>
                  <a:cubicBezTo>
                    <a:pt x="30612" y="8705"/>
                    <a:pt x="30821" y="8747"/>
                    <a:pt x="30968" y="8684"/>
                  </a:cubicBezTo>
                  <a:cubicBezTo>
                    <a:pt x="31156" y="8579"/>
                    <a:pt x="31324" y="8433"/>
                    <a:pt x="31470" y="8286"/>
                  </a:cubicBezTo>
                  <a:cubicBezTo>
                    <a:pt x="32161" y="7638"/>
                    <a:pt x="33018" y="7366"/>
                    <a:pt x="33897" y="7282"/>
                  </a:cubicBezTo>
                  <a:cubicBezTo>
                    <a:pt x="34399" y="7240"/>
                    <a:pt x="34922" y="7324"/>
                    <a:pt x="35446" y="7282"/>
                  </a:cubicBezTo>
                  <a:cubicBezTo>
                    <a:pt x="36387" y="7240"/>
                    <a:pt x="37140" y="7596"/>
                    <a:pt x="37810" y="8265"/>
                  </a:cubicBezTo>
                  <a:cubicBezTo>
                    <a:pt x="38082" y="8537"/>
                    <a:pt x="38354" y="8893"/>
                    <a:pt x="38605" y="9228"/>
                  </a:cubicBezTo>
                  <a:cubicBezTo>
                    <a:pt x="38919" y="9667"/>
                    <a:pt x="38919" y="10295"/>
                    <a:pt x="38605" y="10734"/>
                  </a:cubicBezTo>
                  <a:cubicBezTo>
                    <a:pt x="38500" y="10902"/>
                    <a:pt x="38375" y="11027"/>
                    <a:pt x="38249" y="11132"/>
                  </a:cubicBezTo>
                  <a:cubicBezTo>
                    <a:pt x="37705" y="11467"/>
                    <a:pt x="37140" y="11760"/>
                    <a:pt x="36596" y="12074"/>
                  </a:cubicBezTo>
                  <a:cubicBezTo>
                    <a:pt x="36471" y="12157"/>
                    <a:pt x="36303" y="12157"/>
                    <a:pt x="36157" y="12178"/>
                  </a:cubicBezTo>
                  <a:cubicBezTo>
                    <a:pt x="35990" y="12199"/>
                    <a:pt x="35843" y="12199"/>
                    <a:pt x="35718" y="12241"/>
                  </a:cubicBezTo>
                  <a:cubicBezTo>
                    <a:pt x="35467" y="12283"/>
                    <a:pt x="35320" y="12471"/>
                    <a:pt x="35320" y="12680"/>
                  </a:cubicBezTo>
                  <a:cubicBezTo>
                    <a:pt x="35320" y="12869"/>
                    <a:pt x="35508" y="13078"/>
                    <a:pt x="35739" y="13078"/>
                  </a:cubicBezTo>
                  <a:cubicBezTo>
                    <a:pt x="36031" y="13078"/>
                    <a:pt x="36345" y="13099"/>
                    <a:pt x="36617" y="13015"/>
                  </a:cubicBezTo>
                  <a:cubicBezTo>
                    <a:pt x="37308" y="12827"/>
                    <a:pt x="37977" y="12785"/>
                    <a:pt x="38689" y="12806"/>
                  </a:cubicBezTo>
                  <a:cubicBezTo>
                    <a:pt x="38898" y="12806"/>
                    <a:pt x="39107" y="12827"/>
                    <a:pt x="39316" y="12890"/>
                  </a:cubicBezTo>
                  <a:cubicBezTo>
                    <a:pt x="40446" y="13141"/>
                    <a:pt x="40760" y="13538"/>
                    <a:pt x="40907" y="14668"/>
                  </a:cubicBezTo>
                  <a:cubicBezTo>
                    <a:pt x="40948" y="14815"/>
                    <a:pt x="40948" y="14961"/>
                    <a:pt x="40948" y="15107"/>
                  </a:cubicBezTo>
                  <a:cubicBezTo>
                    <a:pt x="41011" y="15819"/>
                    <a:pt x="40781" y="16321"/>
                    <a:pt x="40070" y="16593"/>
                  </a:cubicBezTo>
                  <a:cubicBezTo>
                    <a:pt x="39212" y="16991"/>
                    <a:pt x="39086" y="17388"/>
                    <a:pt x="39505" y="18246"/>
                  </a:cubicBezTo>
                  <a:cubicBezTo>
                    <a:pt x="39714" y="18685"/>
                    <a:pt x="39902" y="19104"/>
                    <a:pt x="40258" y="19460"/>
                  </a:cubicBezTo>
                  <a:cubicBezTo>
                    <a:pt x="40384" y="19564"/>
                    <a:pt x="40467" y="19732"/>
                    <a:pt x="40551" y="19899"/>
                  </a:cubicBezTo>
                  <a:cubicBezTo>
                    <a:pt x="40760" y="20317"/>
                    <a:pt x="40948" y="20715"/>
                    <a:pt x="41095" y="21133"/>
                  </a:cubicBezTo>
                  <a:cubicBezTo>
                    <a:pt x="41304" y="21573"/>
                    <a:pt x="41200" y="22096"/>
                    <a:pt x="40760" y="22284"/>
                  </a:cubicBezTo>
                  <a:cubicBezTo>
                    <a:pt x="40132" y="22535"/>
                    <a:pt x="39505" y="22870"/>
                    <a:pt x="38793" y="22745"/>
                  </a:cubicBezTo>
                  <a:cubicBezTo>
                    <a:pt x="38584" y="22494"/>
                    <a:pt x="38668" y="22201"/>
                    <a:pt x="38647" y="21929"/>
                  </a:cubicBezTo>
                  <a:cubicBezTo>
                    <a:pt x="38563" y="20966"/>
                    <a:pt x="38040" y="20255"/>
                    <a:pt x="37391" y="19606"/>
                  </a:cubicBezTo>
                  <a:cubicBezTo>
                    <a:pt x="37224" y="19460"/>
                    <a:pt x="36994" y="19313"/>
                    <a:pt x="36680" y="19418"/>
                  </a:cubicBezTo>
                  <a:cubicBezTo>
                    <a:pt x="36806" y="19773"/>
                    <a:pt x="36910" y="20045"/>
                    <a:pt x="37015" y="20359"/>
                  </a:cubicBezTo>
                  <a:cubicBezTo>
                    <a:pt x="37119" y="20673"/>
                    <a:pt x="37245" y="20987"/>
                    <a:pt x="37391" y="21280"/>
                  </a:cubicBezTo>
                  <a:cubicBezTo>
                    <a:pt x="37517" y="21573"/>
                    <a:pt x="37622" y="21824"/>
                    <a:pt x="37601" y="22138"/>
                  </a:cubicBezTo>
                  <a:cubicBezTo>
                    <a:pt x="37559" y="22389"/>
                    <a:pt x="37559" y="22598"/>
                    <a:pt x="37412" y="22828"/>
                  </a:cubicBezTo>
                  <a:cubicBezTo>
                    <a:pt x="37287" y="23017"/>
                    <a:pt x="37224" y="23289"/>
                    <a:pt x="37245" y="23498"/>
                  </a:cubicBezTo>
                  <a:cubicBezTo>
                    <a:pt x="37350" y="24188"/>
                    <a:pt x="36994" y="24711"/>
                    <a:pt x="36659" y="25235"/>
                  </a:cubicBezTo>
                  <a:cubicBezTo>
                    <a:pt x="36450" y="25569"/>
                    <a:pt x="36073" y="25632"/>
                    <a:pt x="35676" y="25527"/>
                  </a:cubicBezTo>
                  <a:cubicBezTo>
                    <a:pt x="34922" y="25339"/>
                    <a:pt x="34316" y="24921"/>
                    <a:pt x="33730" y="24439"/>
                  </a:cubicBezTo>
                  <a:cubicBezTo>
                    <a:pt x="33123" y="24000"/>
                    <a:pt x="32893" y="23372"/>
                    <a:pt x="32851" y="22661"/>
                  </a:cubicBezTo>
                  <a:lnTo>
                    <a:pt x="32851" y="21489"/>
                  </a:lnTo>
                  <a:cubicBezTo>
                    <a:pt x="32851" y="21343"/>
                    <a:pt x="32851" y="21175"/>
                    <a:pt x="32809" y="21050"/>
                  </a:cubicBezTo>
                  <a:cubicBezTo>
                    <a:pt x="32746" y="20924"/>
                    <a:pt x="32621" y="20820"/>
                    <a:pt x="32495" y="20757"/>
                  </a:cubicBezTo>
                  <a:cubicBezTo>
                    <a:pt x="32286" y="20715"/>
                    <a:pt x="32161" y="20841"/>
                    <a:pt x="32077" y="21029"/>
                  </a:cubicBezTo>
                  <a:cubicBezTo>
                    <a:pt x="32014" y="21175"/>
                    <a:pt x="31993" y="21364"/>
                    <a:pt x="31993" y="21552"/>
                  </a:cubicBezTo>
                  <a:cubicBezTo>
                    <a:pt x="31972" y="21970"/>
                    <a:pt x="31972" y="22389"/>
                    <a:pt x="31993" y="22807"/>
                  </a:cubicBezTo>
                  <a:cubicBezTo>
                    <a:pt x="31993" y="23121"/>
                    <a:pt x="31909" y="23372"/>
                    <a:pt x="31700" y="23644"/>
                  </a:cubicBezTo>
                  <a:cubicBezTo>
                    <a:pt x="31449" y="23916"/>
                    <a:pt x="31219" y="24230"/>
                    <a:pt x="30863" y="24439"/>
                  </a:cubicBezTo>
                  <a:cubicBezTo>
                    <a:pt x="30612" y="24607"/>
                    <a:pt x="30403" y="24837"/>
                    <a:pt x="30173" y="25004"/>
                  </a:cubicBezTo>
                  <a:cubicBezTo>
                    <a:pt x="29985" y="25130"/>
                    <a:pt x="29754" y="25255"/>
                    <a:pt x="29545" y="25339"/>
                  </a:cubicBezTo>
                  <a:cubicBezTo>
                    <a:pt x="28938" y="25486"/>
                    <a:pt x="28436" y="25381"/>
                    <a:pt x="28039" y="24837"/>
                  </a:cubicBezTo>
                  <a:cubicBezTo>
                    <a:pt x="27348" y="23895"/>
                    <a:pt x="26888" y="22870"/>
                    <a:pt x="26951" y="21678"/>
                  </a:cubicBezTo>
                  <a:cubicBezTo>
                    <a:pt x="26951" y="21447"/>
                    <a:pt x="26951" y="21196"/>
                    <a:pt x="26930" y="20945"/>
                  </a:cubicBezTo>
                  <a:cubicBezTo>
                    <a:pt x="26846" y="20213"/>
                    <a:pt x="26951" y="19501"/>
                    <a:pt x="27264" y="18832"/>
                  </a:cubicBezTo>
                  <a:cubicBezTo>
                    <a:pt x="27264" y="18665"/>
                    <a:pt x="27432" y="18372"/>
                    <a:pt x="27181" y="17995"/>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16" name="Google Shape;367;p37">
              <a:extLst>
                <a:ext uri="{FF2B5EF4-FFF2-40B4-BE49-F238E27FC236}">
                  <a16:creationId xmlns:a16="http://schemas.microsoft.com/office/drawing/2014/main" id="{FC39F555-AEEF-6F1C-2405-BC2C52296F57}"/>
                </a:ext>
              </a:extLst>
            </p:cNvPr>
            <p:cNvSpPr/>
            <p:nvPr/>
          </p:nvSpPr>
          <p:spPr>
            <a:xfrm>
              <a:off x="-1773825" y="1255900"/>
              <a:ext cx="863125" cy="669600"/>
            </a:xfrm>
            <a:custGeom>
              <a:avLst/>
              <a:gdLst/>
              <a:ahLst/>
              <a:cxnLst/>
              <a:rect l="l" t="t" r="r" b="b"/>
              <a:pathLst>
                <a:path w="34525" h="26784" extrusionOk="0">
                  <a:moveTo>
                    <a:pt x="8516" y="1"/>
                  </a:moveTo>
                  <a:cubicBezTo>
                    <a:pt x="8328" y="503"/>
                    <a:pt x="8077" y="817"/>
                    <a:pt x="7847" y="1131"/>
                  </a:cubicBezTo>
                  <a:cubicBezTo>
                    <a:pt x="7114" y="2072"/>
                    <a:pt x="6947" y="3139"/>
                    <a:pt x="7010" y="4290"/>
                  </a:cubicBezTo>
                  <a:cubicBezTo>
                    <a:pt x="7010" y="4625"/>
                    <a:pt x="7156" y="4834"/>
                    <a:pt x="7428" y="5043"/>
                  </a:cubicBezTo>
                  <a:cubicBezTo>
                    <a:pt x="7847" y="5357"/>
                    <a:pt x="8286" y="5546"/>
                    <a:pt x="8830" y="5546"/>
                  </a:cubicBezTo>
                  <a:cubicBezTo>
                    <a:pt x="9520" y="5546"/>
                    <a:pt x="10148" y="5420"/>
                    <a:pt x="10713" y="5064"/>
                  </a:cubicBezTo>
                  <a:cubicBezTo>
                    <a:pt x="11696" y="4499"/>
                    <a:pt x="12596" y="3872"/>
                    <a:pt x="13349" y="3056"/>
                  </a:cubicBezTo>
                  <a:cubicBezTo>
                    <a:pt x="13726" y="2658"/>
                    <a:pt x="14124" y="2323"/>
                    <a:pt x="14605" y="2114"/>
                  </a:cubicBezTo>
                  <a:cubicBezTo>
                    <a:pt x="14584" y="3077"/>
                    <a:pt x="14584" y="4060"/>
                    <a:pt x="14563" y="5022"/>
                  </a:cubicBezTo>
                  <a:cubicBezTo>
                    <a:pt x="14563" y="5441"/>
                    <a:pt x="14751" y="5671"/>
                    <a:pt x="15086" y="5880"/>
                  </a:cubicBezTo>
                  <a:cubicBezTo>
                    <a:pt x="15798" y="6320"/>
                    <a:pt x="16551" y="6403"/>
                    <a:pt x="17325" y="6362"/>
                  </a:cubicBezTo>
                  <a:cubicBezTo>
                    <a:pt x="17618" y="6320"/>
                    <a:pt x="17827" y="6194"/>
                    <a:pt x="18036" y="6006"/>
                  </a:cubicBezTo>
                  <a:cubicBezTo>
                    <a:pt x="18748" y="5420"/>
                    <a:pt x="19501" y="4855"/>
                    <a:pt x="20129" y="4165"/>
                  </a:cubicBezTo>
                  <a:cubicBezTo>
                    <a:pt x="20191" y="4102"/>
                    <a:pt x="20296" y="4081"/>
                    <a:pt x="20422" y="3997"/>
                  </a:cubicBezTo>
                  <a:cubicBezTo>
                    <a:pt x="20484" y="4102"/>
                    <a:pt x="20547" y="4206"/>
                    <a:pt x="20547" y="4311"/>
                  </a:cubicBezTo>
                  <a:cubicBezTo>
                    <a:pt x="20589" y="4541"/>
                    <a:pt x="20589" y="4792"/>
                    <a:pt x="20547" y="5043"/>
                  </a:cubicBezTo>
                  <a:cubicBezTo>
                    <a:pt x="20526" y="5483"/>
                    <a:pt x="20631" y="5859"/>
                    <a:pt x="20861" y="6257"/>
                  </a:cubicBezTo>
                  <a:cubicBezTo>
                    <a:pt x="21028" y="6487"/>
                    <a:pt x="21154" y="6780"/>
                    <a:pt x="21259" y="7052"/>
                  </a:cubicBezTo>
                  <a:cubicBezTo>
                    <a:pt x="21551" y="7847"/>
                    <a:pt x="22012" y="8496"/>
                    <a:pt x="22765" y="8893"/>
                  </a:cubicBezTo>
                  <a:cubicBezTo>
                    <a:pt x="23142" y="9103"/>
                    <a:pt x="23539" y="9291"/>
                    <a:pt x="23895" y="9437"/>
                  </a:cubicBezTo>
                  <a:cubicBezTo>
                    <a:pt x="24920" y="9877"/>
                    <a:pt x="26113" y="9542"/>
                    <a:pt x="26824" y="8663"/>
                  </a:cubicBezTo>
                  <a:cubicBezTo>
                    <a:pt x="26950" y="8496"/>
                    <a:pt x="27096" y="8349"/>
                    <a:pt x="27201" y="8182"/>
                  </a:cubicBezTo>
                  <a:cubicBezTo>
                    <a:pt x="27431" y="8287"/>
                    <a:pt x="27347" y="8475"/>
                    <a:pt x="27389" y="8600"/>
                  </a:cubicBezTo>
                  <a:lnTo>
                    <a:pt x="27389" y="8977"/>
                  </a:lnTo>
                  <a:cubicBezTo>
                    <a:pt x="27326" y="10609"/>
                    <a:pt x="27996" y="11927"/>
                    <a:pt x="29147" y="13078"/>
                  </a:cubicBezTo>
                  <a:cubicBezTo>
                    <a:pt x="29398" y="13308"/>
                    <a:pt x="29670" y="13434"/>
                    <a:pt x="30046" y="13434"/>
                  </a:cubicBezTo>
                  <a:cubicBezTo>
                    <a:pt x="30967" y="13476"/>
                    <a:pt x="31741" y="13287"/>
                    <a:pt x="32432" y="12597"/>
                  </a:cubicBezTo>
                  <a:cubicBezTo>
                    <a:pt x="32787" y="12220"/>
                    <a:pt x="33269" y="11948"/>
                    <a:pt x="33708" y="11613"/>
                  </a:cubicBezTo>
                  <a:cubicBezTo>
                    <a:pt x="33917" y="11760"/>
                    <a:pt x="34148" y="11948"/>
                    <a:pt x="34440" y="12157"/>
                  </a:cubicBezTo>
                  <a:cubicBezTo>
                    <a:pt x="34524" y="12471"/>
                    <a:pt x="34461" y="12806"/>
                    <a:pt x="34336" y="13162"/>
                  </a:cubicBezTo>
                  <a:cubicBezTo>
                    <a:pt x="34001" y="13999"/>
                    <a:pt x="33708" y="14857"/>
                    <a:pt x="33394" y="15694"/>
                  </a:cubicBezTo>
                  <a:cubicBezTo>
                    <a:pt x="33206" y="16154"/>
                    <a:pt x="33018" y="16635"/>
                    <a:pt x="32683" y="17054"/>
                  </a:cubicBezTo>
                  <a:cubicBezTo>
                    <a:pt x="32599" y="17158"/>
                    <a:pt x="32557" y="17305"/>
                    <a:pt x="32495" y="17451"/>
                  </a:cubicBezTo>
                  <a:cubicBezTo>
                    <a:pt x="32432" y="17619"/>
                    <a:pt x="32369" y="17828"/>
                    <a:pt x="32285" y="18016"/>
                  </a:cubicBezTo>
                  <a:cubicBezTo>
                    <a:pt x="31971" y="18748"/>
                    <a:pt x="31553" y="19376"/>
                    <a:pt x="30967" y="19920"/>
                  </a:cubicBezTo>
                  <a:cubicBezTo>
                    <a:pt x="30591" y="20234"/>
                    <a:pt x="30256" y="20611"/>
                    <a:pt x="29942" y="20945"/>
                  </a:cubicBezTo>
                  <a:cubicBezTo>
                    <a:pt x="28394" y="22598"/>
                    <a:pt x="26489" y="23749"/>
                    <a:pt x="24481" y="24691"/>
                  </a:cubicBezTo>
                  <a:cubicBezTo>
                    <a:pt x="23686" y="25046"/>
                    <a:pt x="22849" y="25360"/>
                    <a:pt x="22075" y="25674"/>
                  </a:cubicBezTo>
                  <a:cubicBezTo>
                    <a:pt x="20861" y="26176"/>
                    <a:pt x="19606" y="26469"/>
                    <a:pt x="18329" y="26658"/>
                  </a:cubicBezTo>
                  <a:cubicBezTo>
                    <a:pt x="17367" y="26783"/>
                    <a:pt x="16342" y="26741"/>
                    <a:pt x="15337" y="26720"/>
                  </a:cubicBezTo>
                  <a:cubicBezTo>
                    <a:pt x="13873" y="26678"/>
                    <a:pt x="12387" y="26469"/>
                    <a:pt x="11006" y="26030"/>
                  </a:cubicBezTo>
                  <a:cubicBezTo>
                    <a:pt x="10002" y="25716"/>
                    <a:pt x="9060" y="25235"/>
                    <a:pt x="8098" y="24774"/>
                  </a:cubicBezTo>
                  <a:cubicBezTo>
                    <a:pt x="7575" y="24523"/>
                    <a:pt x="7114" y="24189"/>
                    <a:pt x="6633" y="23875"/>
                  </a:cubicBezTo>
                  <a:cubicBezTo>
                    <a:pt x="6382" y="23728"/>
                    <a:pt x="6131" y="23519"/>
                    <a:pt x="5922" y="23310"/>
                  </a:cubicBezTo>
                  <a:cubicBezTo>
                    <a:pt x="5126" y="22494"/>
                    <a:pt x="4310" y="21699"/>
                    <a:pt x="3494" y="20862"/>
                  </a:cubicBezTo>
                  <a:cubicBezTo>
                    <a:pt x="3264" y="20632"/>
                    <a:pt x="3076" y="20380"/>
                    <a:pt x="2929" y="20088"/>
                  </a:cubicBezTo>
                  <a:cubicBezTo>
                    <a:pt x="1988" y="18351"/>
                    <a:pt x="1277" y="16530"/>
                    <a:pt x="586" y="14689"/>
                  </a:cubicBezTo>
                  <a:cubicBezTo>
                    <a:pt x="314" y="13957"/>
                    <a:pt x="251" y="13099"/>
                    <a:pt x="209" y="12283"/>
                  </a:cubicBezTo>
                  <a:cubicBezTo>
                    <a:pt x="168" y="11634"/>
                    <a:pt x="0" y="10986"/>
                    <a:pt x="335" y="10337"/>
                  </a:cubicBezTo>
                  <a:cubicBezTo>
                    <a:pt x="356" y="10274"/>
                    <a:pt x="335" y="10149"/>
                    <a:pt x="314" y="10065"/>
                  </a:cubicBezTo>
                  <a:cubicBezTo>
                    <a:pt x="42" y="9416"/>
                    <a:pt x="126" y="8789"/>
                    <a:pt x="314" y="8140"/>
                  </a:cubicBezTo>
                  <a:cubicBezTo>
                    <a:pt x="481" y="7512"/>
                    <a:pt x="649" y="6843"/>
                    <a:pt x="774" y="6194"/>
                  </a:cubicBezTo>
                  <a:cubicBezTo>
                    <a:pt x="942" y="5483"/>
                    <a:pt x="1297" y="4918"/>
                    <a:pt x="1716" y="4374"/>
                  </a:cubicBezTo>
                  <a:cubicBezTo>
                    <a:pt x="2009" y="3997"/>
                    <a:pt x="2365" y="3662"/>
                    <a:pt x="2741" y="3349"/>
                  </a:cubicBezTo>
                  <a:cubicBezTo>
                    <a:pt x="2846" y="3244"/>
                    <a:pt x="2992" y="3160"/>
                    <a:pt x="3139" y="3160"/>
                  </a:cubicBezTo>
                  <a:cubicBezTo>
                    <a:pt x="3620" y="3181"/>
                    <a:pt x="3829" y="2742"/>
                    <a:pt x="4206" y="2554"/>
                  </a:cubicBezTo>
                  <a:cubicBezTo>
                    <a:pt x="4248" y="2533"/>
                    <a:pt x="4290" y="2407"/>
                    <a:pt x="4310" y="2323"/>
                  </a:cubicBezTo>
                  <a:cubicBezTo>
                    <a:pt x="4352" y="2219"/>
                    <a:pt x="4415" y="2114"/>
                    <a:pt x="4520" y="2072"/>
                  </a:cubicBezTo>
                  <a:cubicBezTo>
                    <a:pt x="5754" y="1403"/>
                    <a:pt x="6947" y="775"/>
                    <a:pt x="8181" y="126"/>
                  </a:cubicBezTo>
                  <a:cubicBezTo>
                    <a:pt x="8202" y="85"/>
                    <a:pt x="8307" y="43"/>
                    <a:pt x="8516" y="1"/>
                  </a:cubicBezTo>
                  <a:close/>
                  <a:moveTo>
                    <a:pt x="23958" y="19815"/>
                  </a:moveTo>
                  <a:cubicBezTo>
                    <a:pt x="23581" y="19920"/>
                    <a:pt x="23121" y="19962"/>
                    <a:pt x="22849" y="20318"/>
                  </a:cubicBezTo>
                  <a:cubicBezTo>
                    <a:pt x="22598" y="20652"/>
                    <a:pt x="22284" y="20820"/>
                    <a:pt x="21928" y="21008"/>
                  </a:cubicBezTo>
                  <a:cubicBezTo>
                    <a:pt x="21719" y="21113"/>
                    <a:pt x="21510" y="21259"/>
                    <a:pt x="21342" y="21385"/>
                  </a:cubicBezTo>
                  <a:cubicBezTo>
                    <a:pt x="20715" y="21887"/>
                    <a:pt x="20003" y="22180"/>
                    <a:pt x="19187" y="22180"/>
                  </a:cubicBezTo>
                  <a:cubicBezTo>
                    <a:pt x="17785" y="22180"/>
                    <a:pt x="16362" y="22201"/>
                    <a:pt x="14961" y="22180"/>
                  </a:cubicBezTo>
                  <a:cubicBezTo>
                    <a:pt x="14145" y="22159"/>
                    <a:pt x="13349" y="21992"/>
                    <a:pt x="12554" y="21887"/>
                  </a:cubicBezTo>
                  <a:cubicBezTo>
                    <a:pt x="12450" y="21866"/>
                    <a:pt x="12303" y="21845"/>
                    <a:pt x="12199" y="21782"/>
                  </a:cubicBezTo>
                  <a:cubicBezTo>
                    <a:pt x="11717" y="21552"/>
                    <a:pt x="11215" y="21343"/>
                    <a:pt x="10734" y="21113"/>
                  </a:cubicBezTo>
                  <a:cubicBezTo>
                    <a:pt x="10629" y="21050"/>
                    <a:pt x="10525" y="20966"/>
                    <a:pt x="10462" y="20904"/>
                  </a:cubicBezTo>
                  <a:cubicBezTo>
                    <a:pt x="9834" y="20067"/>
                    <a:pt x="9039" y="19334"/>
                    <a:pt x="8537" y="18393"/>
                  </a:cubicBezTo>
                  <a:cubicBezTo>
                    <a:pt x="7993" y="17305"/>
                    <a:pt x="7575" y="16196"/>
                    <a:pt x="8014" y="14940"/>
                  </a:cubicBezTo>
                  <a:cubicBezTo>
                    <a:pt x="8056" y="14836"/>
                    <a:pt x="8056" y="14689"/>
                    <a:pt x="8014" y="14585"/>
                  </a:cubicBezTo>
                  <a:cubicBezTo>
                    <a:pt x="7993" y="14522"/>
                    <a:pt x="7909" y="14438"/>
                    <a:pt x="7847" y="14417"/>
                  </a:cubicBezTo>
                  <a:cubicBezTo>
                    <a:pt x="7763" y="14375"/>
                    <a:pt x="7637" y="14417"/>
                    <a:pt x="7595" y="14459"/>
                  </a:cubicBezTo>
                  <a:cubicBezTo>
                    <a:pt x="7386" y="14731"/>
                    <a:pt x="7219" y="14982"/>
                    <a:pt x="7156" y="15317"/>
                  </a:cubicBezTo>
                  <a:cubicBezTo>
                    <a:pt x="7031" y="16677"/>
                    <a:pt x="7261" y="17974"/>
                    <a:pt x="8014" y="19125"/>
                  </a:cubicBezTo>
                  <a:cubicBezTo>
                    <a:pt x="8432" y="19774"/>
                    <a:pt x="8935" y="20380"/>
                    <a:pt x="9416" y="21008"/>
                  </a:cubicBezTo>
                  <a:cubicBezTo>
                    <a:pt x="9772" y="21489"/>
                    <a:pt x="10190" y="21887"/>
                    <a:pt x="10776" y="22159"/>
                  </a:cubicBezTo>
                  <a:cubicBezTo>
                    <a:pt x="11111" y="22305"/>
                    <a:pt x="11424" y="22494"/>
                    <a:pt x="11738" y="22619"/>
                  </a:cubicBezTo>
                  <a:cubicBezTo>
                    <a:pt x="12073" y="22745"/>
                    <a:pt x="12408" y="22849"/>
                    <a:pt x="12785" y="22912"/>
                  </a:cubicBezTo>
                  <a:cubicBezTo>
                    <a:pt x="13182" y="22933"/>
                    <a:pt x="13538" y="22996"/>
                    <a:pt x="13935" y="23101"/>
                  </a:cubicBezTo>
                  <a:cubicBezTo>
                    <a:pt x="14186" y="23163"/>
                    <a:pt x="14458" y="23205"/>
                    <a:pt x="14751" y="23205"/>
                  </a:cubicBezTo>
                  <a:lnTo>
                    <a:pt x="19522" y="23205"/>
                  </a:lnTo>
                  <a:cubicBezTo>
                    <a:pt x="19731" y="23205"/>
                    <a:pt x="19940" y="23163"/>
                    <a:pt x="20150" y="23121"/>
                  </a:cubicBezTo>
                  <a:cubicBezTo>
                    <a:pt x="21342" y="22828"/>
                    <a:pt x="22200" y="21992"/>
                    <a:pt x="23225" y="21427"/>
                  </a:cubicBezTo>
                  <a:cubicBezTo>
                    <a:pt x="23246" y="21385"/>
                    <a:pt x="23267" y="21385"/>
                    <a:pt x="23267" y="21364"/>
                  </a:cubicBezTo>
                  <a:cubicBezTo>
                    <a:pt x="23456" y="20966"/>
                    <a:pt x="23769" y="20673"/>
                    <a:pt x="24062" y="20401"/>
                  </a:cubicBezTo>
                  <a:cubicBezTo>
                    <a:pt x="24146" y="20192"/>
                    <a:pt x="24188" y="20004"/>
                    <a:pt x="23958" y="19815"/>
                  </a:cubicBezTo>
                  <a:close/>
                  <a:moveTo>
                    <a:pt x="22075" y="14543"/>
                  </a:moveTo>
                  <a:cubicBezTo>
                    <a:pt x="22075" y="14480"/>
                    <a:pt x="22054" y="14354"/>
                    <a:pt x="22012" y="14250"/>
                  </a:cubicBezTo>
                  <a:cubicBezTo>
                    <a:pt x="21907" y="13852"/>
                    <a:pt x="21551" y="13706"/>
                    <a:pt x="21259" y="13957"/>
                  </a:cubicBezTo>
                  <a:cubicBezTo>
                    <a:pt x="21028" y="14166"/>
                    <a:pt x="20798" y="14438"/>
                    <a:pt x="20610" y="14689"/>
                  </a:cubicBezTo>
                  <a:cubicBezTo>
                    <a:pt x="20484" y="14878"/>
                    <a:pt x="20526" y="15108"/>
                    <a:pt x="20652" y="15296"/>
                  </a:cubicBezTo>
                  <a:cubicBezTo>
                    <a:pt x="20819" y="15526"/>
                    <a:pt x="21028" y="15589"/>
                    <a:pt x="21279" y="15568"/>
                  </a:cubicBezTo>
                  <a:cubicBezTo>
                    <a:pt x="21719" y="15484"/>
                    <a:pt x="22054" y="15087"/>
                    <a:pt x="22075" y="14543"/>
                  </a:cubicBezTo>
                  <a:close/>
                  <a:moveTo>
                    <a:pt x="10504" y="11111"/>
                  </a:moveTo>
                  <a:cubicBezTo>
                    <a:pt x="10504" y="11111"/>
                    <a:pt x="10295" y="11111"/>
                    <a:pt x="10127" y="11216"/>
                  </a:cubicBezTo>
                  <a:cubicBezTo>
                    <a:pt x="10023" y="11279"/>
                    <a:pt x="9876" y="11425"/>
                    <a:pt x="9876" y="11551"/>
                  </a:cubicBezTo>
                  <a:cubicBezTo>
                    <a:pt x="9876" y="12241"/>
                    <a:pt x="10357" y="12639"/>
                    <a:pt x="10985" y="12534"/>
                  </a:cubicBezTo>
                  <a:cubicBezTo>
                    <a:pt x="11111" y="12492"/>
                    <a:pt x="11278" y="12429"/>
                    <a:pt x="11341" y="12325"/>
                  </a:cubicBezTo>
                  <a:cubicBezTo>
                    <a:pt x="11529" y="12053"/>
                    <a:pt x="11529" y="11739"/>
                    <a:pt x="11404" y="11446"/>
                  </a:cubicBezTo>
                  <a:cubicBezTo>
                    <a:pt x="11257" y="11174"/>
                    <a:pt x="11006" y="11090"/>
                    <a:pt x="10504" y="11111"/>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17" name="Google Shape;368;p37">
              <a:extLst>
                <a:ext uri="{FF2B5EF4-FFF2-40B4-BE49-F238E27FC236}">
                  <a16:creationId xmlns:a16="http://schemas.microsoft.com/office/drawing/2014/main" id="{63755330-F606-7136-EE45-A1156066B15E}"/>
                </a:ext>
              </a:extLst>
            </p:cNvPr>
            <p:cNvSpPr/>
            <p:nvPr/>
          </p:nvSpPr>
          <p:spPr>
            <a:xfrm>
              <a:off x="-1903025" y="1787375"/>
              <a:ext cx="809225" cy="644475"/>
            </a:xfrm>
            <a:custGeom>
              <a:avLst/>
              <a:gdLst/>
              <a:ahLst/>
              <a:cxnLst/>
              <a:rect l="l" t="t" r="r" b="b"/>
              <a:pathLst>
                <a:path w="32369" h="25779" extrusionOk="0">
                  <a:moveTo>
                    <a:pt x="20338" y="6549"/>
                  </a:moveTo>
                  <a:cubicBezTo>
                    <a:pt x="21258" y="6549"/>
                    <a:pt x="22116" y="6591"/>
                    <a:pt x="22932" y="6507"/>
                  </a:cubicBezTo>
                  <a:cubicBezTo>
                    <a:pt x="23790" y="6445"/>
                    <a:pt x="24648" y="6256"/>
                    <a:pt x="25485" y="6047"/>
                  </a:cubicBezTo>
                  <a:cubicBezTo>
                    <a:pt x="26301" y="5838"/>
                    <a:pt x="27075" y="5566"/>
                    <a:pt x="27912" y="5315"/>
                  </a:cubicBezTo>
                  <a:cubicBezTo>
                    <a:pt x="28226" y="5859"/>
                    <a:pt x="28414" y="6382"/>
                    <a:pt x="28540" y="6926"/>
                  </a:cubicBezTo>
                  <a:cubicBezTo>
                    <a:pt x="28665" y="7449"/>
                    <a:pt x="28833" y="7972"/>
                    <a:pt x="29084" y="8453"/>
                  </a:cubicBezTo>
                  <a:cubicBezTo>
                    <a:pt x="29230" y="8704"/>
                    <a:pt x="29335" y="8997"/>
                    <a:pt x="29419" y="9290"/>
                  </a:cubicBezTo>
                  <a:cubicBezTo>
                    <a:pt x="29942" y="11194"/>
                    <a:pt x="30381" y="13119"/>
                    <a:pt x="30779" y="15086"/>
                  </a:cubicBezTo>
                  <a:cubicBezTo>
                    <a:pt x="30800" y="15170"/>
                    <a:pt x="30821" y="15274"/>
                    <a:pt x="30821" y="15358"/>
                  </a:cubicBezTo>
                  <a:cubicBezTo>
                    <a:pt x="30904" y="16028"/>
                    <a:pt x="30883" y="16739"/>
                    <a:pt x="31302" y="17367"/>
                  </a:cubicBezTo>
                  <a:cubicBezTo>
                    <a:pt x="30946" y="17451"/>
                    <a:pt x="30716" y="17492"/>
                    <a:pt x="30465" y="17576"/>
                  </a:cubicBezTo>
                  <a:cubicBezTo>
                    <a:pt x="29691" y="17743"/>
                    <a:pt x="28937" y="17890"/>
                    <a:pt x="28184" y="18078"/>
                  </a:cubicBezTo>
                  <a:cubicBezTo>
                    <a:pt x="27912" y="18120"/>
                    <a:pt x="27682" y="18287"/>
                    <a:pt x="27473" y="18434"/>
                  </a:cubicBezTo>
                  <a:cubicBezTo>
                    <a:pt x="27389" y="18497"/>
                    <a:pt x="27305" y="18664"/>
                    <a:pt x="27347" y="18727"/>
                  </a:cubicBezTo>
                  <a:cubicBezTo>
                    <a:pt x="27389" y="18852"/>
                    <a:pt x="27515" y="18957"/>
                    <a:pt x="27661" y="19020"/>
                  </a:cubicBezTo>
                  <a:cubicBezTo>
                    <a:pt x="27766" y="19041"/>
                    <a:pt x="27891" y="19020"/>
                    <a:pt x="27996" y="18957"/>
                  </a:cubicBezTo>
                  <a:cubicBezTo>
                    <a:pt x="29042" y="18539"/>
                    <a:pt x="30109" y="18329"/>
                    <a:pt x="31218" y="18183"/>
                  </a:cubicBezTo>
                  <a:cubicBezTo>
                    <a:pt x="31469" y="18141"/>
                    <a:pt x="31741" y="18078"/>
                    <a:pt x="32055" y="18287"/>
                  </a:cubicBezTo>
                  <a:cubicBezTo>
                    <a:pt x="31867" y="18392"/>
                    <a:pt x="31762" y="18497"/>
                    <a:pt x="31637" y="18539"/>
                  </a:cubicBezTo>
                  <a:cubicBezTo>
                    <a:pt x="31134" y="18811"/>
                    <a:pt x="30611" y="19062"/>
                    <a:pt x="30109" y="19355"/>
                  </a:cubicBezTo>
                  <a:cubicBezTo>
                    <a:pt x="29963" y="19438"/>
                    <a:pt x="29816" y="19564"/>
                    <a:pt x="29691" y="19689"/>
                  </a:cubicBezTo>
                  <a:cubicBezTo>
                    <a:pt x="29544" y="19857"/>
                    <a:pt x="29544" y="20150"/>
                    <a:pt x="29670" y="20275"/>
                  </a:cubicBezTo>
                  <a:cubicBezTo>
                    <a:pt x="29795" y="20401"/>
                    <a:pt x="29984" y="20484"/>
                    <a:pt x="30172" y="20380"/>
                  </a:cubicBezTo>
                  <a:cubicBezTo>
                    <a:pt x="30507" y="20212"/>
                    <a:pt x="30841" y="20024"/>
                    <a:pt x="31260" y="19857"/>
                  </a:cubicBezTo>
                  <a:cubicBezTo>
                    <a:pt x="31030" y="20233"/>
                    <a:pt x="30821" y="20547"/>
                    <a:pt x="30632" y="20861"/>
                  </a:cubicBezTo>
                  <a:cubicBezTo>
                    <a:pt x="30590" y="20966"/>
                    <a:pt x="30507" y="21070"/>
                    <a:pt x="30444" y="21175"/>
                  </a:cubicBezTo>
                  <a:cubicBezTo>
                    <a:pt x="30381" y="21363"/>
                    <a:pt x="30444" y="21552"/>
                    <a:pt x="30611" y="21656"/>
                  </a:cubicBezTo>
                  <a:cubicBezTo>
                    <a:pt x="30716" y="21740"/>
                    <a:pt x="30925" y="21761"/>
                    <a:pt x="31030" y="21698"/>
                  </a:cubicBezTo>
                  <a:cubicBezTo>
                    <a:pt x="31239" y="21552"/>
                    <a:pt x="31427" y="21342"/>
                    <a:pt x="31574" y="21133"/>
                  </a:cubicBezTo>
                  <a:cubicBezTo>
                    <a:pt x="31762" y="20861"/>
                    <a:pt x="31909" y="20589"/>
                    <a:pt x="32306" y="20401"/>
                  </a:cubicBezTo>
                  <a:cubicBezTo>
                    <a:pt x="32369" y="20945"/>
                    <a:pt x="32369" y="21384"/>
                    <a:pt x="32285" y="21907"/>
                  </a:cubicBezTo>
                  <a:cubicBezTo>
                    <a:pt x="32097" y="21949"/>
                    <a:pt x="31950" y="22012"/>
                    <a:pt x="31762" y="22012"/>
                  </a:cubicBezTo>
                  <a:cubicBezTo>
                    <a:pt x="31176" y="22054"/>
                    <a:pt x="30611" y="22054"/>
                    <a:pt x="30025" y="22012"/>
                  </a:cubicBezTo>
                  <a:cubicBezTo>
                    <a:pt x="28414" y="21949"/>
                    <a:pt x="26782" y="22200"/>
                    <a:pt x="25171" y="22388"/>
                  </a:cubicBezTo>
                  <a:cubicBezTo>
                    <a:pt x="24104" y="22493"/>
                    <a:pt x="23016" y="22744"/>
                    <a:pt x="22012" y="23058"/>
                  </a:cubicBezTo>
                  <a:cubicBezTo>
                    <a:pt x="21823" y="23121"/>
                    <a:pt x="21656" y="23163"/>
                    <a:pt x="21489" y="23205"/>
                  </a:cubicBezTo>
                  <a:cubicBezTo>
                    <a:pt x="20484" y="23309"/>
                    <a:pt x="19564" y="23686"/>
                    <a:pt x="18622" y="24000"/>
                  </a:cubicBezTo>
                  <a:cubicBezTo>
                    <a:pt x="17513" y="24376"/>
                    <a:pt x="16488" y="24899"/>
                    <a:pt x="15630" y="25715"/>
                  </a:cubicBezTo>
                  <a:cubicBezTo>
                    <a:pt x="15567" y="25736"/>
                    <a:pt x="15525" y="25757"/>
                    <a:pt x="15442" y="25778"/>
                  </a:cubicBezTo>
                  <a:cubicBezTo>
                    <a:pt x="15107" y="25736"/>
                    <a:pt x="14856" y="25569"/>
                    <a:pt x="14709" y="25234"/>
                  </a:cubicBezTo>
                  <a:cubicBezTo>
                    <a:pt x="14605" y="25025"/>
                    <a:pt x="14416" y="24878"/>
                    <a:pt x="14228" y="24711"/>
                  </a:cubicBezTo>
                  <a:cubicBezTo>
                    <a:pt x="13956" y="24481"/>
                    <a:pt x="13705" y="24209"/>
                    <a:pt x="13475" y="23958"/>
                  </a:cubicBezTo>
                  <a:cubicBezTo>
                    <a:pt x="13077" y="23560"/>
                    <a:pt x="13015" y="23142"/>
                    <a:pt x="13140" y="22640"/>
                  </a:cubicBezTo>
                  <a:cubicBezTo>
                    <a:pt x="13266" y="22179"/>
                    <a:pt x="13328" y="21698"/>
                    <a:pt x="13391" y="21238"/>
                  </a:cubicBezTo>
                  <a:cubicBezTo>
                    <a:pt x="13475" y="20756"/>
                    <a:pt x="13496" y="20275"/>
                    <a:pt x="13266" y="19836"/>
                  </a:cubicBezTo>
                  <a:cubicBezTo>
                    <a:pt x="13245" y="19773"/>
                    <a:pt x="13224" y="19731"/>
                    <a:pt x="13224" y="19647"/>
                  </a:cubicBezTo>
                  <a:cubicBezTo>
                    <a:pt x="13287" y="18518"/>
                    <a:pt x="12805" y="17451"/>
                    <a:pt x="12847" y="16342"/>
                  </a:cubicBezTo>
                  <a:cubicBezTo>
                    <a:pt x="12868" y="16028"/>
                    <a:pt x="12805" y="15693"/>
                    <a:pt x="12743" y="15358"/>
                  </a:cubicBezTo>
                  <a:cubicBezTo>
                    <a:pt x="12554" y="14438"/>
                    <a:pt x="12345" y="13517"/>
                    <a:pt x="12178" y="12596"/>
                  </a:cubicBezTo>
                  <a:cubicBezTo>
                    <a:pt x="12094" y="12136"/>
                    <a:pt x="12031" y="11655"/>
                    <a:pt x="11989" y="11173"/>
                  </a:cubicBezTo>
                  <a:cubicBezTo>
                    <a:pt x="11968" y="11006"/>
                    <a:pt x="11989" y="10860"/>
                    <a:pt x="11968" y="10713"/>
                  </a:cubicBezTo>
                  <a:cubicBezTo>
                    <a:pt x="11675" y="9939"/>
                    <a:pt x="11717" y="9123"/>
                    <a:pt x="11717" y="8307"/>
                  </a:cubicBezTo>
                  <a:cubicBezTo>
                    <a:pt x="11717" y="7972"/>
                    <a:pt x="11696" y="7637"/>
                    <a:pt x="11382" y="7428"/>
                  </a:cubicBezTo>
                  <a:cubicBezTo>
                    <a:pt x="11236" y="7323"/>
                    <a:pt x="11027" y="7219"/>
                    <a:pt x="10838" y="7177"/>
                  </a:cubicBezTo>
                  <a:cubicBezTo>
                    <a:pt x="10566" y="7114"/>
                    <a:pt x="10294" y="7114"/>
                    <a:pt x="10022" y="7177"/>
                  </a:cubicBezTo>
                  <a:cubicBezTo>
                    <a:pt x="8893" y="7344"/>
                    <a:pt x="7805" y="7658"/>
                    <a:pt x="6863" y="8349"/>
                  </a:cubicBezTo>
                  <a:cubicBezTo>
                    <a:pt x="6486" y="8600"/>
                    <a:pt x="6424" y="8767"/>
                    <a:pt x="6256" y="9437"/>
                  </a:cubicBezTo>
                  <a:cubicBezTo>
                    <a:pt x="6528" y="9625"/>
                    <a:pt x="6758" y="9876"/>
                    <a:pt x="6779" y="10274"/>
                  </a:cubicBezTo>
                  <a:cubicBezTo>
                    <a:pt x="6779" y="10483"/>
                    <a:pt x="6884" y="10692"/>
                    <a:pt x="6905" y="10901"/>
                  </a:cubicBezTo>
                  <a:cubicBezTo>
                    <a:pt x="7051" y="11927"/>
                    <a:pt x="7219" y="12910"/>
                    <a:pt x="7595" y="13894"/>
                  </a:cubicBezTo>
                  <a:cubicBezTo>
                    <a:pt x="7721" y="14249"/>
                    <a:pt x="7742" y="14647"/>
                    <a:pt x="7825" y="15065"/>
                  </a:cubicBezTo>
                  <a:cubicBezTo>
                    <a:pt x="6989" y="15421"/>
                    <a:pt x="6277" y="15944"/>
                    <a:pt x="5608" y="16467"/>
                  </a:cubicBezTo>
                  <a:cubicBezTo>
                    <a:pt x="5503" y="16551"/>
                    <a:pt x="5336" y="16614"/>
                    <a:pt x="5210" y="16655"/>
                  </a:cubicBezTo>
                  <a:cubicBezTo>
                    <a:pt x="4917" y="16739"/>
                    <a:pt x="4645" y="16781"/>
                    <a:pt x="4331" y="16844"/>
                  </a:cubicBezTo>
                  <a:cubicBezTo>
                    <a:pt x="4164" y="16865"/>
                    <a:pt x="4017" y="16886"/>
                    <a:pt x="3871" y="16844"/>
                  </a:cubicBezTo>
                  <a:cubicBezTo>
                    <a:pt x="2783" y="16572"/>
                    <a:pt x="1632" y="16425"/>
                    <a:pt x="586" y="15944"/>
                  </a:cubicBezTo>
                  <a:cubicBezTo>
                    <a:pt x="398" y="15881"/>
                    <a:pt x="209" y="15777"/>
                    <a:pt x="0" y="15672"/>
                  </a:cubicBezTo>
                  <a:cubicBezTo>
                    <a:pt x="0" y="14940"/>
                    <a:pt x="188" y="14270"/>
                    <a:pt x="481" y="13642"/>
                  </a:cubicBezTo>
                  <a:cubicBezTo>
                    <a:pt x="732" y="13077"/>
                    <a:pt x="1004" y="12492"/>
                    <a:pt x="1214" y="11906"/>
                  </a:cubicBezTo>
                  <a:cubicBezTo>
                    <a:pt x="1402" y="11320"/>
                    <a:pt x="1716" y="10797"/>
                    <a:pt x="2030" y="10274"/>
                  </a:cubicBezTo>
                  <a:cubicBezTo>
                    <a:pt x="2281" y="9834"/>
                    <a:pt x="2490" y="9353"/>
                    <a:pt x="2615" y="8872"/>
                  </a:cubicBezTo>
                  <a:cubicBezTo>
                    <a:pt x="2783" y="8307"/>
                    <a:pt x="3034" y="7826"/>
                    <a:pt x="3390" y="7323"/>
                  </a:cubicBezTo>
                  <a:cubicBezTo>
                    <a:pt x="4331" y="5880"/>
                    <a:pt x="5210" y="4415"/>
                    <a:pt x="6005" y="2867"/>
                  </a:cubicBezTo>
                  <a:cubicBezTo>
                    <a:pt x="6214" y="2490"/>
                    <a:pt x="6445" y="2093"/>
                    <a:pt x="6696" y="1737"/>
                  </a:cubicBezTo>
                  <a:cubicBezTo>
                    <a:pt x="6989" y="1277"/>
                    <a:pt x="7281" y="816"/>
                    <a:pt x="7386" y="251"/>
                  </a:cubicBezTo>
                  <a:cubicBezTo>
                    <a:pt x="7407" y="189"/>
                    <a:pt x="7491" y="126"/>
                    <a:pt x="7574" y="0"/>
                  </a:cubicBezTo>
                  <a:cubicBezTo>
                    <a:pt x="7721" y="105"/>
                    <a:pt x="7888" y="189"/>
                    <a:pt x="7993" y="293"/>
                  </a:cubicBezTo>
                  <a:cubicBezTo>
                    <a:pt x="8746" y="1046"/>
                    <a:pt x="9499" y="1821"/>
                    <a:pt x="10294" y="2595"/>
                  </a:cubicBezTo>
                  <a:cubicBezTo>
                    <a:pt x="10608" y="2909"/>
                    <a:pt x="10964" y="3202"/>
                    <a:pt x="11341" y="3432"/>
                  </a:cubicBezTo>
                  <a:cubicBezTo>
                    <a:pt x="12324" y="4038"/>
                    <a:pt x="13349" y="4603"/>
                    <a:pt x="14437" y="5231"/>
                  </a:cubicBezTo>
                  <a:cubicBezTo>
                    <a:pt x="14626" y="5733"/>
                    <a:pt x="14814" y="6319"/>
                    <a:pt x="15107" y="6884"/>
                  </a:cubicBezTo>
                  <a:cubicBezTo>
                    <a:pt x="15421" y="7512"/>
                    <a:pt x="16007" y="7847"/>
                    <a:pt x="16697" y="7930"/>
                  </a:cubicBezTo>
                  <a:cubicBezTo>
                    <a:pt x="17304" y="8014"/>
                    <a:pt x="17890" y="7951"/>
                    <a:pt x="18497" y="7930"/>
                  </a:cubicBezTo>
                  <a:cubicBezTo>
                    <a:pt x="18622" y="7930"/>
                    <a:pt x="18810" y="7868"/>
                    <a:pt x="18915" y="7784"/>
                  </a:cubicBezTo>
                  <a:cubicBezTo>
                    <a:pt x="19375" y="7512"/>
                    <a:pt x="20045" y="7303"/>
                    <a:pt x="20338" y="6549"/>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18" name="Google Shape;369;p37">
              <a:extLst>
                <a:ext uri="{FF2B5EF4-FFF2-40B4-BE49-F238E27FC236}">
                  <a16:creationId xmlns:a16="http://schemas.microsoft.com/office/drawing/2014/main" id="{D61437DE-A190-E4B6-233A-60DA566D7CA8}"/>
                </a:ext>
              </a:extLst>
            </p:cNvPr>
            <p:cNvSpPr/>
            <p:nvPr/>
          </p:nvSpPr>
          <p:spPr>
            <a:xfrm>
              <a:off x="-1722050" y="1988225"/>
              <a:ext cx="128700" cy="337950"/>
            </a:xfrm>
            <a:custGeom>
              <a:avLst/>
              <a:gdLst/>
              <a:ahLst/>
              <a:cxnLst/>
              <a:rect l="l" t="t" r="r" b="b"/>
              <a:pathLst>
                <a:path w="5148" h="13518" extrusionOk="0">
                  <a:moveTo>
                    <a:pt x="1" y="1173"/>
                  </a:moveTo>
                  <a:cubicBezTo>
                    <a:pt x="586" y="629"/>
                    <a:pt x="1151" y="294"/>
                    <a:pt x="1842" y="231"/>
                  </a:cubicBezTo>
                  <a:cubicBezTo>
                    <a:pt x="2009" y="231"/>
                    <a:pt x="2135" y="126"/>
                    <a:pt x="2260" y="106"/>
                  </a:cubicBezTo>
                  <a:cubicBezTo>
                    <a:pt x="2532" y="43"/>
                    <a:pt x="2783" y="1"/>
                    <a:pt x="3055" y="1"/>
                  </a:cubicBezTo>
                  <a:cubicBezTo>
                    <a:pt x="3474" y="1"/>
                    <a:pt x="3599" y="126"/>
                    <a:pt x="3620" y="524"/>
                  </a:cubicBezTo>
                  <a:cubicBezTo>
                    <a:pt x="3662" y="775"/>
                    <a:pt x="3620" y="1068"/>
                    <a:pt x="3620" y="1340"/>
                  </a:cubicBezTo>
                  <a:cubicBezTo>
                    <a:pt x="3620" y="1758"/>
                    <a:pt x="3620" y="2177"/>
                    <a:pt x="3788" y="2595"/>
                  </a:cubicBezTo>
                  <a:cubicBezTo>
                    <a:pt x="3830" y="2742"/>
                    <a:pt x="3913" y="2951"/>
                    <a:pt x="3892" y="3119"/>
                  </a:cubicBezTo>
                  <a:cubicBezTo>
                    <a:pt x="3809" y="4395"/>
                    <a:pt x="4206" y="5629"/>
                    <a:pt x="4415" y="6843"/>
                  </a:cubicBezTo>
                  <a:cubicBezTo>
                    <a:pt x="4541" y="7554"/>
                    <a:pt x="4667" y="8266"/>
                    <a:pt x="4646" y="8998"/>
                  </a:cubicBezTo>
                  <a:cubicBezTo>
                    <a:pt x="4646" y="9145"/>
                    <a:pt x="4625" y="9312"/>
                    <a:pt x="4667" y="9437"/>
                  </a:cubicBezTo>
                  <a:cubicBezTo>
                    <a:pt x="4855" y="10170"/>
                    <a:pt x="4876" y="10923"/>
                    <a:pt x="4918" y="11655"/>
                  </a:cubicBezTo>
                  <a:cubicBezTo>
                    <a:pt x="4918" y="12011"/>
                    <a:pt x="5064" y="12346"/>
                    <a:pt x="5148" y="12743"/>
                  </a:cubicBezTo>
                  <a:cubicBezTo>
                    <a:pt x="4939" y="12869"/>
                    <a:pt x="4750" y="13015"/>
                    <a:pt x="4562" y="13057"/>
                  </a:cubicBezTo>
                  <a:cubicBezTo>
                    <a:pt x="3913" y="13099"/>
                    <a:pt x="3307" y="13371"/>
                    <a:pt x="2616" y="13518"/>
                  </a:cubicBezTo>
                  <a:cubicBezTo>
                    <a:pt x="2574" y="12262"/>
                    <a:pt x="2323" y="11090"/>
                    <a:pt x="1905" y="9940"/>
                  </a:cubicBezTo>
                  <a:cubicBezTo>
                    <a:pt x="1633" y="9249"/>
                    <a:pt x="1612" y="8517"/>
                    <a:pt x="1507" y="7784"/>
                  </a:cubicBezTo>
                  <a:cubicBezTo>
                    <a:pt x="1737" y="7617"/>
                    <a:pt x="1967" y="7429"/>
                    <a:pt x="2198" y="7220"/>
                  </a:cubicBezTo>
                  <a:cubicBezTo>
                    <a:pt x="2260" y="7136"/>
                    <a:pt x="2344" y="6948"/>
                    <a:pt x="2323" y="6822"/>
                  </a:cubicBezTo>
                  <a:cubicBezTo>
                    <a:pt x="2302" y="6613"/>
                    <a:pt x="2093" y="6571"/>
                    <a:pt x="1905" y="6571"/>
                  </a:cubicBezTo>
                  <a:cubicBezTo>
                    <a:pt x="1716" y="6571"/>
                    <a:pt x="1570" y="6613"/>
                    <a:pt x="1382" y="6676"/>
                  </a:cubicBezTo>
                  <a:cubicBezTo>
                    <a:pt x="733" y="4855"/>
                    <a:pt x="335" y="3035"/>
                    <a:pt x="1" y="1173"/>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19" name="Google Shape;370;p37">
              <a:extLst>
                <a:ext uri="{FF2B5EF4-FFF2-40B4-BE49-F238E27FC236}">
                  <a16:creationId xmlns:a16="http://schemas.microsoft.com/office/drawing/2014/main" id="{24DEAFA7-5E7B-D183-00DA-DB39A2CA96CA}"/>
                </a:ext>
              </a:extLst>
            </p:cNvPr>
            <p:cNvSpPr/>
            <p:nvPr/>
          </p:nvSpPr>
          <p:spPr>
            <a:xfrm>
              <a:off x="-1927100" y="2205850"/>
              <a:ext cx="251100" cy="128700"/>
            </a:xfrm>
            <a:custGeom>
              <a:avLst/>
              <a:gdLst/>
              <a:ahLst/>
              <a:cxnLst/>
              <a:rect l="l" t="t" r="r" b="b"/>
              <a:pathLst>
                <a:path w="10044" h="5148" extrusionOk="0">
                  <a:moveTo>
                    <a:pt x="9584" y="2469"/>
                  </a:moveTo>
                  <a:cubicBezTo>
                    <a:pt x="9625" y="2699"/>
                    <a:pt x="9709" y="2908"/>
                    <a:pt x="9730" y="3139"/>
                  </a:cubicBezTo>
                  <a:cubicBezTo>
                    <a:pt x="9772" y="3829"/>
                    <a:pt x="9981" y="4478"/>
                    <a:pt x="10044" y="5147"/>
                  </a:cubicBezTo>
                  <a:cubicBezTo>
                    <a:pt x="9521" y="5105"/>
                    <a:pt x="9270" y="5043"/>
                    <a:pt x="8935" y="4708"/>
                  </a:cubicBezTo>
                  <a:cubicBezTo>
                    <a:pt x="8537" y="4310"/>
                    <a:pt x="8098" y="4164"/>
                    <a:pt x="7596" y="4038"/>
                  </a:cubicBezTo>
                  <a:cubicBezTo>
                    <a:pt x="6382" y="3745"/>
                    <a:pt x="5190" y="3473"/>
                    <a:pt x="4039" y="3013"/>
                  </a:cubicBezTo>
                  <a:cubicBezTo>
                    <a:pt x="3767" y="2908"/>
                    <a:pt x="3453" y="2888"/>
                    <a:pt x="3139" y="2888"/>
                  </a:cubicBezTo>
                  <a:cubicBezTo>
                    <a:pt x="2302" y="2846"/>
                    <a:pt x="1465" y="2888"/>
                    <a:pt x="607" y="2888"/>
                  </a:cubicBezTo>
                  <a:cubicBezTo>
                    <a:pt x="398" y="2888"/>
                    <a:pt x="189" y="2846"/>
                    <a:pt x="1" y="2825"/>
                  </a:cubicBezTo>
                  <a:lnTo>
                    <a:pt x="1" y="1548"/>
                  </a:lnTo>
                  <a:cubicBezTo>
                    <a:pt x="377" y="1130"/>
                    <a:pt x="147" y="481"/>
                    <a:pt x="586" y="0"/>
                  </a:cubicBezTo>
                  <a:cubicBezTo>
                    <a:pt x="775" y="63"/>
                    <a:pt x="942" y="84"/>
                    <a:pt x="1130" y="168"/>
                  </a:cubicBezTo>
                  <a:cubicBezTo>
                    <a:pt x="2177" y="628"/>
                    <a:pt x="3327" y="795"/>
                    <a:pt x="4436" y="1025"/>
                  </a:cubicBezTo>
                  <a:cubicBezTo>
                    <a:pt x="4687" y="1067"/>
                    <a:pt x="4980" y="1046"/>
                    <a:pt x="5231" y="1004"/>
                  </a:cubicBezTo>
                  <a:cubicBezTo>
                    <a:pt x="5545" y="942"/>
                    <a:pt x="5817" y="1025"/>
                    <a:pt x="6068" y="1214"/>
                  </a:cubicBezTo>
                  <a:cubicBezTo>
                    <a:pt x="6654" y="1590"/>
                    <a:pt x="7219" y="1988"/>
                    <a:pt x="7805" y="2323"/>
                  </a:cubicBezTo>
                  <a:cubicBezTo>
                    <a:pt x="8349" y="2678"/>
                    <a:pt x="8830" y="2699"/>
                    <a:pt x="9584" y="2469"/>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0" name="Google Shape;371;p37">
              <a:extLst>
                <a:ext uri="{FF2B5EF4-FFF2-40B4-BE49-F238E27FC236}">
                  <a16:creationId xmlns:a16="http://schemas.microsoft.com/office/drawing/2014/main" id="{74563290-CE07-343E-5ADB-D534EE1E221A}"/>
                </a:ext>
              </a:extLst>
            </p:cNvPr>
            <p:cNvSpPr/>
            <p:nvPr/>
          </p:nvSpPr>
          <p:spPr>
            <a:xfrm>
              <a:off x="-1839225" y="1357400"/>
              <a:ext cx="62800" cy="127125"/>
            </a:xfrm>
            <a:custGeom>
              <a:avLst/>
              <a:gdLst/>
              <a:ahLst/>
              <a:cxnLst/>
              <a:rect l="l" t="t" r="r" b="b"/>
              <a:pathLst>
                <a:path w="2512" h="5085" extrusionOk="0">
                  <a:moveTo>
                    <a:pt x="1716" y="5084"/>
                  </a:moveTo>
                  <a:cubicBezTo>
                    <a:pt x="1612" y="4980"/>
                    <a:pt x="1528" y="4938"/>
                    <a:pt x="1486" y="4854"/>
                  </a:cubicBezTo>
                  <a:cubicBezTo>
                    <a:pt x="1131" y="4227"/>
                    <a:pt x="754" y="3620"/>
                    <a:pt x="419" y="2992"/>
                  </a:cubicBezTo>
                  <a:cubicBezTo>
                    <a:pt x="1" y="2197"/>
                    <a:pt x="126" y="1297"/>
                    <a:pt x="189" y="439"/>
                  </a:cubicBezTo>
                  <a:cubicBezTo>
                    <a:pt x="189" y="209"/>
                    <a:pt x="419" y="21"/>
                    <a:pt x="670" y="21"/>
                  </a:cubicBezTo>
                  <a:cubicBezTo>
                    <a:pt x="900" y="0"/>
                    <a:pt x="1152" y="0"/>
                    <a:pt x="1382" y="0"/>
                  </a:cubicBezTo>
                  <a:cubicBezTo>
                    <a:pt x="1988" y="21"/>
                    <a:pt x="2365" y="377"/>
                    <a:pt x="2428" y="983"/>
                  </a:cubicBezTo>
                  <a:cubicBezTo>
                    <a:pt x="2512" y="1841"/>
                    <a:pt x="2449" y="2720"/>
                    <a:pt x="2093" y="3515"/>
                  </a:cubicBezTo>
                  <a:cubicBezTo>
                    <a:pt x="1988" y="3766"/>
                    <a:pt x="1905" y="4017"/>
                    <a:pt x="1821" y="4289"/>
                  </a:cubicBezTo>
                  <a:cubicBezTo>
                    <a:pt x="1800" y="4520"/>
                    <a:pt x="1779" y="4771"/>
                    <a:pt x="1716" y="5084"/>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1" name="Google Shape;372;p37">
              <a:extLst>
                <a:ext uri="{FF2B5EF4-FFF2-40B4-BE49-F238E27FC236}">
                  <a16:creationId xmlns:a16="http://schemas.microsoft.com/office/drawing/2014/main" id="{447FE0E7-DFB0-087D-F046-E38E25A87A35}"/>
                </a:ext>
              </a:extLst>
            </p:cNvPr>
            <p:cNvSpPr/>
            <p:nvPr/>
          </p:nvSpPr>
          <p:spPr>
            <a:xfrm>
              <a:off x="-962000" y="1680125"/>
              <a:ext cx="111975" cy="75875"/>
            </a:xfrm>
            <a:custGeom>
              <a:avLst/>
              <a:gdLst/>
              <a:ahLst/>
              <a:cxnLst/>
              <a:rect l="l" t="t" r="r" b="b"/>
              <a:pathLst>
                <a:path w="4479" h="3035" extrusionOk="0">
                  <a:moveTo>
                    <a:pt x="1" y="2993"/>
                  </a:moveTo>
                  <a:cubicBezTo>
                    <a:pt x="503" y="1968"/>
                    <a:pt x="984" y="1026"/>
                    <a:pt x="1444" y="106"/>
                  </a:cubicBezTo>
                  <a:cubicBezTo>
                    <a:pt x="2177" y="1"/>
                    <a:pt x="2867" y="64"/>
                    <a:pt x="3558" y="106"/>
                  </a:cubicBezTo>
                  <a:cubicBezTo>
                    <a:pt x="4144" y="126"/>
                    <a:pt x="4478" y="963"/>
                    <a:pt x="4081" y="1424"/>
                  </a:cubicBezTo>
                  <a:cubicBezTo>
                    <a:pt x="3244" y="2323"/>
                    <a:pt x="2302" y="3035"/>
                    <a:pt x="1005" y="3035"/>
                  </a:cubicBezTo>
                  <a:cubicBezTo>
                    <a:pt x="691" y="3035"/>
                    <a:pt x="398" y="3014"/>
                    <a:pt x="1" y="2993"/>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 name="Google Shape;373;p37">
              <a:extLst>
                <a:ext uri="{FF2B5EF4-FFF2-40B4-BE49-F238E27FC236}">
                  <a16:creationId xmlns:a16="http://schemas.microsoft.com/office/drawing/2014/main" id="{EDC3E02D-0353-BACF-31D2-09A9CC2D09AC}"/>
                </a:ext>
              </a:extLst>
            </p:cNvPr>
            <p:cNvSpPr/>
            <p:nvPr/>
          </p:nvSpPr>
          <p:spPr>
            <a:xfrm>
              <a:off x="-1511775" y="1933300"/>
              <a:ext cx="91050" cy="34025"/>
            </a:xfrm>
            <a:custGeom>
              <a:avLst/>
              <a:gdLst/>
              <a:ahLst/>
              <a:cxnLst/>
              <a:rect l="l" t="t" r="r" b="b"/>
              <a:pathLst>
                <a:path w="3642" h="1361" extrusionOk="0">
                  <a:moveTo>
                    <a:pt x="3642" y="650"/>
                  </a:moveTo>
                  <a:cubicBezTo>
                    <a:pt x="3265" y="901"/>
                    <a:pt x="3014" y="1131"/>
                    <a:pt x="2700" y="1361"/>
                  </a:cubicBezTo>
                  <a:lnTo>
                    <a:pt x="1382" y="1361"/>
                  </a:lnTo>
                  <a:cubicBezTo>
                    <a:pt x="1235" y="1361"/>
                    <a:pt x="1110" y="1319"/>
                    <a:pt x="942" y="1298"/>
                  </a:cubicBezTo>
                  <a:cubicBezTo>
                    <a:pt x="336" y="1131"/>
                    <a:pt x="1" y="733"/>
                    <a:pt x="22" y="1"/>
                  </a:cubicBezTo>
                  <a:cubicBezTo>
                    <a:pt x="1214" y="189"/>
                    <a:pt x="2344" y="419"/>
                    <a:pt x="3642" y="650"/>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3" name="Google Shape;374;p37">
              <a:extLst>
                <a:ext uri="{FF2B5EF4-FFF2-40B4-BE49-F238E27FC236}">
                  <a16:creationId xmlns:a16="http://schemas.microsoft.com/office/drawing/2014/main" id="{03E5528F-114A-D3D6-E464-292CB2647835}"/>
                </a:ext>
              </a:extLst>
            </p:cNvPr>
            <p:cNvSpPr/>
            <p:nvPr/>
          </p:nvSpPr>
          <p:spPr>
            <a:xfrm>
              <a:off x="-1642025" y="2339750"/>
              <a:ext cx="50775" cy="56525"/>
            </a:xfrm>
            <a:custGeom>
              <a:avLst/>
              <a:gdLst/>
              <a:ahLst/>
              <a:cxnLst/>
              <a:rect l="l" t="t" r="r" b="b"/>
              <a:pathLst>
                <a:path w="2031" h="2261" extrusionOk="0">
                  <a:moveTo>
                    <a:pt x="1" y="670"/>
                  </a:moveTo>
                  <a:cubicBezTo>
                    <a:pt x="691" y="105"/>
                    <a:pt x="1340" y="105"/>
                    <a:pt x="2031" y="1"/>
                  </a:cubicBezTo>
                  <a:lnTo>
                    <a:pt x="2031" y="1863"/>
                  </a:lnTo>
                  <a:cubicBezTo>
                    <a:pt x="1842" y="1967"/>
                    <a:pt x="1654" y="2093"/>
                    <a:pt x="1424" y="2260"/>
                  </a:cubicBezTo>
                  <a:cubicBezTo>
                    <a:pt x="838" y="1821"/>
                    <a:pt x="357" y="1319"/>
                    <a:pt x="1" y="670"/>
                  </a:cubicBezTo>
                  <a:close/>
                </a:path>
              </a:pathLst>
            </a:custGeom>
            <a:solidFill>
              <a:srgbClr val="FFFFFF"/>
            </a:solidFill>
            <a:ln>
              <a:noFill/>
            </a:ln>
          </p:spPr>
          <p:txBody>
            <a:bodyPr spcFirstLastPara="1" wrap="square" lIns="91425" tIns="91425" rIns="91425" bIns="91425" anchor="ctr" anchorCtr="0">
              <a:noAutofit/>
            </a:bodyPr>
            <a:lstStyle/>
            <a:p>
              <a:endParaRPr/>
            </a:p>
          </p:txBody>
        </p:sp>
        <p:sp>
          <p:nvSpPr>
            <p:cNvPr id="24" name="Google Shape;375;p37">
              <a:extLst>
                <a:ext uri="{FF2B5EF4-FFF2-40B4-BE49-F238E27FC236}">
                  <a16:creationId xmlns:a16="http://schemas.microsoft.com/office/drawing/2014/main" id="{0FA6E66C-6B4B-A8A8-097C-84A360E0426C}"/>
                </a:ext>
              </a:extLst>
            </p:cNvPr>
            <p:cNvSpPr/>
            <p:nvPr/>
          </p:nvSpPr>
          <p:spPr>
            <a:xfrm>
              <a:off x="-1752375" y="2221000"/>
              <a:ext cx="55975" cy="30900"/>
            </a:xfrm>
            <a:custGeom>
              <a:avLst/>
              <a:gdLst/>
              <a:ahLst/>
              <a:cxnLst/>
              <a:rect l="l" t="t" r="r" b="b"/>
              <a:pathLst>
                <a:path w="2239" h="1236" extrusionOk="0">
                  <a:moveTo>
                    <a:pt x="0" y="294"/>
                  </a:moveTo>
                  <a:cubicBezTo>
                    <a:pt x="167" y="85"/>
                    <a:pt x="293" y="1"/>
                    <a:pt x="502" y="85"/>
                  </a:cubicBezTo>
                  <a:cubicBezTo>
                    <a:pt x="942" y="210"/>
                    <a:pt x="1360" y="503"/>
                    <a:pt x="1883" y="461"/>
                  </a:cubicBezTo>
                  <a:cubicBezTo>
                    <a:pt x="2092" y="461"/>
                    <a:pt x="2197" y="629"/>
                    <a:pt x="2218" y="817"/>
                  </a:cubicBezTo>
                  <a:cubicBezTo>
                    <a:pt x="2239" y="984"/>
                    <a:pt x="1988" y="1235"/>
                    <a:pt x="1799" y="1235"/>
                  </a:cubicBezTo>
                  <a:cubicBezTo>
                    <a:pt x="1695" y="1235"/>
                    <a:pt x="1569" y="1194"/>
                    <a:pt x="1465" y="1152"/>
                  </a:cubicBezTo>
                  <a:cubicBezTo>
                    <a:pt x="963" y="838"/>
                    <a:pt x="502" y="545"/>
                    <a:pt x="0" y="294"/>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5" name="Google Shape;376;p37">
              <a:extLst>
                <a:ext uri="{FF2B5EF4-FFF2-40B4-BE49-F238E27FC236}">
                  <a16:creationId xmlns:a16="http://schemas.microsoft.com/office/drawing/2014/main" id="{AD531A44-D791-DF68-3E04-A65AEE329B49}"/>
                </a:ext>
              </a:extLst>
            </p:cNvPr>
            <p:cNvSpPr/>
            <p:nvPr/>
          </p:nvSpPr>
          <p:spPr>
            <a:xfrm>
              <a:off x="-1726750" y="2191725"/>
              <a:ext cx="24075" cy="22500"/>
            </a:xfrm>
            <a:custGeom>
              <a:avLst/>
              <a:gdLst/>
              <a:ahLst/>
              <a:cxnLst/>
              <a:rect l="l" t="t" r="r" b="b"/>
              <a:pathLst>
                <a:path w="963" h="900" extrusionOk="0">
                  <a:moveTo>
                    <a:pt x="0" y="481"/>
                  </a:moveTo>
                  <a:cubicBezTo>
                    <a:pt x="210" y="147"/>
                    <a:pt x="461" y="21"/>
                    <a:pt x="837" y="0"/>
                  </a:cubicBezTo>
                  <a:cubicBezTo>
                    <a:pt x="879" y="209"/>
                    <a:pt x="921" y="440"/>
                    <a:pt x="963" y="649"/>
                  </a:cubicBezTo>
                  <a:cubicBezTo>
                    <a:pt x="565" y="900"/>
                    <a:pt x="335" y="649"/>
                    <a:pt x="0" y="481"/>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6" name="Google Shape;377;p37">
              <a:extLst>
                <a:ext uri="{FF2B5EF4-FFF2-40B4-BE49-F238E27FC236}">
                  <a16:creationId xmlns:a16="http://schemas.microsoft.com/office/drawing/2014/main" id="{70A2DA7E-875A-AA0C-660C-5C67D771DD38}"/>
                </a:ext>
              </a:extLst>
            </p:cNvPr>
            <p:cNvSpPr/>
            <p:nvPr/>
          </p:nvSpPr>
          <p:spPr>
            <a:xfrm>
              <a:off x="-1748200" y="1455700"/>
              <a:ext cx="211250" cy="206300"/>
            </a:xfrm>
            <a:custGeom>
              <a:avLst/>
              <a:gdLst/>
              <a:ahLst/>
              <a:cxnLst/>
              <a:rect l="l" t="t" r="r" b="b"/>
              <a:pathLst>
                <a:path w="8450" h="8252" extrusionOk="0">
                  <a:moveTo>
                    <a:pt x="3345" y="1"/>
                  </a:moveTo>
                  <a:cubicBezTo>
                    <a:pt x="2812" y="1"/>
                    <a:pt x="2295" y="220"/>
                    <a:pt x="1842" y="734"/>
                  </a:cubicBezTo>
                  <a:cubicBezTo>
                    <a:pt x="1612" y="1006"/>
                    <a:pt x="1402" y="1341"/>
                    <a:pt x="1277" y="1696"/>
                  </a:cubicBezTo>
                  <a:cubicBezTo>
                    <a:pt x="524" y="2073"/>
                    <a:pt x="0" y="2784"/>
                    <a:pt x="63" y="4019"/>
                  </a:cubicBezTo>
                  <a:cubicBezTo>
                    <a:pt x="168" y="5505"/>
                    <a:pt x="1068" y="6760"/>
                    <a:pt x="2218" y="7430"/>
                  </a:cubicBezTo>
                  <a:cubicBezTo>
                    <a:pt x="2637" y="7869"/>
                    <a:pt x="3160" y="8204"/>
                    <a:pt x="3829" y="8246"/>
                  </a:cubicBezTo>
                  <a:cubicBezTo>
                    <a:pt x="3883" y="8250"/>
                    <a:pt x="3936" y="8252"/>
                    <a:pt x="3988" y="8252"/>
                  </a:cubicBezTo>
                  <a:cubicBezTo>
                    <a:pt x="4446" y="8252"/>
                    <a:pt x="4849" y="8092"/>
                    <a:pt x="5169" y="7848"/>
                  </a:cubicBezTo>
                  <a:cubicBezTo>
                    <a:pt x="5817" y="7639"/>
                    <a:pt x="6424" y="7220"/>
                    <a:pt x="6926" y="6551"/>
                  </a:cubicBezTo>
                  <a:cubicBezTo>
                    <a:pt x="8450" y="4445"/>
                    <a:pt x="5744" y="1"/>
                    <a:pt x="3345" y="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7" name="Google Shape;378;p37">
              <a:extLst>
                <a:ext uri="{FF2B5EF4-FFF2-40B4-BE49-F238E27FC236}">
                  <a16:creationId xmlns:a16="http://schemas.microsoft.com/office/drawing/2014/main" id="{770FE44B-4F8F-6164-8085-53EF3B7DE939}"/>
                </a:ext>
              </a:extLst>
            </p:cNvPr>
            <p:cNvSpPr/>
            <p:nvPr/>
          </p:nvSpPr>
          <p:spPr>
            <a:xfrm>
              <a:off x="-1228775" y="1649625"/>
              <a:ext cx="220250" cy="167775"/>
            </a:xfrm>
            <a:custGeom>
              <a:avLst/>
              <a:gdLst/>
              <a:ahLst/>
              <a:cxnLst/>
              <a:rect l="l" t="t" r="r" b="b"/>
              <a:pathLst>
                <a:path w="8810" h="6711" extrusionOk="0">
                  <a:moveTo>
                    <a:pt x="5246" y="1"/>
                  </a:moveTo>
                  <a:cubicBezTo>
                    <a:pt x="4260" y="1"/>
                    <a:pt x="3239" y="372"/>
                    <a:pt x="2511" y="970"/>
                  </a:cubicBezTo>
                  <a:cubicBezTo>
                    <a:pt x="2490" y="991"/>
                    <a:pt x="2449" y="1012"/>
                    <a:pt x="2407" y="1033"/>
                  </a:cubicBezTo>
                  <a:cubicBezTo>
                    <a:pt x="2260" y="1137"/>
                    <a:pt x="2114" y="1284"/>
                    <a:pt x="1988" y="1409"/>
                  </a:cubicBezTo>
                  <a:cubicBezTo>
                    <a:pt x="1528" y="1702"/>
                    <a:pt x="1130" y="2037"/>
                    <a:pt x="879" y="2455"/>
                  </a:cubicBezTo>
                  <a:cubicBezTo>
                    <a:pt x="1" y="3711"/>
                    <a:pt x="817" y="5196"/>
                    <a:pt x="1967" y="5908"/>
                  </a:cubicBezTo>
                  <a:cubicBezTo>
                    <a:pt x="2344" y="6305"/>
                    <a:pt x="2804" y="6619"/>
                    <a:pt x="3348" y="6682"/>
                  </a:cubicBezTo>
                  <a:cubicBezTo>
                    <a:pt x="3469" y="6701"/>
                    <a:pt x="3588" y="6711"/>
                    <a:pt x="3704" y="6711"/>
                  </a:cubicBezTo>
                  <a:cubicBezTo>
                    <a:pt x="4092" y="6711"/>
                    <a:pt x="4454" y="6608"/>
                    <a:pt x="4792" y="6431"/>
                  </a:cubicBezTo>
                  <a:cubicBezTo>
                    <a:pt x="5503" y="6326"/>
                    <a:pt x="6194" y="6033"/>
                    <a:pt x="6780" y="5573"/>
                  </a:cubicBezTo>
                  <a:cubicBezTo>
                    <a:pt x="8119" y="4464"/>
                    <a:pt x="8809" y="2560"/>
                    <a:pt x="7638" y="1074"/>
                  </a:cubicBezTo>
                  <a:cubicBezTo>
                    <a:pt x="7044" y="320"/>
                    <a:pt x="6160" y="1"/>
                    <a:pt x="5246" y="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8" name="Google Shape;379;p37">
              <a:extLst>
                <a:ext uri="{FF2B5EF4-FFF2-40B4-BE49-F238E27FC236}">
                  <a16:creationId xmlns:a16="http://schemas.microsoft.com/office/drawing/2014/main" id="{72E342FA-976C-A6EB-211F-F88E5888BB29}"/>
                </a:ext>
              </a:extLst>
            </p:cNvPr>
            <p:cNvSpPr/>
            <p:nvPr/>
          </p:nvSpPr>
          <p:spPr>
            <a:xfrm>
              <a:off x="-2314175" y="910675"/>
              <a:ext cx="1628400" cy="1733025"/>
            </a:xfrm>
            <a:custGeom>
              <a:avLst/>
              <a:gdLst/>
              <a:ahLst/>
              <a:cxnLst/>
              <a:rect l="l" t="t" r="r" b="b"/>
              <a:pathLst>
                <a:path w="65136" h="69321" extrusionOk="0">
                  <a:moveTo>
                    <a:pt x="14626" y="54715"/>
                  </a:moveTo>
                  <a:cubicBezTo>
                    <a:pt x="14396" y="53397"/>
                    <a:pt x="14709" y="52309"/>
                    <a:pt x="15170" y="51221"/>
                  </a:cubicBezTo>
                  <a:cubicBezTo>
                    <a:pt x="15044" y="51096"/>
                    <a:pt x="14960" y="50970"/>
                    <a:pt x="14814" y="50845"/>
                  </a:cubicBezTo>
                  <a:cubicBezTo>
                    <a:pt x="14437" y="50552"/>
                    <a:pt x="14061" y="50238"/>
                    <a:pt x="13663" y="49966"/>
                  </a:cubicBezTo>
                  <a:cubicBezTo>
                    <a:pt x="12931" y="49506"/>
                    <a:pt x="12387" y="48878"/>
                    <a:pt x="11906" y="48166"/>
                  </a:cubicBezTo>
                  <a:cubicBezTo>
                    <a:pt x="11403" y="47434"/>
                    <a:pt x="10964" y="46702"/>
                    <a:pt x="10441" y="45990"/>
                  </a:cubicBezTo>
                  <a:cubicBezTo>
                    <a:pt x="9520" y="44777"/>
                    <a:pt x="9813" y="43354"/>
                    <a:pt x="10671" y="42266"/>
                  </a:cubicBezTo>
                  <a:cubicBezTo>
                    <a:pt x="10943" y="41910"/>
                    <a:pt x="11194" y="41596"/>
                    <a:pt x="11466" y="41283"/>
                  </a:cubicBezTo>
                  <a:cubicBezTo>
                    <a:pt x="11613" y="41115"/>
                    <a:pt x="11780" y="40927"/>
                    <a:pt x="11968" y="40801"/>
                  </a:cubicBezTo>
                  <a:cubicBezTo>
                    <a:pt x="13391" y="39692"/>
                    <a:pt x="14835" y="38625"/>
                    <a:pt x="16279" y="37537"/>
                  </a:cubicBezTo>
                  <a:cubicBezTo>
                    <a:pt x="16488" y="37370"/>
                    <a:pt x="16718" y="37244"/>
                    <a:pt x="16948" y="37077"/>
                  </a:cubicBezTo>
                  <a:cubicBezTo>
                    <a:pt x="17827" y="36554"/>
                    <a:pt x="18685" y="36093"/>
                    <a:pt x="19522" y="35549"/>
                  </a:cubicBezTo>
                  <a:cubicBezTo>
                    <a:pt x="20505" y="34922"/>
                    <a:pt x="21551" y="34399"/>
                    <a:pt x="22660" y="33980"/>
                  </a:cubicBezTo>
                  <a:cubicBezTo>
                    <a:pt x="22786" y="33917"/>
                    <a:pt x="22911" y="33876"/>
                    <a:pt x="23079" y="33792"/>
                  </a:cubicBezTo>
                  <a:cubicBezTo>
                    <a:pt x="23016" y="33624"/>
                    <a:pt x="22995" y="33520"/>
                    <a:pt x="22974" y="33415"/>
                  </a:cubicBezTo>
                  <a:cubicBezTo>
                    <a:pt x="22347" y="31888"/>
                    <a:pt x="21698" y="30360"/>
                    <a:pt x="21091" y="28812"/>
                  </a:cubicBezTo>
                  <a:cubicBezTo>
                    <a:pt x="20756" y="27871"/>
                    <a:pt x="20714" y="26887"/>
                    <a:pt x="20694" y="25883"/>
                  </a:cubicBezTo>
                  <a:cubicBezTo>
                    <a:pt x="20673" y="25318"/>
                    <a:pt x="20694" y="24732"/>
                    <a:pt x="20694" y="24188"/>
                  </a:cubicBezTo>
                  <a:cubicBezTo>
                    <a:pt x="20442" y="23979"/>
                    <a:pt x="20170" y="23832"/>
                    <a:pt x="19982" y="23581"/>
                  </a:cubicBezTo>
                  <a:cubicBezTo>
                    <a:pt x="19794" y="23372"/>
                    <a:pt x="19731" y="23121"/>
                    <a:pt x="19606" y="22891"/>
                  </a:cubicBezTo>
                  <a:cubicBezTo>
                    <a:pt x="19396" y="22535"/>
                    <a:pt x="19187" y="22200"/>
                    <a:pt x="18999" y="21886"/>
                  </a:cubicBezTo>
                  <a:cubicBezTo>
                    <a:pt x="18559" y="21154"/>
                    <a:pt x="18266" y="20380"/>
                    <a:pt x="18350" y="19480"/>
                  </a:cubicBezTo>
                  <a:cubicBezTo>
                    <a:pt x="18371" y="19083"/>
                    <a:pt x="18350" y="18706"/>
                    <a:pt x="18371" y="18308"/>
                  </a:cubicBezTo>
                  <a:cubicBezTo>
                    <a:pt x="18392" y="17681"/>
                    <a:pt x="18894" y="17179"/>
                    <a:pt x="19522" y="17137"/>
                  </a:cubicBezTo>
                  <a:lnTo>
                    <a:pt x="19606" y="17137"/>
                  </a:lnTo>
                  <a:cubicBezTo>
                    <a:pt x="21007" y="17074"/>
                    <a:pt x="21175" y="17158"/>
                    <a:pt x="22116" y="18329"/>
                  </a:cubicBezTo>
                  <a:cubicBezTo>
                    <a:pt x="22891" y="17471"/>
                    <a:pt x="23623" y="16551"/>
                    <a:pt x="24627" y="15902"/>
                  </a:cubicBezTo>
                  <a:cubicBezTo>
                    <a:pt x="24523" y="15714"/>
                    <a:pt x="24313" y="15818"/>
                    <a:pt x="24146" y="15798"/>
                  </a:cubicBezTo>
                  <a:cubicBezTo>
                    <a:pt x="23999" y="15777"/>
                    <a:pt x="23832" y="15798"/>
                    <a:pt x="23707" y="15798"/>
                  </a:cubicBezTo>
                  <a:cubicBezTo>
                    <a:pt x="23267" y="15818"/>
                    <a:pt x="22870" y="15630"/>
                    <a:pt x="22535" y="15400"/>
                  </a:cubicBezTo>
                  <a:cubicBezTo>
                    <a:pt x="22388" y="15295"/>
                    <a:pt x="22242" y="15170"/>
                    <a:pt x="22158" y="15002"/>
                  </a:cubicBezTo>
                  <a:cubicBezTo>
                    <a:pt x="21865" y="14521"/>
                    <a:pt x="22012" y="13308"/>
                    <a:pt x="22388" y="12889"/>
                  </a:cubicBezTo>
                  <a:cubicBezTo>
                    <a:pt x="22451" y="12805"/>
                    <a:pt x="22535" y="12764"/>
                    <a:pt x="22577" y="12701"/>
                  </a:cubicBezTo>
                  <a:cubicBezTo>
                    <a:pt x="23288" y="11613"/>
                    <a:pt x="24418" y="11090"/>
                    <a:pt x="25506" y="10546"/>
                  </a:cubicBezTo>
                  <a:cubicBezTo>
                    <a:pt x="25778" y="10399"/>
                    <a:pt x="26029" y="10274"/>
                    <a:pt x="26322" y="10148"/>
                  </a:cubicBezTo>
                  <a:cubicBezTo>
                    <a:pt x="26134" y="9604"/>
                    <a:pt x="25820" y="9144"/>
                    <a:pt x="25485" y="8767"/>
                  </a:cubicBezTo>
                  <a:cubicBezTo>
                    <a:pt x="25150" y="8370"/>
                    <a:pt x="25046" y="7951"/>
                    <a:pt x="25046" y="7428"/>
                  </a:cubicBezTo>
                  <a:cubicBezTo>
                    <a:pt x="25067" y="6675"/>
                    <a:pt x="25004" y="5943"/>
                    <a:pt x="25360" y="5210"/>
                  </a:cubicBezTo>
                  <a:cubicBezTo>
                    <a:pt x="25569" y="4792"/>
                    <a:pt x="25778" y="4415"/>
                    <a:pt x="26155" y="4122"/>
                  </a:cubicBezTo>
                  <a:cubicBezTo>
                    <a:pt x="26343" y="3997"/>
                    <a:pt x="26510" y="3871"/>
                    <a:pt x="26657" y="3746"/>
                  </a:cubicBezTo>
                  <a:cubicBezTo>
                    <a:pt x="27264" y="3160"/>
                    <a:pt x="27975" y="2950"/>
                    <a:pt x="28812" y="3013"/>
                  </a:cubicBezTo>
                  <a:cubicBezTo>
                    <a:pt x="29356" y="3034"/>
                    <a:pt x="29879" y="3055"/>
                    <a:pt x="30235" y="3557"/>
                  </a:cubicBezTo>
                  <a:cubicBezTo>
                    <a:pt x="30318" y="3662"/>
                    <a:pt x="30507" y="3683"/>
                    <a:pt x="30611" y="3746"/>
                  </a:cubicBezTo>
                  <a:cubicBezTo>
                    <a:pt x="30841" y="3578"/>
                    <a:pt x="30758" y="3390"/>
                    <a:pt x="30800" y="3222"/>
                  </a:cubicBezTo>
                  <a:cubicBezTo>
                    <a:pt x="30821" y="3055"/>
                    <a:pt x="30821" y="2909"/>
                    <a:pt x="30800" y="2762"/>
                  </a:cubicBezTo>
                  <a:cubicBezTo>
                    <a:pt x="30632" y="1549"/>
                    <a:pt x="31867" y="335"/>
                    <a:pt x="33038" y="105"/>
                  </a:cubicBezTo>
                  <a:cubicBezTo>
                    <a:pt x="33582" y="0"/>
                    <a:pt x="34085" y="126"/>
                    <a:pt x="34482" y="502"/>
                  </a:cubicBezTo>
                  <a:cubicBezTo>
                    <a:pt x="34838" y="837"/>
                    <a:pt x="35215" y="1193"/>
                    <a:pt x="35528" y="1611"/>
                  </a:cubicBezTo>
                  <a:cubicBezTo>
                    <a:pt x="36051" y="2323"/>
                    <a:pt x="36512" y="3055"/>
                    <a:pt x="36888" y="3850"/>
                  </a:cubicBezTo>
                  <a:cubicBezTo>
                    <a:pt x="36993" y="4059"/>
                    <a:pt x="37119" y="4227"/>
                    <a:pt x="37286" y="4499"/>
                  </a:cubicBezTo>
                  <a:cubicBezTo>
                    <a:pt x="37495" y="4101"/>
                    <a:pt x="37621" y="3766"/>
                    <a:pt x="37809" y="3474"/>
                  </a:cubicBezTo>
                  <a:cubicBezTo>
                    <a:pt x="38500" y="2448"/>
                    <a:pt x="39378" y="1590"/>
                    <a:pt x="40383" y="858"/>
                  </a:cubicBezTo>
                  <a:cubicBezTo>
                    <a:pt x="40948" y="461"/>
                    <a:pt x="41575" y="293"/>
                    <a:pt x="42245" y="314"/>
                  </a:cubicBezTo>
                  <a:cubicBezTo>
                    <a:pt x="42977" y="335"/>
                    <a:pt x="43689" y="314"/>
                    <a:pt x="44421" y="314"/>
                  </a:cubicBezTo>
                  <a:cubicBezTo>
                    <a:pt x="44735" y="314"/>
                    <a:pt x="45028" y="398"/>
                    <a:pt x="45258" y="565"/>
                  </a:cubicBezTo>
                  <a:cubicBezTo>
                    <a:pt x="45614" y="837"/>
                    <a:pt x="46011" y="1046"/>
                    <a:pt x="46388" y="1339"/>
                  </a:cubicBezTo>
                  <a:cubicBezTo>
                    <a:pt x="47455" y="2176"/>
                    <a:pt x="48166" y="3181"/>
                    <a:pt x="48166" y="4603"/>
                  </a:cubicBezTo>
                  <a:cubicBezTo>
                    <a:pt x="48166" y="4708"/>
                    <a:pt x="48187" y="4813"/>
                    <a:pt x="48229" y="5022"/>
                  </a:cubicBezTo>
                  <a:cubicBezTo>
                    <a:pt x="48522" y="4813"/>
                    <a:pt x="48794" y="4687"/>
                    <a:pt x="49024" y="4499"/>
                  </a:cubicBezTo>
                  <a:cubicBezTo>
                    <a:pt x="49736" y="3976"/>
                    <a:pt x="50510" y="3704"/>
                    <a:pt x="51368" y="3766"/>
                  </a:cubicBezTo>
                  <a:cubicBezTo>
                    <a:pt x="51849" y="3787"/>
                    <a:pt x="52351" y="3766"/>
                    <a:pt x="52811" y="3766"/>
                  </a:cubicBezTo>
                  <a:cubicBezTo>
                    <a:pt x="53544" y="3787"/>
                    <a:pt x="54171" y="3997"/>
                    <a:pt x="54673" y="4541"/>
                  </a:cubicBezTo>
                  <a:cubicBezTo>
                    <a:pt x="54820" y="4729"/>
                    <a:pt x="55008" y="4896"/>
                    <a:pt x="55176" y="5064"/>
                  </a:cubicBezTo>
                  <a:cubicBezTo>
                    <a:pt x="55238" y="5147"/>
                    <a:pt x="55343" y="5252"/>
                    <a:pt x="55385" y="5357"/>
                  </a:cubicBezTo>
                  <a:cubicBezTo>
                    <a:pt x="55531" y="6047"/>
                    <a:pt x="55866" y="6717"/>
                    <a:pt x="55615" y="7512"/>
                  </a:cubicBezTo>
                  <a:lnTo>
                    <a:pt x="56054" y="7512"/>
                  </a:lnTo>
                  <a:cubicBezTo>
                    <a:pt x="56347" y="7470"/>
                    <a:pt x="56661" y="7428"/>
                    <a:pt x="56954" y="7407"/>
                  </a:cubicBezTo>
                  <a:cubicBezTo>
                    <a:pt x="57394" y="7365"/>
                    <a:pt x="57854" y="7428"/>
                    <a:pt x="58314" y="7407"/>
                  </a:cubicBezTo>
                  <a:cubicBezTo>
                    <a:pt x="59507" y="7324"/>
                    <a:pt x="60469" y="7847"/>
                    <a:pt x="61285" y="8663"/>
                  </a:cubicBezTo>
                  <a:cubicBezTo>
                    <a:pt x="61516" y="8893"/>
                    <a:pt x="61725" y="9144"/>
                    <a:pt x="61913" y="9416"/>
                  </a:cubicBezTo>
                  <a:cubicBezTo>
                    <a:pt x="62666" y="10399"/>
                    <a:pt x="62666" y="11299"/>
                    <a:pt x="61871" y="12261"/>
                  </a:cubicBezTo>
                  <a:cubicBezTo>
                    <a:pt x="61767" y="12366"/>
                    <a:pt x="61683" y="12492"/>
                    <a:pt x="61599" y="12596"/>
                  </a:cubicBezTo>
                  <a:cubicBezTo>
                    <a:pt x="61725" y="12847"/>
                    <a:pt x="61934" y="12743"/>
                    <a:pt x="62101" y="12785"/>
                  </a:cubicBezTo>
                  <a:cubicBezTo>
                    <a:pt x="62541" y="12952"/>
                    <a:pt x="63022" y="13078"/>
                    <a:pt x="63440" y="13287"/>
                  </a:cubicBezTo>
                  <a:cubicBezTo>
                    <a:pt x="63984" y="13580"/>
                    <a:pt x="64340" y="14019"/>
                    <a:pt x="64487" y="14668"/>
                  </a:cubicBezTo>
                  <a:cubicBezTo>
                    <a:pt x="64591" y="15254"/>
                    <a:pt x="64654" y="15798"/>
                    <a:pt x="64633" y="16363"/>
                  </a:cubicBezTo>
                  <a:cubicBezTo>
                    <a:pt x="64633" y="17095"/>
                    <a:pt x="64298" y="17618"/>
                    <a:pt x="63692" y="17995"/>
                  </a:cubicBezTo>
                  <a:cubicBezTo>
                    <a:pt x="63482" y="18120"/>
                    <a:pt x="63294" y="18225"/>
                    <a:pt x="63043" y="18392"/>
                  </a:cubicBezTo>
                  <a:cubicBezTo>
                    <a:pt x="63189" y="18873"/>
                    <a:pt x="63399" y="19292"/>
                    <a:pt x="63712" y="19668"/>
                  </a:cubicBezTo>
                  <a:cubicBezTo>
                    <a:pt x="63901" y="19878"/>
                    <a:pt x="64026" y="20108"/>
                    <a:pt x="64131" y="20338"/>
                  </a:cubicBezTo>
                  <a:cubicBezTo>
                    <a:pt x="64319" y="20756"/>
                    <a:pt x="64487" y="21175"/>
                    <a:pt x="64654" y="21593"/>
                  </a:cubicBezTo>
                  <a:cubicBezTo>
                    <a:pt x="65135" y="22640"/>
                    <a:pt x="64717" y="23623"/>
                    <a:pt x="63650" y="24000"/>
                  </a:cubicBezTo>
                  <a:cubicBezTo>
                    <a:pt x="62959" y="24272"/>
                    <a:pt x="62290" y="24481"/>
                    <a:pt x="61516" y="24460"/>
                  </a:cubicBezTo>
                  <a:cubicBezTo>
                    <a:pt x="61160" y="24899"/>
                    <a:pt x="60992" y="25422"/>
                    <a:pt x="60825" y="25925"/>
                  </a:cubicBezTo>
                  <a:cubicBezTo>
                    <a:pt x="60658" y="26364"/>
                    <a:pt x="60407" y="26699"/>
                    <a:pt x="60030" y="27013"/>
                  </a:cubicBezTo>
                  <a:cubicBezTo>
                    <a:pt x="59570" y="27410"/>
                    <a:pt x="59047" y="27598"/>
                    <a:pt x="58440" y="27389"/>
                  </a:cubicBezTo>
                  <a:cubicBezTo>
                    <a:pt x="58105" y="27285"/>
                    <a:pt x="57749" y="27138"/>
                    <a:pt x="57414" y="27034"/>
                  </a:cubicBezTo>
                  <a:cubicBezTo>
                    <a:pt x="57268" y="26992"/>
                    <a:pt x="57080" y="26908"/>
                    <a:pt x="56891" y="26824"/>
                  </a:cubicBezTo>
                  <a:cubicBezTo>
                    <a:pt x="56557" y="27933"/>
                    <a:pt x="56034" y="28979"/>
                    <a:pt x="55824" y="30151"/>
                  </a:cubicBezTo>
                  <a:lnTo>
                    <a:pt x="57394" y="30151"/>
                  </a:lnTo>
                  <a:cubicBezTo>
                    <a:pt x="57958" y="30172"/>
                    <a:pt x="58440" y="30381"/>
                    <a:pt x="58775" y="30863"/>
                  </a:cubicBezTo>
                  <a:cubicBezTo>
                    <a:pt x="59235" y="31511"/>
                    <a:pt x="59277" y="32139"/>
                    <a:pt x="58754" y="32746"/>
                  </a:cubicBezTo>
                  <a:cubicBezTo>
                    <a:pt x="57666" y="33938"/>
                    <a:pt x="56389" y="34796"/>
                    <a:pt x="54694" y="34754"/>
                  </a:cubicBezTo>
                  <a:cubicBezTo>
                    <a:pt x="54150" y="34733"/>
                    <a:pt x="53627" y="34713"/>
                    <a:pt x="52958" y="34671"/>
                  </a:cubicBezTo>
                  <a:cubicBezTo>
                    <a:pt x="52288" y="35319"/>
                    <a:pt x="51598" y="36052"/>
                    <a:pt x="50824" y="36721"/>
                  </a:cubicBezTo>
                  <a:cubicBezTo>
                    <a:pt x="50070" y="37349"/>
                    <a:pt x="49233" y="37872"/>
                    <a:pt x="48417" y="38437"/>
                  </a:cubicBezTo>
                  <a:cubicBezTo>
                    <a:pt x="48438" y="38667"/>
                    <a:pt x="48627" y="38646"/>
                    <a:pt x="48752" y="38667"/>
                  </a:cubicBezTo>
                  <a:cubicBezTo>
                    <a:pt x="49464" y="38897"/>
                    <a:pt x="50112" y="39169"/>
                    <a:pt x="50740" y="39546"/>
                  </a:cubicBezTo>
                  <a:cubicBezTo>
                    <a:pt x="51556" y="40006"/>
                    <a:pt x="52372" y="40467"/>
                    <a:pt x="53251" y="40759"/>
                  </a:cubicBezTo>
                  <a:cubicBezTo>
                    <a:pt x="53355" y="40822"/>
                    <a:pt x="53481" y="40843"/>
                    <a:pt x="53585" y="40927"/>
                  </a:cubicBezTo>
                  <a:cubicBezTo>
                    <a:pt x="55197" y="41847"/>
                    <a:pt x="56808" y="42705"/>
                    <a:pt x="58293" y="43772"/>
                  </a:cubicBezTo>
                  <a:cubicBezTo>
                    <a:pt x="59026" y="44296"/>
                    <a:pt x="59507" y="44986"/>
                    <a:pt x="59695" y="45823"/>
                  </a:cubicBezTo>
                  <a:cubicBezTo>
                    <a:pt x="59863" y="46702"/>
                    <a:pt x="59632" y="47560"/>
                    <a:pt x="59026" y="48250"/>
                  </a:cubicBezTo>
                  <a:cubicBezTo>
                    <a:pt x="58503" y="48857"/>
                    <a:pt x="57875" y="49401"/>
                    <a:pt x="57247" y="49924"/>
                  </a:cubicBezTo>
                  <a:cubicBezTo>
                    <a:pt x="55531" y="51368"/>
                    <a:pt x="53565" y="52414"/>
                    <a:pt x="51640" y="53502"/>
                  </a:cubicBezTo>
                  <a:cubicBezTo>
                    <a:pt x="51075" y="53816"/>
                    <a:pt x="50447" y="53941"/>
                    <a:pt x="49861" y="54171"/>
                  </a:cubicBezTo>
                  <a:cubicBezTo>
                    <a:pt x="49484" y="54297"/>
                    <a:pt x="49359" y="54381"/>
                    <a:pt x="49359" y="54695"/>
                  </a:cubicBezTo>
                  <a:cubicBezTo>
                    <a:pt x="49359" y="55490"/>
                    <a:pt x="49359" y="56306"/>
                    <a:pt x="49401" y="57143"/>
                  </a:cubicBezTo>
                  <a:cubicBezTo>
                    <a:pt x="49652" y="57164"/>
                    <a:pt x="49798" y="57226"/>
                    <a:pt x="49987" y="57226"/>
                  </a:cubicBezTo>
                  <a:cubicBezTo>
                    <a:pt x="51368" y="57373"/>
                    <a:pt x="52707" y="57708"/>
                    <a:pt x="53983" y="58273"/>
                  </a:cubicBezTo>
                  <a:cubicBezTo>
                    <a:pt x="54820" y="58607"/>
                    <a:pt x="55657" y="58963"/>
                    <a:pt x="56473" y="59319"/>
                  </a:cubicBezTo>
                  <a:cubicBezTo>
                    <a:pt x="56766" y="59444"/>
                    <a:pt x="56975" y="59570"/>
                    <a:pt x="57059" y="59946"/>
                  </a:cubicBezTo>
                  <a:cubicBezTo>
                    <a:pt x="57122" y="60197"/>
                    <a:pt x="57373" y="60428"/>
                    <a:pt x="57519" y="60700"/>
                  </a:cubicBezTo>
                  <a:cubicBezTo>
                    <a:pt x="57917" y="61306"/>
                    <a:pt x="58293" y="61892"/>
                    <a:pt x="58775" y="62457"/>
                  </a:cubicBezTo>
                  <a:cubicBezTo>
                    <a:pt x="59423" y="63210"/>
                    <a:pt x="59800" y="64152"/>
                    <a:pt x="60218" y="65031"/>
                  </a:cubicBezTo>
                  <a:cubicBezTo>
                    <a:pt x="60344" y="65324"/>
                    <a:pt x="60490" y="65638"/>
                    <a:pt x="60574" y="65951"/>
                  </a:cubicBezTo>
                  <a:cubicBezTo>
                    <a:pt x="60637" y="66119"/>
                    <a:pt x="60574" y="66286"/>
                    <a:pt x="60553" y="66475"/>
                  </a:cubicBezTo>
                  <a:cubicBezTo>
                    <a:pt x="60532" y="66600"/>
                    <a:pt x="60260" y="66684"/>
                    <a:pt x="60176" y="66579"/>
                  </a:cubicBezTo>
                  <a:cubicBezTo>
                    <a:pt x="60009" y="66370"/>
                    <a:pt x="59821" y="66182"/>
                    <a:pt x="59695" y="65951"/>
                  </a:cubicBezTo>
                  <a:cubicBezTo>
                    <a:pt x="59507" y="65659"/>
                    <a:pt x="59319" y="65428"/>
                    <a:pt x="58900" y="65407"/>
                  </a:cubicBezTo>
                  <a:cubicBezTo>
                    <a:pt x="58900" y="65533"/>
                    <a:pt x="58900" y="65617"/>
                    <a:pt x="58921" y="65700"/>
                  </a:cubicBezTo>
                  <a:cubicBezTo>
                    <a:pt x="59193" y="66286"/>
                    <a:pt x="59507" y="66872"/>
                    <a:pt x="59737" y="67479"/>
                  </a:cubicBezTo>
                  <a:cubicBezTo>
                    <a:pt x="59821" y="67688"/>
                    <a:pt x="59737" y="67939"/>
                    <a:pt x="59737" y="68232"/>
                  </a:cubicBezTo>
                  <a:cubicBezTo>
                    <a:pt x="59863" y="68337"/>
                    <a:pt x="60030" y="68462"/>
                    <a:pt x="60197" y="68588"/>
                  </a:cubicBezTo>
                  <a:cubicBezTo>
                    <a:pt x="60344" y="68734"/>
                    <a:pt x="60386" y="68881"/>
                    <a:pt x="60323" y="69069"/>
                  </a:cubicBezTo>
                  <a:cubicBezTo>
                    <a:pt x="60218" y="69257"/>
                    <a:pt x="60051" y="69320"/>
                    <a:pt x="59863" y="69299"/>
                  </a:cubicBezTo>
                  <a:cubicBezTo>
                    <a:pt x="59758" y="69278"/>
                    <a:pt x="59611" y="69257"/>
                    <a:pt x="59528" y="69174"/>
                  </a:cubicBezTo>
                  <a:cubicBezTo>
                    <a:pt x="58754" y="68358"/>
                    <a:pt x="57707" y="68148"/>
                    <a:pt x="56682" y="67897"/>
                  </a:cubicBezTo>
                  <a:cubicBezTo>
                    <a:pt x="55280" y="67542"/>
                    <a:pt x="53857" y="67291"/>
                    <a:pt x="52435" y="67019"/>
                  </a:cubicBezTo>
                  <a:cubicBezTo>
                    <a:pt x="51953" y="66914"/>
                    <a:pt x="51430" y="66893"/>
                    <a:pt x="50928" y="66893"/>
                  </a:cubicBezTo>
                  <a:cubicBezTo>
                    <a:pt x="50049" y="66893"/>
                    <a:pt x="49171" y="66809"/>
                    <a:pt x="48313" y="66684"/>
                  </a:cubicBezTo>
                  <a:cubicBezTo>
                    <a:pt x="47894" y="66642"/>
                    <a:pt x="47476" y="66600"/>
                    <a:pt x="47057" y="66600"/>
                  </a:cubicBezTo>
                  <a:cubicBezTo>
                    <a:pt x="43458" y="66579"/>
                    <a:pt x="39839" y="66558"/>
                    <a:pt x="36198" y="66558"/>
                  </a:cubicBezTo>
                  <a:cubicBezTo>
                    <a:pt x="35570" y="66558"/>
                    <a:pt x="34943" y="66705"/>
                    <a:pt x="34315" y="66767"/>
                  </a:cubicBezTo>
                  <a:cubicBezTo>
                    <a:pt x="34064" y="66788"/>
                    <a:pt x="33834" y="66914"/>
                    <a:pt x="33541" y="66809"/>
                  </a:cubicBezTo>
                  <a:cubicBezTo>
                    <a:pt x="33394" y="66767"/>
                    <a:pt x="33164" y="66977"/>
                    <a:pt x="32955" y="67102"/>
                  </a:cubicBezTo>
                  <a:cubicBezTo>
                    <a:pt x="32829" y="67060"/>
                    <a:pt x="32641" y="66998"/>
                    <a:pt x="32494" y="66914"/>
                  </a:cubicBezTo>
                  <a:cubicBezTo>
                    <a:pt x="31260" y="66391"/>
                    <a:pt x="29984" y="66140"/>
                    <a:pt x="28665" y="65910"/>
                  </a:cubicBezTo>
                  <a:cubicBezTo>
                    <a:pt x="27640" y="65721"/>
                    <a:pt x="26657" y="65554"/>
                    <a:pt x="25632" y="65449"/>
                  </a:cubicBezTo>
                  <a:cubicBezTo>
                    <a:pt x="24899" y="65387"/>
                    <a:pt x="24146" y="65303"/>
                    <a:pt x="23393" y="65303"/>
                  </a:cubicBezTo>
                  <a:cubicBezTo>
                    <a:pt x="20422" y="65282"/>
                    <a:pt x="17471" y="65282"/>
                    <a:pt x="14521" y="65282"/>
                  </a:cubicBezTo>
                  <a:cubicBezTo>
                    <a:pt x="13914" y="65282"/>
                    <a:pt x="13308" y="65387"/>
                    <a:pt x="12722" y="65428"/>
                  </a:cubicBezTo>
                  <a:cubicBezTo>
                    <a:pt x="12450" y="65449"/>
                    <a:pt x="12157" y="65533"/>
                    <a:pt x="11906" y="65512"/>
                  </a:cubicBezTo>
                  <a:cubicBezTo>
                    <a:pt x="10839" y="65428"/>
                    <a:pt x="9813" y="65617"/>
                    <a:pt x="8767" y="65763"/>
                  </a:cubicBezTo>
                  <a:cubicBezTo>
                    <a:pt x="7742" y="65910"/>
                    <a:pt x="6717" y="66035"/>
                    <a:pt x="5733" y="66161"/>
                  </a:cubicBezTo>
                  <a:cubicBezTo>
                    <a:pt x="5440" y="66182"/>
                    <a:pt x="5126" y="66244"/>
                    <a:pt x="4917" y="65910"/>
                  </a:cubicBezTo>
                  <a:cubicBezTo>
                    <a:pt x="5001" y="65826"/>
                    <a:pt x="5043" y="65742"/>
                    <a:pt x="5126" y="65721"/>
                  </a:cubicBezTo>
                  <a:cubicBezTo>
                    <a:pt x="6758" y="65407"/>
                    <a:pt x="8370" y="65094"/>
                    <a:pt x="10022" y="64801"/>
                  </a:cubicBezTo>
                  <a:cubicBezTo>
                    <a:pt x="10420" y="64717"/>
                    <a:pt x="10797" y="64717"/>
                    <a:pt x="11194" y="64696"/>
                  </a:cubicBezTo>
                  <a:cubicBezTo>
                    <a:pt x="11738" y="64654"/>
                    <a:pt x="12303" y="64654"/>
                    <a:pt x="12826" y="64550"/>
                  </a:cubicBezTo>
                  <a:cubicBezTo>
                    <a:pt x="13412" y="64445"/>
                    <a:pt x="14019" y="64382"/>
                    <a:pt x="14626" y="64382"/>
                  </a:cubicBezTo>
                  <a:cubicBezTo>
                    <a:pt x="17325" y="64382"/>
                    <a:pt x="19982" y="64403"/>
                    <a:pt x="22681" y="64361"/>
                  </a:cubicBezTo>
                  <a:cubicBezTo>
                    <a:pt x="24439" y="64340"/>
                    <a:pt x="26155" y="64571"/>
                    <a:pt x="27891" y="64822"/>
                  </a:cubicBezTo>
                  <a:cubicBezTo>
                    <a:pt x="29251" y="65031"/>
                    <a:pt x="30611" y="65324"/>
                    <a:pt x="31930" y="65700"/>
                  </a:cubicBezTo>
                  <a:cubicBezTo>
                    <a:pt x="32139" y="65742"/>
                    <a:pt x="32348" y="65826"/>
                    <a:pt x="32536" y="65533"/>
                  </a:cubicBezTo>
                  <a:cubicBezTo>
                    <a:pt x="32494" y="65282"/>
                    <a:pt x="32348" y="65010"/>
                    <a:pt x="32034" y="64905"/>
                  </a:cubicBezTo>
                  <a:cubicBezTo>
                    <a:pt x="31825" y="64822"/>
                    <a:pt x="31658" y="64780"/>
                    <a:pt x="31448" y="64717"/>
                  </a:cubicBezTo>
                  <a:cubicBezTo>
                    <a:pt x="29795" y="64236"/>
                    <a:pt x="28142" y="63817"/>
                    <a:pt x="26448" y="63503"/>
                  </a:cubicBezTo>
                  <a:cubicBezTo>
                    <a:pt x="25904" y="63399"/>
                    <a:pt x="25318" y="63294"/>
                    <a:pt x="24774" y="63190"/>
                  </a:cubicBezTo>
                  <a:cubicBezTo>
                    <a:pt x="24146" y="63085"/>
                    <a:pt x="23539" y="63001"/>
                    <a:pt x="22911" y="63127"/>
                  </a:cubicBezTo>
                  <a:cubicBezTo>
                    <a:pt x="21823" y="63336"/>
                    <a:pt x="20694" y="63148"/>
                    <a:pt x="19585" y="63043"/>
                  </a:cubicBezTo>
                  <a:cubicBezTo>
                    <a:pt x="18225" y="62918"/>
                    <a:pt x="16906" y="62918"/>
                    <a:pt x="15546" y="63190"/>
                  </a:cubicBezTo>
                  <a:cubicBezTo>
                    <a:pt x="15274" y="63231"/>
                    <a:pt x="14981" y="63294"/>
                    <a:pt x="14730" y="63252"/>
                  </a:cubicBezTo>
                  <a:cubicBezTo>
                    <a:pt x="13161" y="63190"/>
                    <a:pt x="11675" y="63545"/>
                    <a:pt x="10169" y="63880"/>
                  </a:cubicBezTo>
                  <a:cubicBezTo>
                    <a:pt x="8370" y="64340"/>
                    <a:pt x="6570" y="64801"/>
                    <a:pt x="4771" y="65282"/>
                  </a:cubicBezTo>
                  <a:cubicBezTo>
                    <a:pt x="4478" y="65345"/>
                    <a:pt x="4185" y="65449"/>
                    <a:pt x="3892" y="65554"/>
                  </a:cubicBezTo>
                  <a:cubicBezTo>
                    <a:pt x="3620" y="65659"/>
                    <a:pt x="3348" y="65805"/>
                    <a:pt x="3097" y="65910"/>
                  </a:cubicBezTo>
                  <a:cubicBezTo>
                    <a:pt x="2825" y="65742"/>
                    <a:pt x="2929" y="65554"/>
                    <a:pt x="3055" y="65449"/>
                  </a:cubicBezTo>
                  <a:cubicBezTo>
                    <a:pt x="3557" y="65073"/>
                    <a:pt x="4143" y="64780"/>
                    <a:pt x="4729" y="64633"/>
                  </a:cubicBezTo>
                  <a:cubicBezTo>
                    <a:pt x="5733" y="64361"/>
                    <a:pt x="6717" y="64131"/>
                    <a:pt x="7721" y="63859"/>
                  </a:cubicBezTo>
                  <a:cubicBezTo>
                    <a:pt x="8955" y="63545"/>
                    <a:pt x="10148" y="63210"/>
                    <a:pt x="11529" y="62855"/>
                  </a:cubicBezTo>
                  <a:cubicBezTo>
                    <a:pt x="11152" y="62855"/>
                    <a:pt x="10901" y="62813"/>
                    <a:pt x="10692" y="62855"/>
                  </a:cubicBezTo>
                  <a:cubicBezTo>
                    <a:pt x="10043" y="62959"/>
                    <a:pt x="9395" y="63085"/>
                    <a:pt x="8746" y="63169"/>
                  </a:cubicBezTo>
                  <a:cubicBezTo>
                    <a:pt x="7700" y="63315"/>
                    <a:pt x="6696" y="63629"/>
                    <a:pt x="5670" y="63943"/>
                  </a:cubicBezTo>
                  <a:cubicBezTo>
                    <a:pt x="5315" y="64047"/>
                    <a:pt x="4917" y="64173"/>
                    <a:pt x="4561" y="64236"/>
                  </a:cubicBezTo>
                  <a:cubicBezTo>
                    <a:pt x="3996" y="64340"/>
                    <a:pt x="3536" y="64529"/>
                    <a:pt x="3055" y="64801"/>
                  </a:cubicBezTo>
                  <a:cubicBezTo>
                    <a:pt x="2385" y="65177"/>
                    <a:pt x="1653" y="65470"/>
                    <a:pt x="921" y="65784"/>
                  </a:cubicBezTo>
                  <a:cubicBezTo>
                    <a:pt x="628" y="65910"/>
                    <a:pt x="377" y="65847"/>
                    <a:pt x="188" y="65617"/>
                  </a:cubicBezTo>
                  <a:cubicBezTo>
                    <a:pt x="0" y="65407"/>
                    <a:pt x="0" y="65073"/>
                    <a:pt x="209" y="64780"/>
                  </a:cubicBezTo>
                  <a:cubicBezTo>
                    <a:pt x="335" y="64591"/>
                    <a:pt x="523" y="64424"/>
                    <a:pt x="691" y="64236"/>
                  </a:cubicBezTo>
                  <a:cubicBezTo>
                    <a:pt x="1004" y="63838"/>
                    <a:pt x="1318" y="63420"/>
                    <a:pt x="1381" y="62897"/>
                  </a:cubicBezTo>
                  <a:cubicBezTo>
                    <a:pt x="1444" y="62625"/>
                    <a:pt x="1590" y="62394"/>
                    <a:pt x="1737" y="62164"/>
                  </a:cubicBezTo>
                  <a:cubicBezTo>
                    <a:pt x="2051" y="61620"/>
                    <a:pt x="2406" y="61097"/>
                    <a:pt x="2720" y="60532"/>
                  </a:cubicBezTo>
                  <a:cubicBezTo>
                    <a:pt x="2992" y="60093"/>
                    <a:pt x="3243" y="59674"/>
                    <a:pt x="3641" y="59319"/>
                  </a:cubicBezTo>
                  <a:cubicBezTo>
                    <a:pt x="3996" y="58942"/>
                    <a:pt x="4289" y="58524"/>
                    <a:pt x="4394" y="57980"/>
                  </a:cubicBezTo>
                  <a:cubicBezTo>
                    <a:pt x="4310" y="57959"/>
                    <a:pt x="4248" y="57896"/>
                    <a:pt x="4164" y="57896"/>
                  </a:cubicBezTo>
                  <a:cubicBezTo>
                    <a:pt x="4080" y="57875"/>
                    <a:pt x="3996" y="57854"/>
                    <a:pt x="3850" y="57812"/>
                  </a:cubicBezTo>
                  <a:cubicBezTo>
                    <a:pt x="3955" y="57666"/>
                    <a:pt x="3976" y="57498"/>
                    <a:pt x="4080" y="57436"/>
                  </a:cubicBezTo>
                  <a:cubicBezTo>
                    <a:pt x="4499" y="57143"/>
                    <a:pt x="4938" y="56850"/>
                    <a:pt x="5398" y="56620"/>
                  </a:cubicBezTo>
                  <a:cubicBezTo>
                    <a:pt x="5838" y="56389"/>
                    <a:pt x="6298" y="56138"/>
                    <a:pt x="6779" y="55971"/>
                  </a:cubicBezTo>
                  <a:cubicBezTo>
                    <a:pt x="7386" y="55762"/>
                    <a:pt x="7972" y="55552"/>
                    <a:pt x="8579" y="55406"/>
                  </a:cubicBezTo>
                  <a:cubicBezTo>
                    <a:pt x="9813" y="55155"/>
                    <a:pt x="11069" y="54925"/>
                    <a:pt x="12303" y="54674"/>
                  </a:cubicBezTo>
                  <a:cubicBezTo>
                    <a:pt x="12617" y="54632"/>
                    <a:pt x="12952" y="54632"/>
                    <a:pt x="13287" y="54632"/>
                  </a:cubicBezTo>
                  <a:cubicBezTo>
                    <a:pt x="13810" y="54695"/>
                    <a:pt x="14186" y="54715"/>
                    <a:pt x="14626" y="54715"/>
                  </a:cubicBezTo>
                  <a:close/>
                  <a:moveTo>
                    <a:pt x="40655" y="64047"/>
                  </a:moveTo>
                  <a:cubicBezTo>
                    <a:pt x="40948" y="63838"/>
                    <a:pt x="41282" y="63922"/>
                    <a:pt x="41617" y="63922"/>
                  </a:cubicBezTo>
                  <a:cubicBezTo>
                    <a:pt x="44400" y="63859"/>
                    <a:pt x="47141" y="64215"/>
                    <a:pt x="49903" y="64382"/>
                  </a:cubicBezTo>
                  <a:cubicBezTo>
                    <a:pt x="50384" y="64424"/>
                    <a:pt x="50886" y="64487"/>
                    <a:pt x="51347" y="64571"/>
                  </a:cubicBezTo>
                  <a:cubicBezTo>
                    <a:pt x="53146" y="64843"/>
                    <a:pt x="54925" y="65303"/>
                    <a:pt x="56682" y="65847"/>
                  </a:cubicBezTo>
                  <a:cubicBezTo>
                    <a:pt x="56870" y="65910"/>
                    <a:pt x="57059" y="66035"/>
                    <a:pt x="57205" y="66161"/>
                  </a:cubicBezTo>
                  <a:cubicBezTo>
                    <a:pt x="57331" y="66286"/>
                    <a:pt x="57394" y="66495"/>
                    <a:pt x="57268" y="66663"/>
                  </a:cubicBezTo>
                  <a:cubicBezTo>
                    <a:pt x="57184" y="66747"/>
                    <a:pt x="56975" y="66809"/>
                    <a:pt x="56870" y="66788"/>
                  </a:cubicBezTo>
                  <a:cubicBezTo>
                    <a:pt x="56347" y="66663"/>
                    <a:pt x="55845" y="66475"/>
                    <a:pt x="55322" y="66349"/>
                  </a:cubicBezTo>
                  <a:cubicBezTo>
                    <a:pt x="53146" y="65805"/>
                    <a:pt x="50991" y="65324"/>
                    <a:pt x="48752" y="65219"/>
                  </a:cubicBezTo>
                  <a:cubicBezTo>
                    <a:pt x="47497" y="65177"/>
                    <a:pt x="46241" y="65031"/>
                    <a:pt x="44965" y="64926"/>
                  </a:cubicBezTo>
                  <a:cubicBezTo>
                    <a:pt x="43354" y="64822"/>
                    <a:pt x="41722" y="64696"/>
                    <a:pt x="40111" y="65010"/>
                  </a:cubicBezTo>
                  <a:cubicBezTo>
                    <a:pt x="39839" y="65073"/>
                    <a:pt x="39546" y="65073"/>
                    <a:pt x="39295" y="65073"/>
                  </a:cubicBezTo>
                  <a:cubicBezTo>
                    <a:pt x="37704" y="64989"/>
                    <a:pt x="36198" y="65449"/>
                    <a:pt x="34691" y="65826"/>
                  </a:cubicBezTo>
                  <a:cubicBezTo>
                    <a:pt x="34524" y="65847"/>
                    <a:pt x="34399" y="65972"/>
                    <a:pt x="34168" y="66119"/>
                  </a:cubicBezTo>
                  <a:cubicBezTo>
                    <a:pt x="34378" y="66223"/>
                    <a:pt x="34482" y="66286"/>
                    <a:pt x="34587" y="66286"/>
                  </a:cubicBezTo>
                  <a:cubicBezTo>
                    <a:pt x="34817" y="66265"/>
                    <a:pt x="35047" y="66244"/>
                    <a:pt x="35298" y="66140"/>
                  </a:cubicBezTo>
                  <a:cubicBezTo>
                    <a:pt x="35675" y="65972"/>
                    <a:pt x="36093" y="65931"/>
                    <a:pt x="36512" y="65931"/>
                  </a:cubicBezTo>
                  <a:cubicBezTo>
                    <a:pt x="39943" y="65910"/>
                    <a:pt x="43375" y="65847"/>
                    <a:pt x="46827" y="65826"/>
                  </a:cubicBezTo>
                  <a:cubicBezTo>
                    <a:pt x="47497" y="65826"/>
                    <a:pt x="48208" y="65847"/>
                    <a:pt x="48899" y="65951"/>
                  </a:cubicBezTo>
                  <a:cubicBezTo>
                    <a:pt x="49756" y="66077"/>
                    <a:pt x="50614" y="66140"/>
                    <a:pt x="51514" y="66119"/>
                  </a:cubicBezTo>
                  <a:cubicBezTo>
                    <a:pt x="51744" y="66119"/>
                    <a:pt x="51995" y="66119"/>
                    <a:pt x="52246" y="66140"/>
                  </a:cubicBezTo>
                  <a:cubicBezTo>
                    <a:pt x="54297" y="66495"/>
                    <a:pt x="56389" y="66851"/>
                    <a:pt x="58377" y="67521"/>
                  </a:cubicBezTo>
                  <a:cubicBezTo>
                    <a:pt x="58565" y="67584"/>
                    <a:pt x="58775" y="67625"/>
                    <a:pt x="59047" y="67709"/>
                  </a:cubicBezTo>
                  <a:cubicBezTo>
                    <a:pt x="58879" y="66747"/>
                    <a:pt x="58335" y="65972"/>
                    <a:pt x="58168" y="65094"/>
                  </a:cubicBezTo>
                  <a:cubicBezTo>
                    <a:pt x="56954" y="64717"/>
                    <a:pt x="55824" y="64194"/>
                    <a:pt x="54590" y="64068"/>
                  </a:cubicBezTo>
                  <a:cubicBezTo>
                    <a:pt x="53627" y="63964"/>
                    <a:pt x="52686" y="63838"/>
                    <a:pt x="51744" y="63671"/>
                  </a:cubicBezTo>
                  <a:cubicBezTo>
                    <a:pt x="50531" y="63503"/>
                    <a:pt x="49359" y="63399"/>
                    <a:pt x="48166" y="63420"/>
                  </a:cubicBezTo>
                  <a:cubicBezTo>
                    <a:pt x="47015" y="63441"/>
                    <a:pt x="45886" y="63420"/>
                    <a:pt x="44735" y="63420"/>
                  </a:cubicBezTo>
                  <a:cubicBezTo>
                    <a:pt x="44044" y="63420"/>
                    <a:pt x="43354" y="63420"/>
                    <a:pt x="42663" y="63545"/>
                  </a:cubicBezTo>
                  <a:cubicBezTo>
                    <a:pt x="42098" y="63671"/>
                    <a:pt x="41492" y="63734"/>
                    <a:pt x="40885" y="63838"/>
                  </a:cubicBezTo>
                  <a:cubicBezTo>
                    <a:pt x="40759" y="63901"/>
                    <a:pt x="40697" y="63964"/>
                    <a:pt x="40655" y="64047"/>
                  </a:cubicBezTo>
                  <a:cubicBezTo>
                    <a:pt x="40425" y="63943"/>
                    <a:pt x="40152" y="63880"/>
                    <a:pt x="39755" y="64047"/>
                  </a:cubicBezTo>
                  <a:close/>
                  <a:moveTo>
                    <a:pt x="50217" y="18706"/>
                  </a:moveTo>
                  <a:cubicBezTo>
                    <a:pt x="50468" y="19083"/>
                    <a:pt x="50300" y="19376"/>
                    <a:pt x="50175" y="19606"/>
                  </a:cubicBezTo>
                  <a:cubicBezTo>
                    <a:pt x="49861" y="20296"/>
                    <a:pt x="49777" y="21008"/>
                    <a:pt x="49840" y="21740"/>
                  </a:cubicBezTo>
                  <a:cubicBezTo>
                    <a:pt x="49861" y="21970"/>
                    <a:pt x="49861" y="22200"/>
                    <a:pt x="49861" y="22472"/>
                  </a:cubicBezTo>
                  <a:cubicBezTo>
                    <a:pt x="49798" y="23665"/>
                    <a:pt x="50259" y="24690"/>
                    <a:pt x="50949" y="25632"/>
                  </a:cubicBezTo>
                  <a:cubicBezTo>
                    <a:pt x="51368" y="26176"/>
                    <a:pt x="51870" y="26280"/>
                    <a:pt x="52456" y="26134"/>
                  </a:cubicBezTo>
                  <a:cubicBezTo>
                    <a:pt x="52686" y="26071"/>
                    <a:pt x="52895" y="25946"/>
                    <a:pt x="53083" y="25778"/>
                  </a:cubicBezTo>
                  <a:cubicBezTo>
                    <a:pt x="53313" y="25632"/>
                    <a:pt x="53523" y="25402"/>
                    <a:pt x="53774" y="25234"/>
                  </a:cubicBezTo>
                  <a:cubicBezTo>
                    <a:pt x="54129" y="25025"/>
                    <a:pt x="54360" y="24711"/>
                    <a:pt x="54611" y="24418"/>
                  </a:cubicBezTo>
                  <a:cubicBezTo>
                    <a:pt x="54820" y="24188"/>
                    <a:pt x="54904" y="23937"/>
                    <a:pt x="54904" y="23581"/>
                  </a:cubicBezTo>
                  <a:lnTo>
                    <a:pt x="54904" y="22326"/>
                  </a:lnTo>
                  <a:cubicBezTo>
                    <a:pt x="54904" y="22158"/>
                    <a:pt x="54925" y="21970"/>
                    <a:pt x="54987" y="21803"/>
                  </a:cubicBezTo>
                  <a:cubicBezTo>
                    <a:pt x="55029" y="21635"/>
                    <a:pt x="55197" y="21489"/>
                    <a:pt x="55406" y="21552"/>
                  </a:cubicBezTo>
                  <a:cubicBezTo>
                    <a:pt x="55531" y="21593"/>
                    <a:pt x="55657" y="21698"/>
                    <a:pt x="55720" y="21844"/>
                  </a:cubicBezTo>
                  <a:cubicBezTo>
                    <a:pt x="55762" y="21970"/>
                    <a:pt x="55762" y="22117"/>
                    <a:pt x="55762" y="22284"/>
                  </a:cubicBezTo>
                  <a:lnTo>
                    <a:pt x="55762" y="23456"/>
                  </a:lnTo>
                  <a:cubicBezTo>
                    <a:pt x="55803" y="24188"/>
                    <a:pt x="56034" y="24795"/>
                    <a:pt x="56640" y="25234"/>
                  </a:cubicBezTo>
                  <a:cubicBezTo>
                    <a:pt x="57226" y="25674"/>
                    <a:pt x="57854" y="26134"/>
                    <a:pt x="58586" y="26301"/>
                  </a:cubicBezTo>
                  <a:cubicBezTo>
                    <a:pt x="58984" y="26406"/>
                    <a:pt x="59319" y="26364"/>
                    <a:pt x="59570" y="26029"/>
                  </a:cubicBezTo>
                  <a:cubicBezTo>
                    <a:pt x="59904" y="25506"/>
                    <a:pt x="60260" y="24983"/>
                    <a:pt x="60155" y="24293"/>
                  </a:cubicBezTo>
                  <a:cubicBezTo>
                    <a:pt x="60135" y="24083"/>
                    <a:pt x="60197" y="23790"/>
                    <a:pt x="60323" y="23623"/>
                  </a:cubicBezTo>
                  <a:cubicBezTo>
                    <a:pt x="60469" y="23414"/>
                    <a:pt x="60469" y="23163"/>
                    <a:pt x="60511" y="22933"/>
                  </a:cubicBezTo>
                  <a:cubicBezTo>
                    <a:pt x="60532" y="22619"/>
                    <a:pt x="60427" y="22326"/>
                    <a:pt x="60302" y="22075"/>
                  </a:cubicBezTo>
                  <a:cubicBezTo>
                    <a:pt x="60155" y="21761"/>
                    <a:pt x="60051" y="21447"/>
                    <a:pt x="59925" y="21154"/>
                  </a:cubicBezTo>
                  <a:cubicBezTo>
                    <a:pt x="59821" y="20861"/>
                    <a:pt x="59695" y="20547"/>
                    <a:pt x="59591" y="20212"/>
                  </a:cubicBezTo>
                  <a:cubicBezTo>
                    <a:pt x="59925" y="20129"/>
                    <a:pt x="60135" y="20275"/>
                    <a:pt x="60302" y="20401"/>
                  </a:cubicBezTo>
                  <a:cubicBezTo>
                    <a:pt x="60951" y="21028"/>
                    <a:pt x="61474" y="21761"/>
                    <a:pt x="61557" y="22723"/>
                  </a:cubicBezTo>
                  <a:cubicBezTo>
                    <a:pt x="61578" y="22995"/>
                    <a:pt x="61474" y="23267"/>
                    <a:pt x="61704" y="23539"/>
                  </a:cubicBezTo>
                  <a:cubicBezTo>
                    <a:pt x="62415" y="23665"/>
                    <a:pt x="63043" y="23351"/>
                    <a:pt x="63671" y="23058"/>
                  </a:cubicBezTo>
                  <a:cubicBezTo>
                    <a:pt x="64110" y="22891"/>
                    <a:pt x="64215" y="22368"/>
                    <a:pt x="64005" y="21907"/>
                  </a:cubicBezTo>
                  <a:cubicBezTo>
                    <a:pt x="63817" y="21489"/>
                    <a:pt x="63650" y="21070"/>
                    <a:pt x="63461" y="20694"/>
                  </a:cubicBezTo>
                  <a:cubicBezTo>
                    <a:pt x="63378" y="20526"/>
                    <a:pt x="63294" y="20338"/>
                    <a:pt x="63168" y="20233"/>
                  </a:cubicBezTo>
                  <a:cubicBezTo>
                    <a:pt x="62813" y="19899"/>
                    <a:pt x="62604" y="19459"/>
                    <a:pt x="62415" y="19041"/>
                  </a:cubicBezTo>
                  <a:cubicBezTo>
                    <a:pt x="62018" y="18183"/>
                    <a:pt x="62122" y="17764"/>
                    <a:pt x="62980" y="17388"/>
                  </a:cubicBezTo>
                  <a:cubicBezTo>
                    <a:pt x="63692" y="17074"/>
                    <a:pt x="63922" y="16614"/>
                    <a:pt x="63859" y="15902"/>
                  </a:cubicBezTo>
                  <a:cubicBezTo>
                    <a:pt x="63817" y="15735"/>
                    <a:pt x="63817" y="15609"/>
                    <a:pt x="63817" y="15463"/>
                  </a:cubicBezTo>
                  <a:cubicBezTo>
                    <a:pt x="63692" y="14333"/>
                    <a:pt x="63357" y="13935"/>
                    <a:pt x="62227" y="13684"/>
                  </a:cubicBezTo>
                  <a:cubicBezTo>
                    <a:pt x="62018" y="13622"/>
                    <a:pt x="61808" y="13601"/>
                    <a:pt x="61599" y="13601"/>
                  </a:cubicBezTo>
                  <a:cubicBezTo>
                    <a:pt x="60888" y="13580"/>
                    <a:pt x="60218" y="13622"/>
                    <a:pt x="59528" y="13810"/>
                  </a:cubicBezTo>
                  <a:cubicBezTo>
                    <a:pt x="59256" y="13894"/>
                    <a:pt x="58942" y="13894"/>
                    <a:pt x="58649" y="13852"/>
                  </a:cubicBezTo>
                  <a:cubicBezTo>
                    <a:pt x="58440" y="13852"/>
                    <a:pt x="58231" y="13642"/>
                    <a:pt x="58231" y="13475"/>
                  </a:cubicBezTo>
                  <a:cubicBezTo>
                    <a:pt x="58231" y="13287"/>
                    <a:pt x="58377" y="13078"/>
                    <a:pt x="58628" y="13015"/>
                  </a:cubicBezTo>
                  <a:cubicBezTo>
                    <a:pt x="58775" y="12994"/>
                    <a:pt x="58900" y="12994"/>
                    <a:pt x="59067" y="12973"/>
                  </a:cubicBezTo>
                  <a:cubicBezTo>
                    <a:pt x="59214" y="12952"/>
                    <a:pt x="59381" y="12952"/>
                    <a:pt x="59507" y="12868"/>
                  </a:cubicBezTo>
                  <a:cubicBezTo>
                    <a:pt x="60051" y="12575"/>
                    <a:pt x="60616" y="12261"/>
                    <a:pt x="61160" y="11927"/>
                  </a:cubicBezTo>
                  <a:cubicBezTo>
                    <a:pt x="61306" y="11843"/>
                    <a:pt x="61411" y="11697"/>
                    <a:pt x="61516" y="11529"/>
                  </a:cubicBezTo>
                  <a:cubicBezTo>
                    <a:pt x="61829" y="11090"/>
                    <a:pt x="61871" y="10462"/>
                    <a:pt x="61516" y="10023"/>
                  </a:cubicBezTo>
                  <a:cubicBezTo>
                    <a:pt x="61285" y="9667"/>
                    <a:pt x="61034" y="9332"/>
                    <a:pt x="60720" y="9039"/>
                  </a:cubicBezTo>
                  <a:cubicBezTo>
                    <a:pt x="60051" y="8412"/>
                    <a:pt x="59298" y="8035"/>
                    <a:pt x="58356" y="8077"/>
                  </a:cubicBezTo>
                  <a:cubicBezTo>
                    <a:pt x="57833" y="8098"/>
                    <a:pt x="57331" y="8056"/>
                    <a:pt x="56808" y="8077"/>
                  </a:cubicBezTo>
                  <a:cubicBezTo>
                    <a:pt x="55908" y="8160"/>
                    <a:pt x="55071" y="8412"/>
                    <a:pt x="54381" y="9081"/>
                  </a:cubicBezTo>
                  <a:cubicBezTo>
                    <a:pt x="54234" y="9207"/>
                    <a:pt x="54067" y="9353"/>
                    <a:pt x="53878" y="9458"/>
                  </a:cubicBezTo>
                  <a:cubicBezTo>
                    <a:pt x="53711" y="9562"/>
                    <a:pt x="53523" y="9500"/>
                    <a:pt x="53418" y="9332"/>
                  </a:cubicBezTo>
                  <a:cubicBezTo>
                    <a:pt x="53334" y="9228"/>
                    <a:pt x="53293" y="9039"/>
                    <a:pt x="53313" y="8914"/>
                  </a:cubicBezTo>
                  <a:cubicBezTo>
                    <a:pt x="53334" y="8788"/>
                    <a:pt x="53439" y="8663"/>
                    <a:pt x="53544" y="8558"/>
                  </a:cubicBezTo>
                  <a:cubicBezTo>
                    <a:pt x="53774" y="8307"/>
                    <a:pt x="54025" y="8077"/>
                    <a:pt x="54234" y="7847"/>
                  </a:cubicBezTo>
                  <a:cubicBezTo>
                    <a:pt x="54485" y="7533"/>
                    <a:pt x="54757" y="7156"/>
                    <a:pt x="54715" y="6717"/>
                  </a:cubicBezTo>
                  <a:cubicBezTo>
                    <a:pt x="54673" y="5566"/>
                    <a:pt x="53711" y="4687"/>
                    <a:pt x="52707" y="4687"/>
                  </a:cubicBezTo>
                  <a:lnTo>
                    <a:pt x="51347" y="4687"/>
                  </a:lnTo>
                  <a:cubicBezTo>
                    <a:pt x="50740" y="4645"/>
                    <a:pt x="50217" y="4834"/>
                    <a:pt x="49756" y="5168"/>
                  </a:cubicBezTo>
                  <a:cubicBezTo>
                    <a:pt x="49171" y="5629"/>
                    <a:pt x="48606" y="6068"/>
                    <a:pt x="48062" y="6507"/>
                  </a:cubicBezTo>
                  <a:cubicBezTo>
                    <a:pt x="47915" y="6612"/>
                    <a:pt x="47811" y="6717"/>
                    <a:pt x="47685" y="6779"/>
                  </a:cubicBezTo>
                  <a:cubicBezTo>
                    <a:pt x="47497" y="6842"/>
                    <a:pt x="47329" y="6821"/>
                    <a:pt x="47183" y="6696"/>
                  </a:cubicBezTo>
                  <a:cubicBezTo>
                    <a:pt x="47057" y="6570"/>
                    <a:pt x="46953" y="6382"/>
                    <a:pt x="47057" y="6194"/>
                  </a:cubicBezTo>
                  <a:cubicBezTo>
                    <a:pt x="47371" y="5691"/>
                    <a:pt x="47267" y="5147"/>
                    <a:pt x="47287" y="4624"/>
                  </a:cubicBezTo>
                  <a:cubicBezTo>
                    <a:pt x="47350" y="3536"/>
                    <a:pt x="46827" y="2720"/>
                    <a:pt x="46032" y="2072"/>
                  </a:cubicBezTo>
                  <a:cubicBezTo>
                    <a:pt x="45718" y="1821"/>
                    <a:pt x="45383" y="1611"/>
                    <a:pt x="45070" y="1402"/>
                  </a:cubicBezTo>
                  <a:cubicBezTo>
                    <a:pt x="44777" y="1193"/>
                    <a:pt x="44505" y="1130"/>
                    <a:pt x="44128" y="1130"/>
                  </a:cubicBezTo>
                  <a:cubicBezTo>
                    <a:pt x="43584" y="1130"/>
                    <a:pt x="43061" y="1151"/>
                    <a:pt x="42517" y="1130"/>
                  </a:cubicBezTo>
                  <a:cubicBezTo>
                    <a:pt x="41575" y="1067"/>
                    <a:pt x="40801" y="1444"/>
                    <a:pt x="40152" y="2093"/>
                  </a:cubicBezTo>
                  <a:lnTo>
                    <a:pt x="39127" y="3118"/>
                  </a:lnTo>
                  <a:cubicBezTo>
                    <a:pt x="38709" y="3536"/>
                    <a:pt x="38374" y="3976"/>
                    <a:pt x="38228" y="4541"/>
                  </a:cubicBezTo>
                  <a:cubicBezTo>
                    <a:pt x="38123" y="4938"/>
                    <a:pt x="37851" y="5231"/>
                    <a:pt x="37537" y="5482"/>
                  </a:cubicBezTo>
                  <a:cubicBezTo>
                    <a:pt x="37223" y="5754"/>
                    <a:pt x="36930" y="5733"/>
                    <a:pt x="36679" y="5399"/>
                  </a:cubicBezTo>
                  <a:cubicBezTo>
                    <a:pt x="36575" y="5294"/>
                    <a:pt x="36491" y="5147"/>
                    <a:pt x="36470" y="5022"/>
                  </a:cubicBezTo>
                  <a:cubicBezTo>
                    <a:pt x="36093" y="3871"/>
                    <a:pt x="35424" y="2846"/>
                    <a:pt x="34712" y="1883"/>
                  </a:cubicBezTo>
                  <a:cubicBezTo>
                    <a:pt x="34482" y="1570"/>
                    <a:pt x="34189" y="1298"/>
                    <a:pt x="33896" y="1046"/>
                  </a:cubicBezTo>
                  <a:cubicBezTo>
                    <a:pt x="33645" y="816"/>
                    <a:pt x="33331" y="774"/>
                    <a:pt x="32997" y="921"/>
                  </a:cubicBezTo>
                  <a:cubicBezTo>
                    <a:pt x="32076" y="1256"/>
                    <a:pt x="31448" y="2134"/>
                    <a:pt x="31574" y="2971"/>
                  </a:cubicBezTo>
                  <a:cubicBezTo>
                    <a:pt x="31595" y="3181"/>
                    <a:pt x="31574" y="3390"/>
                    <a:pt x="31574" y="3599"/>
                  </a:cubicBezTo>
                  <a:cubicBezTo>
                    <a:pt x="31574" y="3871"/>
                    <a:pt x="31595" y="4080"/>
                    <a:pt x="31762" y="4290"/>
                  </a:cubicBezTo>
                  <a:cubicBezTo>
                    <a:pt x="31909" y="4520"/>
                    <a:pt x="32013" y="4792"/>
                    <a:pt x="32181" y="4959"/>
                  </a:cubicBezTo>
                  <a:cubicBezTo>
                    <a:pt x="32369" y="5168"/>
                    <a:pt x="32620" y="5357"/>
                    <a:pt x="32850" y="5566"/>
                  </a:cubicBezTo>
                  <a:cubicBezTo>
                    <a:pt x="32746" y="5650"/>
                    <a:pt x="32641" y="5733"/>
                    <a:pt x="32515" y="5796"/>
                  </a:cubicBezTo>
                  <a:cubicBezTo>
                    <a:pt x="32202" y="5336"/>
                    <a:pt x="31783" y="5106"/>
                    <a:pt x="31281" y="4938"/>
                  </a:cubicBezTo>
                  <a:cubicBezTo>
                    <a:pt x="31218" y="4917"/>
                    <a:pt x="31134" y="4834"/>
                    <a:pt x="31072" y="4792"/>
                  </a:cubicBezTo>
                  <a:cubicBezTo>
                    <a:pt x="30611" y="4331"/>
                    <a:pt x="29963" y="4227"/>
                    <a:pt x="29440" y="3871"/>
                  </a:cubicBezTo>
                  <a:cubicBezTo>
                    <a:pt x="29335" y="3808"/>
                    <a:pt x="29189" y="3787"/>
                    <a:pt x="29084" y="3787"/>
                  </a:cubicBezTo>
                  <a:cubicBezTo>
                    <a:pt x="28393" y="3746"/>
                    <a:pt x="27703" y="3766"/>
                    <a:pt x="27159" y="4331"/>
                  </a:cubicBezTo>
                  <a:cubicBezTo>
                    <a:pt x="27054" y="4436"/>
                    <a:pt x="26929" y="4541"/>
                    <a:pt x="26824" y="4624"/>
                  </a:cubicBezTo>
                  <a:cubicBezTo>
                    <a:pt x="26301" y="4959"/>
                    <a:pt x="26029" y="5482"/>
                    <a:pt x="25945" y="6068"/>
                  </a:cubicBezTo>
                  <a:cubicBezTo>
                    <a:pt x="25841" y="6968"/>
                    <a:pt x="25715" y="7951"/>
                    <a:pt x="26510" y="8684"/>
                  </a:cubicBezTo>
                  <a:cubicBezTo>
                    <a:pt x="26573" y="8767"/>
                    <a:pt x="26657" y="8851"/>
                    <a:pt x="26678" y="8997"/>
                  </a:cubicBezTo>
                  <a:cubicBezTo>
                    <a:pt x="26866" y="9353"/>
                    <a:pt x="27159" y="9520"/>
                    <a:pt x="27556" y="9520"/>
                  </a:cubicBezTo>
                  <a:cubicBezTo>
                    <a:pt x="28331" y="9541"/>
                    <a:pt x="29084" y="9562"/>
                    <a:pt x="29858" y="9625"/>
                  </a:cubicBezTo>
                  <a:cubicBezTo>
                    <a:pt x="30005" y="9876"/>
                    <a:pt x="29921" y="10065"/>
                    <a:pt x="29670" y="10127"/>
                  </a:cubicBezTo>
                  <a:cubicBezTo>
                    <a:pt x="29272" y="10190"/>
                    <a:pt x="28917" y="10253"/>
                    <a:pt x="28519" y="10253"/>
                  </a:cubicBezTo>
                  <a:cubicBezTo>
                    <a:pt x="27556" y="10295"/>
                    <a:pt x="26615" y="10504"/>
                    <a:pt x="25778" y="11006"/>
                  </a:cubicBezTo>
                  <a:cubicBezTo>
                    <a:pt x="24774" y="11592"/>
                    <a:pt x="23853" y="12241"/>
                    <a:pt x="23225" y="13266"/>
                  </a:cubicBezTo>
                  <a:cubicBezTo>
                    <a:pt x="23058" y="13559"/>
                    <a:pt x="22953" y="13831"/>
                    <a:pt x="22953" y="14166"/>
                  </a:cubicBezTo>
                  <a:cubicBezTo>
                    <a:pt x="22974" y="14605"/>
                    <a:pt x="23100" y="14793"/>
                    <a:pt x="23518" y="14835"/>
                  </a:cubicBezTo>
                  <a:cubicBezTo>
                    <a:pt x="24062" y="14856"/>
                    <a:pt x="24585" y="14835"/>
                    <a:pt x="25150" y="14856"/>
                  </a:cubicBezTo>
                  <a:cubicBezTo>
                    <a:pt x="25632" y="14877"/>
                    <a:pt x="26050" y="14730"/>
                    <a:pt x="26510" y="14479"/>
                  </a:cubicBezTo>
                  <a:cubicBezTo>
                    <a:pt x="27975" y="13705"/>
                    <a:pt x="29461" y="12973"/>
                    <a:pt x="30925" y="12241"/>
                  </a:cubicBezTo>
                  <a:cubicBezTo>
                    <a:pt x="31134" y="12136"/>
                    <a:pt x="31365" y="12052"/>
                    <a:pt x="31595" y="11989"/>
                  </a:cubicBezTo>
                  <a:cubicBezTo>
                    <a:pt x="31846" y="11948"/>
                    <a:pt x="32097" y="12241"/>
                    <a:pt x="32013" y="12450"/>
                  </a:cubicBezTo>
                  <a:cubicBezTo>
                    <a:pt x="31909" y="12722"/>
                    <a:pt x="31846" y="13036"/>
                    <a:pt x="31637" y="13224"/>
                  </a:cubicBezTo>
                  <a:cubicBezTo>
                    <a:pt x="30967" y="13914"/>
                    <a:pt x="30549" y="14751"/>
                    <a:pt x="30005" y="15505"/>
                  </a:cubicBezTo>
                  <a:cubicBezTo>
                    <a:pt x="29544" y="16153"/>
                    <a:pt x="29398" y="16865"/>
                    <a:pt x="29461" y="17639"/>
                  </a:cubicBezTo>
                  <a:cubicBezTo>
                    <a:pt x="29481" y="18120"/>
                    <a:pt x="29670" y="18308"/>
                    <a:pt x="30109" y="18350"/>
                  </a:cubicBezTo>
                  <a:cubicBezTo>
                    <a:pt x="30590" y="18413"/>
                    <a:pt x="31051" y="18371"/>
                    <a:pt x="31490" y="18120"/>
                  </a:cubicBezTo>
                  <a:cubicBezTo>
                    <a:pt x="32411" y="17597"/>
                    <a:pt x="33269" y="17011"/>
                    <a:pt x="34085" y="16321"/>
                  </a:cubicBezTo>
                  <a:cubicBezTo>
                    <a:pt x="34315" y="16111"/>
                    <a:pt x="34503" y="15860"/>
                    <a:pt x="34775" y="15714"/>
                  </a:cubicBezTo>
                  <a:cubicBezTo>
                    <a:pt x="35403" y="15337"/>
                    <a:pt x="35884" y="14814"/>
                    <a:pt x="36407" y="14333"/>
                  </a:cubicBezTo>
                  <a:cubicBezTo>
                    <a:pt x="36575" y="14166"/>
                    <a:pt x="36721" y="14040"/>
                    <a:pt x="36909" y="13935"/>
                  </a:cubicBezTo>
                  <a:cubicBezTo>
                    <a:pt x="37077" y="13831"/>
                    <a:pt x="37391" y="13935"/>
                    <a:pt x="37432" y="14145"/>
                  </a:cubicBezTo>
                  <a:cubicBezTo>
                    <a:pt x="37495" y="14270"/>
                    <a:pt x="37516" y="14438"/>
                    <a:pt x="37495" y="14584"/>
                  </a:cubicBezTo>
                  <a:cubicBezTo>
                    <a:pt x="37432" y="14982"/>
                    <a:pt x="37349" y="15337"/>
                    <a:pt x="37244" y="15735"/>
                  </a:cubicBezTo>
                  <a:cubicBezTo>
                    <a:pt x="37014" y="16572"/>
                    <a:pt x="36972" y="17932"/>
                    <a:pt x="37181" y="18873"/>
                  </a:cubicBezTo>
                  <a:cubicBezTo>
                    <a:pt x="37307" y="18957"/>
                    <a:pt x="37453" y="19062"/>
                    <a:pt x="37642" y="19104"/>
                  </a:cubicBezTo>
                  <a:cubicBezTo>
                    <a:pt x="38060" y="19187"/>
                    <a:pt x="38500" y="19292"/>
                    <a:pt x="38876" y="19062"/>
                  </a:cubicBezTo>
                  <a:cubicBezTo>
                    <a:pt x="39441" y="18664"/>
                    <a:pt x="40006" y="18246"/>
                    <a:pt x="40487" y="17785"/>
                  </a:cubicBezTo>
                  <a:cubicBezTo>
                    <a:pt x="41010" y="17262"/>
                    <a:pt x="41680" y="16948"/>
                    <a:pt x="42203" y="16467"/>
                  </a:cubicBezTo>
                  <a:cubicBezTo>
                    <a:pt x="42475" y="16216"/>
                    <a:pt x="42873" y="16383"/>
                    <a:pt x="42893" y="16781"/>
                  </a:cubicBezTo>
                  <a:cubicBezTo>
                    <a:pt x="42935" y="17283"/>
                    <a:pt x="42956" y="17806"/>
                    <a:pt x="42935" y="18329"/>
                  </a:cubicBezTo>
                  <a:cubicBezTo>
                    <a:pt x="42935" y="18873"/>
                    <a:pt x="42977" y="19396"/>
                    <a:pt x="43354" y="19836"/>
                  </a:cubicBezTo>
                  <a:cubicBezTo>
                    <a:pt x="43458" y="19982"/>
                    <a:pt x="43521" y="20150"/>
                    <a:pt x="43584" y="20338"/>
                  </a:cubicBezTo>
                  <a:cubicBezTo>
                    <a:pt x="43898" y="21489"/>
                    <a:pt x="44777" y="22012"/>
                    <a:pt x="45823" y="22347"/>
                  </a:cubicBezTo>
                  <a:cubicBezTo>
                    <a:pt x="46451" y="22556"/>
                    <a:pt x="47036" y="22389"/>
                    <a:pt x="47455" y="21865"/>
                  </a:cubicBezTo>
                  <a:cubicBezTo>
                    <a:pt x="47685" y="21552"/>
                    <a:pt x="47873" y="21196"/>
                    <a:pt x="48083" y="20882"/>
                  </a:cubicBezTo>
                  <a:cubicBezTo>
                    <a:pt x="48187" y="20756"/>
                    <a:pt x="48292" y="20610"/>
                    <a:pt x="48438" y="20526"/>
                  </a:cubicBezTo>
                  <a:cubicBezTo>
                    <a:pt x="48627" y="20422"/>
                    <a:pt x="48815" y="20338"/>
                    <a:pt x="49024" y="20254"/>
                  </a:cubicBezTo>
                  <a:cubicBezTo>
                    <a:pt x="49464" y="19710"/>
                    <a:pt x="49610" y="19124"/>
                    <a:pt x="50217" y="18706"/>
                  </a:cubicBezTo>
                  <a:close/>
                  <a:moveTo>
                    <a:pt x="30130" y="13810"/>
                  </a:moveTo>
                  <a:cubicBezTo>
                    <a:pt x="29921" y="13852"/>
                    <a:pt x="29816" y="13852"/>
                    <a:pt x="29712" y="13914"/>
                  </a:cubicBezTo>
                  <a:cubicBezTo>
                    <a:pt x="28477" y="14542"/>
                    <a:pt x="27264" y="15191"/>
                    <a:pt x="26050" y="15839"/>
                  </a:cubicBezTo>
                  <a:cubicBezTo>
                    <a:pt x="25987" y="15902"/>
                    <a:pt x="25904" y="16007"/>
                    <a:pt x="25841" y="16111"/>
                  </a:cubicBezTo>
                  <a:cubicBezTo>
                    <a:pt x="25799" y="16195"/>
                    <a:pt x="25799" y="16321"/>
                    <a:pt x="25736" y="16342"/>
                  </a:cubicBezTo>
                  <a:cubicBezTo>
                    <a:pt x="25380" y="16530"/>
                    <a:pt x="25171" y="16969"/>
                    <a:pt x="24669" y="16948"/>
                  </a:cubicBezTo>
                  <a:cubicBezTo>
                    <a:pt x="24543" y="16948"/>
                    <a:pt x="24376" y="17032"/>
                    <a:pt x="24271" y="17137"/>
                  </a:cubicBezTo>
                  <a:cubicBezTo>
                    <a:pt x="23937" y="17471"/>
                    <a:pt x="23539" y="17785"/>
                    <a:pt x="23267" y="18141"/>
                  </a:cubicBezTo>
                  <a:cubicBezTo>
                    <a:pt x="22849" y="18706"/>
                    <a:pt x="22472" y="19271"/>
                    <a:pt x="22326" y="19982"/>
                  </a:cubicBezTo>
                  <a:cubicBezTo>
                    <a:pt x="22179" y="20631"/>
                    <a:pt x="22033" y="21259"/>
                    <a:pt x="21844" y="21907"/>
                  </a:cubicBezTo>
                  <a:cubicBezTo>
                    <a:pt x="21656" y="22577"/>
                    <a:pt x="21593" y="23205"/>
                    <a:pt x="21844" y="23853"/>
                  </a:cubicBezTo>
                  <a:cubicBezTo>
                    <a:pt x="21865" y="23937"/>
                    <a:pt x="21928" y="24041"/>
                    <a:pt x="21865" y="24104"/>
                  </a:cubicBezTo>
                  <a:cubicBezTo>
                    <a:pt x="21530" y="24732"/>
                    <a:pt x="21698" y="25422"/>
                    <a:pt x="21740" y="26071"/>
                  </a:cubicBezTo>
                  <a:cubicBezTo>
                    <a:pt x="21802" y="26887"/>
                    <a:pt x="21844" y="27724"/>
                    <a:pt x="22137" y="28477"/>
                  </a:cubicBezTo>
                  <a:cubicBezTo>
                    <a:pt x="22807" y="30319"/>
                    <a:pt x="23518" y="32139"/>
                    <a:pt x="24460" y="33876"/>
                  </a:cubicBezTo>
                  <a:cubicBezTo>
                    <a:pt x="24627" y="34148"/>
                    <a:pt x="24836" y="34420"/>
                    <a:pt x="25046" y="34650"/>
                  </a:cubicBezTo>
                  <a:lnTo>
                    <a:pt x="27473" y="37077"/>
                  </a:lnTo>
                  <a:cubicBezTo>
                    <a:pt x="27682" y="37286"/>
                    <a:pt x="27912" y="37474"/>
                    <a:pt x="28184" y="37663"/>
                  </a:cubicBezTo>
                  <a:cubicBezTo>
                    <a:pt x="28645" y="37977"/>
                    <a:pt x="29126" y="38311"/>
                    <a:pt x="29649" y="38542"/>
                  </a:cubicBezTo>
                  <a:cubicBezTo>
                    <a:pt x="30590" y="39002"/>
                    <a:pt x="31532" y="39483"/>
                    <a:pt x="32536" y="39797"/>
                  </a:cubicBezTo>
                  <a:cubicBezTo>
                    <a:pt x="33959" y="40257"/>
                    <a:pt x="35424" y="40467"/>
                    <a:pt x="36888" y="40508"/>
                  </a:cubicBezTo>
                  <a:cubicBezTo>
                    <a:pt x="37872" y="40529"/>
                    <a:pt x="38876" y="40571"/>
                    <a:pt x="39860" y="40425"/>
                  </a:cubicBezTo>
                  <a:cubicBezTo>
                    <a:pt x="41157" y="40278"/>
                    <a:pt x="42412" y="39964"/>
                    <a:pt x="43605" y="39462"/>
                  </a:cubicBezTo>
                  <a:cubicBezTo>
                    <a:pt x="44421" y="39148"/>
                    <a:pt x="45237" y="38834"/>
                    <a:pt x="46011" y="38479"/>
                  </a:cubicBezTo>
                  <a:cubicBezTo>
                    <a:pt x="48062" y="37537"/>
                    <a:pt x="49945" y="36386"/>
                    <a:pt x="51472" y="34733"/>
                  </a:cubicBezTo>
                  <a:cubicBezTo>
                    <a:pt x="51828" y="34399"/>
                    <a:pt x="52142" y="34022"/>
                    <a:pt x="52497" y="33708"/>
                  </a:cubicBezTo>
                  <a:cubicBezTo>
                    <a:pt x="53104" y="33185"/>
                    <a:pt x="53523" y="32536"/>
                    <a:pt x="53837" y="31804"/>
                  </a:cubicBezTo>
                  <a:cubicBezTo>
                    <a:pt x="53920" y="31616"/>
                    <a:pt x="53962" y="31407"/>
                    <a:pt x="54046" y="31218"/>
                  </a:cubicBezTo>
                  <a:cubicBezTo>
                    <a:pt x="54088" y="31093"/>
                    <a:pt x="54150" y="30946"/>
                    <a:pt x="54234" y="30842"/>
                  </a:cubicBezTo>
                  <a:cubicBezTo>
                    <a:pt x="54569" y="30444"/>
                    <a:pt x="54757" y="29963"/>
                    <a:pt x="54925" y="29482"/>
                  </a:cubicBezTo>
                  <a:cubicBezTo>
                    <a:pt x="55238" y="28645"/>
                    <a:pt x="55552" y="27766"/>
                    <a:pt x="55866" y="26929"/>
                  </a:cubicBezTo>
                  <a:cubicBezTo>
                    <a:pt x="56013" y="26594"/>
                    <a:pt x="56054" y="26259"/>
                    <a:pt x="55971" y="25946"/>
                  </a:cubicBezTo>
                  <a:cubicBezTo>
                    <a:pt x="55699" y="25736"/>
                    <a:pt x="55448" y="25569"/>
                    <a:pt x="55238" y="25402"/>
                  </a:cubicBezTo>
                  <a:cubicBezTo>
                    <a:pt x="54799" y="25736"/>
                    <a:pt x="54339" y="26029"/>
                    <a:pt x="53962" y="26385"/>
                  </a:cubicBezTo>
                  <a:cubicBezTo>
                    <a:pt x="53293" y="27075"/>
                    <a:pt x="52497" y="27243"/>
                    <a:pt x="51577" y="27222"/>
                  </a:cubicBezTo>
                  <a:cubicBezTo>
                    <a:pt x="51221" y="27222"/>
                    <a:pt x="50949" y="27096"/>
                    <a:pt x="50698" y="26866"/>
                  </a:cubicBezTo>
                  <a:cubicBezTo>
                    <a:pt x="49568" y="25736"/>
                    <a:pt x="48857" y="24397"/>
                    <a:pt x="48919" y="22744"/>
                  </a:cubicBezTo>
                  <a:cubicBezTo>
                    <a:pt x="48919" y="22619"/>
                    <a:pt x="48940" y="22514"/>
                    <a:pt x="48919" y="22389"/>
                  </a:cubicBezTo>
                  <a:cubicBezTo>
                    <a:pt x="48899" y="22263"/>
                    <a:pt x="49003" y="22075"/>
                    <a:pt x="48731" y="21970"/>
                  </a:cubicBezTo>
                  <a:cubicBezTo>
                    <a:pt x="48606" y="22117"/>
                    <a:pt x="48480" y="22284"/>
                    <a:pt x="48375" y="22430"/>
                  </a:cubicBezTo>
                  <a:cubicBezTo>
                    <a:pt x="47685" y="23330"/>
                    <a:pt x="46492" y="23665"/>
                    <a:pt x="45446" y="23225"/>
                  </a:cubicBezTo>
                  <a:cubicBezTo>
                    <a:pt x="45049" y="23058"/>
                    <a:pt x="44672" y="22891"/>
                    <a:pt x="44316" y="22681"/>
                  </a:cubicBezTo>
                  <a:cubicBezTo>
                    <a:pt x="43563" y="22284"/>
                    <a:pt x="43103" y="21635"/>
                    <a:pt x="42789" y="20840"/>
                  </a:cubicBezTo>
                  <a:cubicBezTo>
                    <a:pt x="42684" y="20547"/>
                    <a:pt x="42559" y="20296"/>
                    <a:pt x="42412" y="20024"/>
                  </a:cubicBezTo>
                  <a:cubicBezTo>
                    <a:pt x="42161" y="19668"/>
                    <a:pt x="42036" y="19271"/>
                    <a:pt x="42098" y="18831"/>
                  </a:cubicBezTo>
                  <a:cubicBezTo>
                    <a:pt x="42119" y="18601"/>
                    <a:pt x="42119" y="18350"/>
                    <a:pt x="42098" y="18099"/>
                  </a:cubicBezTo>
                  <a:cubicBezTo>
                    <a:pt x="42098" y="17995"/>
                    <a:pt x="42015" y="17911"/>
                    <a:pt x="41952" y="17785"/>
                  </a:cubicBezTo>
                  <a:cubicBezTo>
                    <a:pt x="41826" y="17869"/>
                    <a:pt x="41722" y="17890"/>
                    <a:pt x="41680" y="17932"/>
                  </a:cubicBezTo>
                  <a:cubicBezTo>
                    <a:pt x="41052" y="18643"/>
                    <a:pt x="40278" y="19187"/>
                    <a:pt x="39588" y="19794"/>
                  </a:cubicBezTo>
                  <a:cubicBezTo>
                    <a:pt x="39378" y="19982"/>
                    <a:pt x="39169" y="20108"/>
                    <a:pt x="38876" y="20129"/>
                  </a:cubicBezTo>
                  <a:cubicBezTo>
                    <a:pt x="38081" y="20192"/>
                    <a:pt x="37328" y="20108"/>
                    <a:pt x="36616" y="19668"/>
                  </a:cubicBezTo>
                  <a:cubicBezTo>
                    <a:pt x="36282" y="19459"/>
                    <a:pt x="36093" y="19187"/>
                    <a:pt x="36093" y="18811"/>
                  </a:cubicBezTo>
                  <a:cubicBezTo>
                    <a:pt x="36135" y="17827"/>
                    <a:pt x="36135" y="16886"/>
                    <a:pt x="36156" y="15902"/>
                  </a:cubicBezTo>
                  <a:cubicBezTo>
                    <a:pt x="35675" y="16091"/>
                    <a:pt x="35298" y="16446"/>
                    <a:pt x="34901" y="16844"/>
                  </a:cubicBezTo>
                  <a:cubicBezTo>
                    <a:pt x="34106" y="17660"/>
                    <a:pt x="33206" y="18287"/>
                    <a:pt x="32264" y="18852"/>
                  </a:cubicBezTo>
                  <a:cubicBezTo>
                    <a:pt x="31678" y="19187"/>
                    <a:pt x="31051" y="19334"/>
                    <a:pt x="30381" y="19334"/>
                  </a:cubicBezTo>
                  <a:cubicBezTo>
                    <a:pt x="29816" y="19334"/>
                    <a:pt x="29377" y="19145"/>
                    <a:pt x="28958" y="18831"/>
                  </a:cubicBezTo>
                  <a:cubicBezTo>
                    <a:pt x="28707" y="18643"/>
                    <a:pt x="28540" y="18413"/>
                    <a:pt x="28540" y="18078"/>
                  </a:cubicBezTo>
                  <a:cubicBezTo>
                    <a:pt x="28498" y="16948"/>
                    <a:pt x="28645" y="15839"/>
                    <a:pt x="29377" y="14898"/>
                  </a:cubicBezTo>
                  <a:cubicBezTo>
                    <a:pt x="29691" y="14626"/>
                    <a:pt x="29963" y="14312"/>
                    <a:pt x="30130" y="13810"/>
                  </a:cubicBezTo>
                  <a:close/>
                  <a:moveTo>
                    <a:pt x="36784" y="41617"/>
                  </a:moveTo>
                  <a:cubicBezTo>
                    <a:pt x="36491" y="42371"/>
                    <a:pt x="35821" y="42580"/>
                    <a:pt x="35319" y="42998"/>
                  </a:cubicBezTo>
                  <a:cubicBezTo>
                    <a:pt x="35215" y="43082"/>
                    <a:pt x="35026" y="43124"/>
                    <a:pt x="34901" y="43124"/>
                  </a:cubicBezTo>
                  <a:cubicBezTo>
                    <a:pt x="34294" y="43145"/>
                    <a:pt x="33687" y="43187"/>
                    <a:pt x="33101" y="43124"/>
                  </a:cubicBezTo>
                  <a:cubicBezTo>
                    <a:pt x="32411" y="43040"/>
                    <a:pt x="31804" y="42705"/>
                    <a:pt x="31490" y="42078"/>
                  </a:cubicBezTo>
                  <a:cubicBezTo>
                    <a:pt x="31218" y="41534"/>
                    <a:pt x="31030" y="40906"/>
                    <a:pt x="30841" y="40425"/>
                  </a:cubicBezTo>
                  <a:cubicBezTo>
                    <a:pt x="29733" y="39797"/>
                    <a:pt x="28728" y="39232"/>
                    <a:pt x="27724" y="38625"/>
                  </a:cubicBezTo>
                  <a:cubicBezTo>
                    <a:pt x="27347" y="38395"/>
                    <a:pt x="26992" y="38102"/>
                    <a:pt x="26678" y="37788"/>
                  </a:cubicBezTo>
                  <a:cubicBezTo>
                    <a:pt x="25904" y="37035"/>
                    <a:pt x="25150" y="36240"/>
                    <a:pt x="24376" y="35487"/>
                  </a:cubicBezTo>
                  <a:cubicBezTo>
                    <a:pt x="24251" y="35382"/>
                    <a:pt x="24125" y="35277"/>
                    <a:pt x="23958" y="35194"/>
                  </a:cubicBezTo>
                  <a:cubicBezTo>
                    <a:pt x="23895" y="35298"/>
                    <a:pt x="23811" y="35382"/>
                    <a:pt x="23790" y="35466"/>
                  </a:cubicBezTo>
                  <a:cubicBezTo>
                    <a:pt x="23686" y="36010"/>
                    <a:pt x="23393" y="36491"/>
                    <a:pt x="23100" y="36930"/>
                  </a:cubicBezTo>
                  <a:cubicBezTo>
                    <a:pt x="22870" y="37286"/>
                    <a:pt x="22598" y="37684"/>
                    <a:pt x="22388" y="38081"/>
                  </a:cubicBezTo>
                  <a:cubicBezTo>
                    <a:pt x="21635" y="39630"/>
                    <a:pt x="20714" y="41094"/>
                    <a:pt x="19773" y="42517"/>
                  </a:cubicBezTo>
                  <a:cubicBezTo>
                    <a:pt x="19459" y="42998"/>
                    <a:pt x="19187" y="43500"/>
                    <a:pt x="19020" y="44065"/>
                  </a:cubicBezTo>
                  <a:cubicBezTo>
                    <a:pt x="18894" y="44568"/>
                    <a:pt x="18664" y="45028"/>
                    <a:pt x="18413" y="45467"/>
                  </a:cubicBezTo>
                  <a:cubicBezTo>
                    <a:pt x="18141" y="45990"/>
                    <a:pt x="17785" y="46513"/>
                    <a:pt x="17618" y="47099"/>
                  </a:cubicBezTo>
                  <a:cubicBezTo>
                    <a:pt x="17409" y="47706"/>
                    <a:pt x="17137" y="48271"/>
                    <a:pt x="16885" y="48857"/>
                  </a:cubicBezTo>
                  <a:cubicBezTo>
                    <a:pt x="16593" y="49485"/>
                    <a:pt x="16404" y="50133"/>
                    <a:pt x="16404" y="50866"/>
                  </a:cubicBezTo>
                  <a:cubicBezTo>
                    <a:pt x="16613" y="50970"/>
                    <a:pt x="16802" y="51075"/>
                    <a:pt x="16969" y="51158"/>
                  </a:cubicBezTo>
                  <a:cubicBezTo>
                    <a:pt x="18036" y="51619"/>
                    <a:pt x="19187" y="51786"/>
                    <a:pt x="20275" y="52037"/>
                  </a:cubicBezTo>
                  <a:cubicBezTo>
                    <a:pt x="20401" y="52058"/>
                    <a:pt x="20568" y="52058"/>
                    <a:pt x="20714" y="52037"/>
                  </a:cubicBezTo>
                  <a:cubicBezTo>
                    <a:pt x="21007" y="51995"/>
                    <a:pt x="21300" y="51933"/>
                    <a:pt x="21614" y="51849"/>
                  </a:cubicBezTo>
                  <a:cubicBezTo>
                    <a:pt x="21740" y="51828"/>
                    <a:pt x="21886" y="51786"/>
                    <a:pt x="21991" y="51682"/>
                  </a:cubicBezTo>
                  <a:cubicBezTo>
                    <a:pt x="22681" y="51158"/>
                    <a:pt x="23372" y="50635"/>
                    <a:pt x="24230" y="50259"/>
                  </a:cubicBezTo>
                  <a:cubicBezTo>
                    <a:pt x="24146" y="49840"/>
                    <a:pt x="24125" y="49443"/>
                    <a:pt x="23979" y="49087"/>
                  </a:cubicBezTo>
                  <a:cubicBezTo>
                    <a:pt x="23644" y="48125"/>
                    <a:pt x="23455" y="47120"/>
                    <a:pt x="23309" y="46116"/>
                  </a:cubicBezTo>
                  <a:cubicBezTo>
                    <a:pt x="23288" y="45907"/>
                    <a:pt x="23183" y="45697"/>
                    <a:pt x="23183" y="45488"/>
                  </a:cubicBezTo>
                  <a:cubicBezTo>
                    <a:pt x="23142" y="45091"/>
                    <a:pt x="22911" y="44819"/>
                    <a:pt x="22660" y="44651"/>
                  </a:cubicBezTo>
                  <a:cubicBezTo>
                    <a:pt x="22807" y="43961"/>
                    <a:pt x="22891" y="43772"/>
                    <a:pt x="23246" y="43542"/>
                  </a:cubicBezTo>
                  <a:cubicBezTo>
                    <a:pt x="24230" y="42894"/>
                    <a:pt x="25297" y="42559"/>
                    <a:pt x="26427" y="42371"/>
                  </a:cubicBezTo>
                  <a:cubicBezTo>
                    <a:pt x="26678" y="42308"/>
                    <a:pt x="26971" y="42350"/>
                    <a:pt x="27222" y="42371"/>
                  </a:cubicBezTo>
                  <a:cubicBezTo>
                    <a:pt x="27410" y="42391"/>
                    <a:pt x="27619" y="42496"/>
                    <a:pt x="27787" y="42622"/>
                  </a:cubicBezTo>
                  <a:cubicBezTo>
                    <a:pt x="28100" y="42831"/>
                    <a:pt x="28121" y="43187"/>
                    <a:pt x="28121" y="43521"/>
                  </a:cubicBezTo>
                  <a:cubicBezTo>
                    <a:pt x="28121" y="44337"/>
                    <a:pt x="28038" y="45132"/>
                    <a:pt x="28352" y="45928"/>
                  </a:cubicBezTo>
                  <a:cubicBezTo>
                    <a:pt x="28414" y="46053"/>
                    <a:pt x="28373" y="46221"/>
                    <a:pt x="28373" y="46367"/>
                  </a:cubicBezTo>
                  <a:cubicBezTo>
                    <a:pt x="28435" y="46848"/>
                    <a:pt x="28477" y="47329"/>
                    <a:pt x="28561" y="47811"/>
                  </a:cubicBezTo>
                  <a:cubicBezTo>
                    <a:pt x="28749" y="48731"/>
                    <a:pt x="28958" y="49631"/>
                    <a:pt x="29147" y="50552"/>
                  </a:cubicBezTo>
                  <a:cubicBezTo>
                    <a:pt x="29189" y="50866"/>
                    <a:pt x="29272" y="51200"/>
                    <a:pt x="29251" y="51556"/>
                  </a:cubicBezTo>
                  <a:cubicBezTo>
                    <a:pt x="29189" y="52665"/>
                    <a:pt x="29691" y="53711"/>
                    <a:pt x="29607" y="54841"/>
                  </a:cubicBezTo>
                  <a:cubicBezTo>
                    <a:pt x="29607" y="54904"/>
                    <a:pt x="29649" y="54946"/>
                    <a:pt x="29670" y="55029"/>
                  </a:cubicBezTo>
                  <a:cubicBezTo>
                    <a:pt x="29900" y="55469"/>
                    <a:pt x="29879" y="55971"/>
                    <a:pt x="29795" y="56431"/>
                  </a:cubicBezTo>
                  <a:cubicBezTo>
                    <a:pt x="29712" y="56912"/>
                    <a:pt x="29670" y="57373"/>
                    <a:pt x="29544" y="57854"/>
                  </a:cubicBezTo>
                  <a:cubicBezTo>
                    <a:pt x="29398" y="58377"/>
                    <a:pt x="29481" y="58775"/>
                    <a:pt x="29879" y="59151"/>
                  </a:cubicBezTo>
                  <a:cubicBezTo>
                    <a:pt x="30130" y="59423"/>
                    <a:pt x="30339" y="59674"/>
                    <a:pt x="30632" y="59925"/>
                  </a:cubicBezTo>
                  <a:cubicBezTo>
                    <a:pt x="30821" y="60072"/>
                    <a:pt x="31030" y="60218"/>
                    <a:pt x="31093" y="60449"/>
                  </a:cubicBezTo>
                  <a:cubicBezTo>
                    <a:pt x="31260" y="60783"/>
                    <a:pt x="31511" y="60930"/>
                    <a:pt x="31825" y="60993"/>
                  </a:cubicBezTo>
                  <a:cubicBezTo>
                    <a:pt x="31909" y="60972"/>
                    <a:pt x="31992" y="60972"/>
                    <a:pt x="32013" y="60909"/>
                  </a:cubicBezTo>
                  <a:cubicBezTo>
                    <a:pt x="32871" y="60093"/>
                    <a:pt x="33896" y="59570"/>
                    <a:pt x="35026" y="59214"/>
                  </a:cubicBezTo>
                  <a:cubicBezTo>
                    <a:pt x="35968" y="58900"/>
                    <a:pt x="36888" y="58503"/>
                    <a:pt x="37872" y="58398"/>
                  </a:cubicBezTo>
                  <a:cubicBezTo>
                    <a:pt x="38060" y="58377"/>
                    <a:pt x="38207" y="58314"/>
                    <a:pt x="38395" y="58273"/>
                  </a:cubicBezTo>
                  <a:cubicBezTo>
                    <a:pt x="39441" y="57959"/>
                    <a:pt x="40487" y="57708"/>
                    <a:pt x="41554" y="57582"/>
                  </a:cubicBezTo>
                  <a:cubicBezTo>
                    <a:pt x="43186" y="57394"/>
                    <a:pt x="44777" y="57164"/>
                    <a:pt x="46430" y="57226"/>
                  </a:cubicBezTo>
                  <a:cubicBezTo>
                    <a:pt x="46995" y="57247"/>
                    <a:pt x="47580" y="57226"/>
                    <a:pt x="48145" y="57226"/>
                  </a:cubicBezTo>
                  <a:cubicBezTo>
                    <a:pt x="48313" y="57226"/>
                    <a:pt x="48501" y="57164"/>
                    <a:pt x="48668" y="57122"/>
                  </a:cubicBezTo>
                  <a:cubicBezTo>
                    <a:pt x="48752" y="56599"/>
                    <a:pt x="48752" y="56159"/>
                    <a:pt x="48710" y="55594"/>
                  </a:cubicBezTo>
                  <a:cubicBezTo>
                    <a:pt x="48313" y="55762"/>
                    <a:pt x="48145" y="56034"/>
                    <a:pt x="47978" y="56327"/>
                  </a:cubicBezTo>
                  <a:cubicBezTo>
                    <a:pt x="47811" y="56536"/>
                    <a:pt x="47643" y="56745"/>
                    <a:pt x="47434" y="56912"/>
                  </a:cubicBezTo>
                  <a:cubicBezTo>
                    <a:pt x="47350" y="56954"/>
                    <a:pt x="47141" y="56933"/>
                    <a:pt x="46995" y="56850"/>
                  </a:cubicBezTo>
                  <a:cubicBezTo>
                    <a:pt x="46848" y="56745"/>
                    <a:pt x="46764" y="56557"/>
                    <a:pt x="46848" y="56389"/>
                  </a:cubicBezTo>
                  <a:cubicBezTo>
                    <a:pt x="46911" y="56285"/>
                    <a:pt x="46974" y="56180"/>
                    <a:pt x="47036" y="56076"/>
                  </a:cubicBezTo>
                  <a:cubicBezTo>
                    <a:pt x="47246" y="55762"/>
                    <a:pt x="47434" y="55427"/>
                    <a:pt x="47664" y="55050"/>
                  </a:cubicBezTo>
                  <a:cubicBezTo>
                    <a:pt x="47246" y="55260"/>
                    <a:pt x="46911" y="55427"/>
                    <a:pt x="46555" y="55573"/>
                  </a:cubicBezTo>
                  <a:cubicBezTo>
                    <a:pt x="46367" y="55657"/>
                    <a:pt x="46199" y="55594"/>
                    <a:pt x="46053" y="55469"/>
                  </a:cubicBezTo>
                  <a:cubicBezTo>
                    <a:pt x="45927" y="55343"/>
                    <a:pt x="45927" y="55050"/>
                    <a:pt x="46095" y="54904"/>
                  </a:cubicBezTo>
                  <a:cubicBezTo>
                    <a:pt x="46220" y="54757"/>
                    <a:pt x="46346" y="54653"/>
                    <a:pt x="46513" y="54548"/>
                  </a:cubicBezTo>
                  <a:cubicBezTo>
                    <a:pt x="46995" y="54276"/>
                    <a:pt x="47518" y="54025"/>
                    <a:pt x="48020" y="53753"/>
                  </a:cubicBezTo>
                  <a:cubicBezTo>
                    <a:pt x="48145" y="53690"/>
                    <a:pt x="48250" y="53586"/>
                    <a:pt x="48438" y="53481"/>
                  </a:cubicBezTo>
                  <a:cubicBezTo>
                    <a:pt x="48124" y="53272"/>
                    <a:pt x="47852" y="53355"/>
                    <a:pt x="47601" y="53376"/>
                  </a:cubicBezTo>
                  <a:cubicBezTo>
                    <a:pt x="46513" y="53544"/>
                    <a:pt x="45404" y="53753"/>
                    <a:pt x="44379" y="54171"/>
                  </a:cubicBezTo>
                  <a:cubicBezTo>
                    <a:pt x="44295" y="54213"/>
                    <a:pt x="44128" y="54234"/>
                    <a:pt x="44044" y="54213"/>
                  </a:cubicBezTo>
                  <a:cubicBezTo>
                    <a:pt x="43919" y="54171"/>
                    <a:pt x="43793" y="54067"/>
                    <a:pt x="43730" y="53920"/>
                  </a:cubicBezTo>
                  <a:cubicBezTo>
                    <a:pt x="43710" y="53858"/>
                    <a:pt x="43793" y="53669"/>
                    <a:pt x="43856" y="53648"/>
                  </a:cubicBezTo>
                  <a:cubicBezTo>
                    <a:pt x="44107" y="53481"/>
                    <a:pt x="44337" y="53355"/>
                    <a:pt x="44567" y="53272"/>
                  </a:cubicBezTo>
                  <a:cubicBezTo>
                    <a:pt x="45342" y="53083"/>
                    <a:pt x="46095" y="52937"/>
                    <a:pt x="46848" y="52770"/>
                  </a:cubicBezTo>
                  <a:cubicBezTo>
                    <a:pt x="47120" y="52728"/>
                    <a:pt x="47371" y="52644"/>
                    <a:pt x="47685" y="52560"/>
                  </a:cubicBezTo>
                  <a:cubicBezTo>
                    <a:pt x="47267" y="51912"/>
                    <a:pt x="47287" y="51221"/>
                    <a:pt x="47225" y="50552"/>
                  </a:cubicBezTo>
                  <a:cubicBezTo>
                    <a:pt x="47225" y="50468"/>
                    <a:pt x="47162" y="50363"/>
                    <a:pt x="47162" y="50301"/>
                  </a:cubicBezTo>
                  <a:cubicBezTo>
                    <a:pt x="46764" y="48355"/>
                    <a:pt x="46325" y="46388"/>
                    <a:pt x="45802" y="44484"/>
                  </a:cubicBezTo>
                  <a:cubicBezTo>
                    <a:pt x="45718" y="44191"/>
                    <a:pt x="45614" y="43919"/>
                    <a:pt x="45488" y="43647"/>
                  </a:cubicBezTo>
                  <a:cubicBezTo>
                    <a:pt x="45258" y="43145"/>
                    <a:pt x="45070" y="42663"/>
                    <a:pt x="44944" y="42140"/>
                  </a:cubicBezTo>
                  <a:cubicBezTo>
                    <a:pt x="44818" y="41575"/>
                    <a:pt x="44630" y="41031"/>
                    <a:pt x="44316" y="40508"/>
                  </a:cubicBezTo>
                  <a:cubicBezTo>
                    <a:pt x="43479" y="40780"/>
                    <a:pt x="42684" y="41052"/>
                    <a:pt x="41889" y="41241"/>
                  </a:cubicBezTo>
                  <a:cubicBezTo>
                    <a:pt x="41052" y="41450"/>
                    <a:pt x="40173" y="41638"/>
                    <a:pt x="39316" y="41722"/>
                  </a:cubicBezTo>
                  <a:cubicBezTo>
                    <a:pt x="38541" y="41659"/>
                    <a:pt x="37704" y="41617"/>
                    <a:pt x="36784" y="41617"/>
                  </a:cubicBezTo>
                  <a:close/>
                  <a:moveTo>
                    <a:pt x="28665" y="61034"/>
                  </a:moveTo>
                  <a:cubicBezTo>
                    <a:pt x="28393" y="60721"/>
                    <a:pt x="28142" y="60386"/>
                    <a:pt x="27828" y="60156"/>
                  </a:cubicBezTo>
                  <a:cubicBezTo>
                    <a:pt x="27473" y="59842"/>
                    <a:pt x="27075" y="59570"/>
                    <a:pt x="26845" y="59151"/>
                  </a:cubicBezTo>
                  <a:cubicBezTo>
                    <a:pt x="26720" y="58921"/>
                    <a:pt x="26448" y="58817"/>
                    <a:pt x="26196" y="58712"/>
                  </a:cubicBezTo>
                  <a:cubicBezTo>
                    <a:pt x="25820" y="58586"/>
                    <a:pt x="25485" y="58419"/>
                    <a:pt x="25192" y="58105"/>
                  </a:cubicBezTo>
                  <a:cubicBezTo>
                    <a:pt x="25004" y="57938"/>
                    <a:pt x="24753" y="57833"/>
                    <a:pt x="24523" y="57666"/>
                  </a:cubicBezTo>
                  <a:cubicBezTo>
                    <a:pt x="24313" y="57540"/>
                    <a:pt x="24062" y="57456"/>
                    <a:pt x="23895" y="57310"/>
                  </a:cubicBezTo>
                  <a:cubicBezTo>
                    <a:pt x="23518" y="56933"/>
                    <a:pt x="23100" y="56808"/>
                    <a:pt x="22598" y="56682"/>
                  </a:cubicBezTo>
                  <a:cubicBezTo>
                    <a:pt x="21489" y="56389"/>
                    <a:pt x="20296" y="56159"/>
                    <a:pt x="19229" y="55678"/>
                  </a:cubicBezTo>
                  <a:cubicBezTo>
                    <a:pt x="18999" y="55573"/>
                    <a:pt x="18706" y="55573"/>
                    <a:pt x="18455" y="55573"/>
                  </a:cubicBezTo>
                  <a:lnTo>
                    <a:pt x="13287" y="55573"/>
                  </a:lnTo>
                  <a:cubicBezTo>
                    <a:pt x="13035" y="55573"/>
                    <a:pt x="12743" y="55594"/>
                    <a:pt x="12491" y="55636"/>
                  </a:cubicBezTo>
                  <a:cubicBezTo>
                    <a:pt x="11466" y="55783"/>
                    <a:pt x="10462" y="55992"/>
                    <a:pt x="9458" y="56159"/>
                  </a:cubicBezTo>
                  <a:cubicBezTo>
                    <a:pt x="8035" y="56327"/>
                    <a:pt x="6758" y="56933"/>
                    <a:pt x="5419" y="57456"/>
                  </a:cubicBezTo>
                  <a:cubicBezTo>
                    <a:pt x="5273" y="58168"/>
                    <a:pt x="5001" y="58796"/>
                    <a:pt x="4561" y="59340"/>
                  </a:cubicBezTo>
                  <a:cubicBezTo>
                    <a:pt x="3871" y="60177"/>
                    <a:pt x="3411" y="61181"/>
                    <a:pt x="2825" y="62081"/>
                  </a:cubicBezTo>
                  <a:cubicBezTo>
                    <a:pt x="2406" y="62771"/>
                    <a:pt x="2239" y="63503"/>
                    <a:pt x="1988" y="64340"/>
                  </a:cubicBezTo>
                  <a:cubicBezTo>
                    <a:pt x="2260" y="64257"/>
                    <a:pt x="2490" y="64257"/>
                    <a:pt x="2657" y="64152"/>
                  </a:cubicBezTo>
                  <a:cubicBezTo>
                    <a:pt x="3243" y="63713"/>
                    <a:pt x="3955" y="63545"/>
                    <a:pt x="4666" y="63420"/>
                  </a:cubicBezTo>
                  <a:cubicBezTo>
                    <a:pt x="5064" y="63336"/>
                    <a:pt x="5419" y="63210"/>
                    <a:pt x="5796" y="63106"/>
                  </a:cubicBezTo>
                  <a:cubicBezTo>
                    <a:pt x="6800" y="62792"/>
                    <a:pt x="7805" y="62499"/>
                    <a:pt x="8851" y="62353"/>
                  </a:cubicBezTo>
                  <a:cubicBezTo>
                    <a:pt x="9499" y="62248"/>
                    <a:pt x="10148" y="62122"/>
                    <a:pt x="10818" y="62039"/>
                  </a:cubicBezTo>
                  <a:cubicBezTo>
                    <a:pt x="11864" y="61871"/>
                    <a:pt x="12910" y="61746"/>
                    <a:pt x="13956" y="61746"/>
                  </a:cubicBezTo>
                  <a:cubicBezTo>
                    <a:pt x="15797" y="61767"/>
                    <a:pt x="17681" y="61767"/>
                    <a:pt x="19543" y="61746"/>
                  </a:cubicBezTo>
                  <a:cubicBezTo>
                    <a:pt x="20547" y="61746"/>
                    <a:pt x="21530" y="61809"/>
                    <a:pt x="22493" y="61976"/>
                  </a:cubicBezTo>
                  <a:cubicBezTo>
                    <a:pt x="22744" y="62039"/>
                    <a:pt x="22974" y="62081"/>
                    <a:pt x="23204" y="62122"/>
                  </a:cubicBezTo>
                  <a:cubicBezTo>
                    <a:pt x="25987" y="62562"/>
                    <a:pt x="28728" y="63022"/>
                    <a:pt x="31427" y="63901"/>
                  </a:cubicBezTo>
                  <a:cubicBezTo>
                    <a:pt x="31553" y="63943"/>
                    <a:pt x="31699" y="63922"/>
                    <a:pt x="31867" y="63922"/>
                  </a:cubicBezTo>
                  <a:cubicBezTo>
                    <a:pt x="31365" y="62646"/>
                    <a:pt x="31030" y="61348"/>
                    <a:pt x="29753" y="60658"/>
                  </a:cubicBezTo>
                  <a:cubicBezTo>
                    <a:pt x="29481" y="60930"/>
                    <a:pt x="29126" y="61034"/>
                    <a:pt x="28665" y="61034"/>
                  </a:cubicBezTo>
                  <a:close/>
                  <a:moveTo>
                    <a:pt x="45195" y="40090"/>
                  </a:moveTo>
                  <a:cubicBezTo>
                    <a:pt x="45258" y="40257"/>
                    <a:pt x="45300" y="40404"/>
                    <a:pt x="45362" y="40529"/>
                  </a:cubicBezTo>
                  <a:cubicBezTo>
                    <a:pt x="45572" y="41115"/>
                    <a:pt x="45760" y="41659"/>
                    <a:pt x="45948" y="42245"/>
                  </a:cubicBezTo>
                  <a:cubicBezTo>
                    <a:pt x="46011" y="42391"/>
                    <a:pt x="46053" y="42580"/>
                    <a:pt x="46137" y="42726"/>
                  </a:cubicBezTo>
                  <a:cubicBezTo>
                    <a:pt x="46597" y="43459"/>
                    <a:pt x="46806" y="44275"/>
                    <a:pt x="46995" y="45091"/>
                  </a:cubicBezTo>
                  <a:cubicBezTo>
                    <a:pt x="47371" y="46513"/>
                    <a:pt x="47706" y="47936"/>
                    <a:pt x="48041" y="49380"/>
                  </a:cubicBezTo>
                  <a:cubicBezTo>
                    <a:pt x="48187" y="49945"/>
                    <a:pt x="48229" y="50552"/>
                    <a:pt x="48250" y="51158"/>
                  </a:cubicBezTo>
                  <a:cubicBezTo>
                    <a:pt x="48313" y="51975"/>
                    <a:pt x="48731" y="52623"/>
                    <a:pt x="49547" y="52937"/>
                  </a:cubicBezTo>
                  <a:cubicBezTo>
                    <a:pt x="49694" y="52979"/>
                    <a:pt x="49903" y="53042"/>
                    <a:pt x="50070" y="52958"/>
                  </a:cubicBezTo>
                  <a:cubicBezTo>
                    <a:pt x="50761" y="52707"/>
                    <a:pt x="51472" y="52498"/>
                    <a:pt x="52163" y="52121"/>
                  </a:cubicBezTo>
                  <a:cubicBezTo>
                    <a:pt x="53000" y="51682"/>
                    <a:pt x="53795" y="51138"/>
                    <a:pt x="54611" y="50614"/>
                  </a:cubicBezTo>
                  <a:cubicBezTo>
                    <a:pt x="55887" y="49778"/>
                    <a:pt x="57142" y="48878"/>
                    <a:pt x="58189" y="47748"/>
                  </a:cubicBezTo>
                  <a:cubicBezTo>
                    <a:pt x="59214" y="46660"/>
                    <a:pt x="59067" y="45404"/>
                    <a:pt x="57958" y="44568"/>
                  </a:cubicBezTo>
                  <a:cubicBezTo>
                    <a:pt x="57896" y="44505"/>
                    <a:pt x="57812" y="44463"/>
                    <a:pt x="57749" y="44400"/>
                  </a:cubicBezTo>
                  <a:cubicBezTo>
                    <a:pt x="56368" y="43396"/>
                    <a:pt x="54820" y="42622"/>
                    <a:pt x="53355" y="41743"/>
                  </a:cubicBezTo>
                  <a:cubicBezTo>
                    <a:pt x="53251" y="41680"/>
                    <a:pt x="53146" y="41638"/>
                    <a:pt x="53021" y="41575"/>
                  </a:cubicBezTo>
                  <a:cubicBezTo>
                    <a:pt x="52100" y="41262"/>
                    <a:pt x="51263" y="40801"/>
                    <a:pt x="50426" y="40299"/>
                  </a:cubicBezTo>
                  <a:cubicBezTo>
                    <a:pt x="49861" y="39964"/>
                    <a:pt x="49254" y="39692"/>
                    <a:pt x="48627" y="39462"/>
                  </a:cubicBezTo>
                  <a:cubicBezTo>
                    <a:pt x="48229" y="39337"/>
                    <a:pt x="47873" y="39127"/>
                    <a:pt x="47455" y="38939"/>
                  </a:cubicBezTo>
                  <a:cubicBezTo>
                    <a:pt x="46743" y="39378"/>
                    <a:pt x="45927" y="39630"/>
                    <a:pt x="45195" y="40090"/>
                  </a:cubicBezTo>
                  <a:close/>
                  <a:moveTo>
                    <a:pt x="33750" y="65198"/>
                  </a:moveTo>
                  <a:cubicBezTo>
                    <a:pt x="33896" y="65198"/>
                    <a:pt x="34001" y="65219"/>
                    <a:pt x="34085" y="65198"/>
                  </a:cubicBezTo>
                  <a:cubicBezTo>
                    <a:pt x="34922" y="64968"/>
                    <a:pt x="35759" y="64696"/>
                    <a:pt x="36533" y="64278"/>
                  </a:cubicBezTo>
                  <a:cubicBezTo>
                    <a:pt x="36888" y="64110"/>
                    <a:pt x="37244" y="63964"/>
                    <a:pt x="37621" y="63838"/>
                  </a:cubicBezTo>
                  <a:cubicBezTo>
                    <a:pt x="39316" y="63231"/>
                    <a:pt x="41094" y="62897"/>
                    <a:pt x="42893" y="62687"/>
                  </a:cubicBezTo>
                  <a:cubicBezTo>
                    <a:pt x="43835" y="62583"/>
                    <a:pt x="44839" y="62562"/>
                    <a:pt x="45781" y="62583"/>
                  </a:cubicBezTo>
                  <a:cubicBezTo>
                    <a:pt x="47392" y="62583"/>
                    <a:pt x="49024" y="62478"/>
                    <a:pt x="50635" y="62687"/>
                  </a:cubicBezTo>
                  <a:cubicBezTo>
                    <a:pt x="51221" y="62771"/>
                    <a:pt x="51765" y="62813"/>
                    <a:pt x="52351" y="62897"/>
                  </a:cubicBezTo>
                  <a:cubicBezTo>
                    <a:pt x="54297" y="63106"/>
                    <a:pt x="56222" y="63441"/>
                    <a:pt x="58042" y="64173"/>
                  </a:cubicBezTo>
                  <a:cubicBezTo>
                    <a:pt x="58314" y="64278"/>
                    <a:pt x="58586" y="64361"/>
                    <a:pt x="58942" y="64466"/>
                  </a:cubicBezTo>
                  <a:cubicBezTo>
                    <a:pt x="58942" y="64319"/>
                    <a:pt x="58942" y="64215"/>
                    <a:pt x="58900" y="64152"/>
                  </a:cubicBezTo>
                  <a:cubicBezTo>
                    <a:pt x="58649" y="63713"/>
                    <a:pt x="58377" y="63273"/>
                    <a:pt x="58105" y="62855"/>
                  </a:cubicBezTo>
                  <a:cubicBezTo>
                    <a:pt x="57603" y="62081"/>
                    <a:pt x="57059" y="61390"/>
                    <a:pt x="56578" y="60595"/>
                  </a:cubicBezTo>
                  <a:cubicBezTo>
                    <a:pt x="56368" y="60260"/>
                    <a:pt x="56138" y="60051"/>
                    <a:pt x="55803" y="59925"/>
                  </a:cubicBezTo>
                  <a:cubicBezTo>
                    <a:pt x="54862" y="59549"/>
                    <a:pt x="53899" y="59130"/>
                    <a:pt x="52937" y="58796"/>
                  </a:cubicBezTo>
                  <a:cubicBezTo>
                    <a:pt x="51681" y="58356"/>
                    <a:pt x="50384" y="58084"/>
                    <a:pt x="49045" y="58063"/>
                  </a:cubicBezTo>
                  <a:cubicBezTo>
                    <a:pt x="47057" y="58042"/>
                    <a:pt x="45070" y="57938"/>
                    <a:pt x="43082" y="58210"/>
                  </a:cubicBezTo>
                  <a:cubicBezTo>
                    <a:pt x="41701" y="58419"/>
                    <a:pt x="40257" y="58503"/>
                    <a:pt x="38897" y="58942"/>
                  </a:cubicBezTo>
                  <a:cubicBezTo>
                    <a:pt x="38541" y="59089"/>
                    <a:pt x="38144" y="59151"/>
                    <a:pt x="37746" y="59214"/>
                  </a:cubicBezTo>
                  <a:cubicBezTo>
                    <a:pt x="37014" y="59298"/>
                    <a:pt x="36344" y="59528"/>
                    <a:pt x="35675" y="59821"/>
                  </a:cubicBezTo>
                  <a:cubicBezTo>
                    <a:pt x="35319" y="59967"/>
                    <a:pt x="34943" y="60135"/>
                    <a:pt x="34587" y="60239"/>
                  </a:cubicBezTo>
                  <a:cubicBezTo>
                    <a:pt x="33938" y="60407"/>
                    <a:pt x="33415" y="60825"/>
                    <a:pt x="32850" y="61181"/>
                  </a:cubicBezTo>
                  <a:cubicBezTo>
                    <a:pt x="32494" y="61411"/>
                    <a:pt x="32327" y="61746"/>
                    <a:pt x="32390" y="62164"/>
                  </a:cubicBezTo>
                  <a:cubicBezTo>
                    <a:pt x="32432" y="62541"/>
                    <a:pt x="32515" y="62876"/>
                    <a:pt x="32641" y="63210"/>
                  </a:cubicBezTo>
                  <a:cubicBezTo>
                    <a:pt x="32829" y="63650"/>
                    <a:pt x="33038" y="64110"/>
                    <a:pt x="33248" y="64529"/>
                  </a:cubicBezTo>
                  <a:cubicBezTo>
                    <a:pt x="33394" y="64738"/>
                    <a:pt x="33582" y="64968"/>
                    <a:pt x="33750" y="65198"/>
                  </a:cubicBezTo>
                  <a:close/>
                  <a:moveTo>
                    <a:pt x="15484" y="49945"/>
                  </a:moveTo>
                  <a:cubicBezTo>
                    <a:pt x="15546" y="49798"/>
                    <a:pt x="15630" y="49610"/>
                    <a:pt x="15672" y="49464"/>
                  </a:cubicBezTo>
                  <a:cubicBezTo>
                    <a:pt x="15839" y="48836"/>
                    <a:pt x="15986" y="48166"/>
                    <a:pt x="16153" y="47539"/>
                  </a:cubicBezTo>
                  <a:cubicBezTo>
                    <a:pt x="16362" y="46785"/>
                    <a:pt x="16697" y="46074"/>
                    <a:pt x="17116" y="45425"/>
                  </a:cubicBezTo>
                  <a:cubicBezTo>
                    <a:pt x="17534" y="44714"/>
                    <a:pt x="17932" y="44024"/>
                    <a:pt x="18141" y="43228"/>
                  </a:cubicBezTo>
                  <a:cubicBezTo>
                    <a:pt x="18204" y="42915"/>
                    <a:pt x="18371" y="42601"/>
                    <a:pt x="18559" y="42350"/>
                  </a:cubicBezTo>
                  <a:cubicBezTo>
                    <a:pt x="20024" y="40257"/>
                    <a:pt x="21133" y="37914"/>
                    <a:pt x="22598" y="35821"/>
                  </a:cubicBezTo>
                  <a:cubicBezTo>
                    <a:pt x="22786" y="35570"/>
                    <a:pt x="22932" y="35277"/>
                    <a:pt x="22932" y="34859"/>
                  </a:cubicBezTo>
                  <a:cubicBezTo>
                    <a:pt x="22619" y="34964"/>
                    <a:pt x="22388" y="35047"/>
                    <a:pt x="22158" y="35152"/>
                  </a:cubicBezTo>
                  <a:cubicBezTo>
                    <a:pt x="20233" y="36031"/>
                    <a:pt x="18434" y="37223"/>
                    <a:pt x="16634" y="38374"/>
                  </a:cubicBezTo>
                  <a:cubicBezTo>
                    <a:pt x="16593" y="38395"/>
                    <a:pt x="16530" y="38437"/>
                    <a:pt x="16509" y="38479"/>
                  </a:cubicBezTo>
                  <a:cubicBezTo>
                    <a:pt x="15588" y="39169"/>
                    <a:pt x="14730" y="39902"/>
                    <a:pt x="13789" y="40571"/>
                  </a:cubicBezTo>
                  <a:cubicBezTo>
                    <a:pt x="12868" y="41220"/>
                    <a:pt x="12094" y="41994"/>
                    <a:pt x="11424" y="42894"/>
                  </a:cubicBezTo>
                  <a:cubicBezTo>
                    <a:pt x="10839" y="43731"/>
                    <a:pt x="10629" y="44484"/>
                    <a:pt x="11299" y="45446"/>
                  </a:cubicBezTo>
                  <a:cubicBezTo>
                    <a:pt x="11885" y="46262"/>
                    <a:pt x="12408" y="47099"/>
                    <a:pt x="12973" y="47915"/>
                  </a:cubicBezTo>
                  <a:cubicBezTo>
                    <a:pt x="13496" y="48648"/>
                    <a:pt x="14521" y="49464"/>
                    <a:pt x="15484" y="49945"/>
                  </a:cubicBezTo>
                  <a:close/>
                  <a:moveTo>
                    <a:pt x="23686" y="44275"/>
                  </a:moveTo>
                  <a:cubicBezTo>
                    <a:pt x="24041" y="46137"/>
                    <a:pt x="24418" y="47957"/>
                    <a:pt x="25087" y="49736"/>
                  </a:cubicBezTo>
                  <a:cubicBezTo>
                    <a:pt x="25276" y="49715"/>
                    <a:pt x="25464" y="49652"/>
                    <a:pt x="25611" y="49631"/>
                  </a:cubicBezTo>
                  <a:cubicBezTo>
                    <a:pt x="25799" y="49610"/>
                    <a:pt x="26008" y="49694"/>
                    <a:pt x="26029" y="49903"/>
                  </a:cubicBezTo>
                  <a:cubicBezTo>
                    <a:pt x="26050" y="50029"/>
                    <a:pt x="26008" y="50217"/>
                    <a:pt x="25904" y="50301"/>
                  </a:cubicBezTo>
                  <a:cubicBezTo>
                    <a:pt x="25694" y="50510"/>
                    <a:pt x="25464" y="50677"/>
                    <a:pt x="25213" y="50866"/>
                  </a:cubicBezTo>
                  <a:cubicBezTo>
                    <a:pt x="25318" y="51619"/>
                    <a:pt x="25360" y="52330"/>
                    <a:pt x="25611" y="53021"/>
                  </a:cubicBezTo>
                  <a:cubicBezTo>
                    <a:pt x="26029" y="54171"/>
                    <a:pt x="26301" y="55343"/>
                    <a:pt x="26322" y="56599"/>
                  </a:cubicBezTo>
                  <a:cubicBezTo>
                    <a:pt x="26992" y="56431"/>
                    <a:pt x="27598" y="56180"/>
                    <a:pt x="28289" y="56117"/>
                  </a:cubicBezTo>
                  <a:cubicBezTo>
                    <a:pt x="28456" y="56117"/>
                    <a:pt x="28645" y="55950"/>
                    <a:pt x="28854" y="55804"/>
                  </a:cubicBezTo>
                  <a:cubicBezTo>
                    <a:pt x="28770" y="55448"/>
                    <a:pt x="28624" y="55071"/>
                    <a:pt x="28624" y="54736"/>
                  </a:cubicBezTo>
                  <a:cubicBezTo>
                    <a:pt x="28624" y="53983"/>
                    <a:pt x="28561" y="53251"/>
                    <a:pt x="28393" y="52519"/>
                  </a:cubicBezTo>
                  <a:cubicBezTo>
                    <a:pt x="28352" y="52372"/>
                    <a:pt x="28352" y="52226"/>
                    <a:pt x="28352" y="52058"/>
                  </a:cubicBezTo>
                  <a:cubicBezTo>
                    <a:pt x="28414" y="51326"/>
                    <a:pt x="28247" y="50635"/>
                    <a:pt x="28121" y="49924"/>
                  </a:cubicBezTo>
                  <a:cubicBezTo>
                    <a:pt x="27912" y="48689"/>
                    <a:pt x="27515" y="47476"/>
                    <a:pt x="27598" y="46179"/>
                  </a:cubicBezTo>
                  <a:cubicBezTo>
                    <a:pt x="27598" y="45990"/>
                    <a:pt x="27556" y="45823"/>
                    <a:pt x="27494" y="45656"/>
                  </a:cubicBezTo>
                  <a:cubicBezTo>
                    <a:pt x="27347" y="45258"/>
                    <a:pt x="27347" y="44840"/>
                    <a:pt x="27347" y="44400"/>
                  </a:cubicBezTo>
                  <a:lnTo>
                    <a:pt x="27347" y="43584"/>
                  </a:lnTo>
                  <a:cubicBezTo>
                    <a:pt x="27305" y="43208"/>
                    <a:pt x="27180" y="43061"/>
                    <a:pt x="26761" y="43061"/>
                  </a:cubicBezTo>
                  <a:cubicBezTo>
                    <a:pt x="26510" y="43061"/>
                    <a:pt x="26238" y="43124"/>
                    <a:pt x="25987" y="43166"/>
                  </a:cubicBezTo>
                  <a:cubicBezTo>
                    <a:pt x="25820" y="43208"/>
                    <a:pt x="25694" y="43270"/>
                    <a:pt x="25569" y="43312"/>
                  </a:cubicBezTo>
                  <a:cubicBezTo>
                    <a:pt x="24836" y="43375"/>
                    <a:pt x="24271" y="43710"/>
                    <a:pt x="23686" y="44275"/>
                  </a:cubicBezTo>
                  <a:close/>
                  <a:moveTo>
                    <a:pt x="25067" y="54276"/>
                  </a:moveTo>
                  <a:cubicBezTo>
                    <a:pt x="24313" y="54485"/>
                    <a:pt x="23853" y="54485"/>
                    <a:pt x="23309" y="54171"/>
                  </a:cubicBezTo>
                  <a:cubicBezTo>
                    <a:pt x="22702" y="53816"/>
                    <a:pt x="22137" y="53439"/>
                    <a:pt x="21572" y="53042"/>
                  </a:cubicBezTo>
                  <a:cubicBezTo>
                    <a:pt x="21321" y="52853"/>
                    <a:pt x="21049" y="52770"/>
                    <a:pt x="20735" y="52832"/>
                  </a:cubicBezTo>
                  <a:cubicBezTo>
                    <a:pt x="20484" y="52874"/>
                    <a:pt x="20191" y="52916"/>
                    <a:pt x="19940" y="52853"/>
                  </a:cubicBezTo>
                  <a:cubicBezTo>
                    <a:pt x="18810" y="52623"/>
                    <a:pt x="17681" y="52456"/>
                    <a:pt x="16634" y="51995"/>
                  </a:cubicBezTo>
                  <a:cubicBezTo>
                    <a:pt x="16446" y="51912"/>
                    <a:pt x="16237" y="51891"/>
                    <a:pt x="16090" y="51828"/>
                  </a:cubicBezTo>
                  <a:cubicBezTo>
                    <a:pt x="15651" y="52309"/>
                    <a:pt x="15881" y="52937"/>
                    <a:pt x="15504" y="53376"/>
                  </a:cubicBezTo>
                  <a:lnTo>
                    <a:pt x="15504" y="54653"/>
                  </a:lnTo>
                  <a:cubicBezTo>
                    <a:pt x="15714" y="54695"/>
                    <a:pt x="15902" y="54715"/>
                    <a:pt x="16111" y="54715"/>
                  </a:cubicBezTo>
                  <a:lnTo>
                    <a:pt x="18643" y="54715"/>
                  </a:lnTo>
                  <a:cubicBezTo>
                    <a:pt x="18936" y="54715"/>
                    <a:pt x="19250" y="54736"/>
                    <a:pt x="19543" y="54841"/>
                  </a:cubicBezTo>
                  <a:cubicBezTo>
                    <a:pt x="20694" y="55301"/>
                    <a:pt x="21886" y="55573"/>
                    <a:pt x="23100" y="55866"/>
                  </a:cubicBezTo>
                  <a:cubicBezTo>
                    <a:pt x="23602" y="55992"/>
                    <a:pt x="24062" y="56117"/>
                    <a:pt x="24439" y="56536"/>
                  </a:cubicBezTo>
                  <a:cubicBezTo>
                    <a:pt x="24774" y="56912"/>
                    <a:pt x="25025" y="56954"/>
                    <a:pt x="25548" y="56975"/>
                  </a:cubicBezTo>
                  <a:cubicBezTo>
                    <a:pt x="25485" y="56306"/>
                    <a:pt x="25297" y="55657"/>
                    <a:pt x="25234" y="54967"/>
                  </a:cubicBezTo>
                  <a:cubicBezTo>
                    <a:pt x="25192" y="54715"/>
                    <a:pt x="25108" y="54506"/>
                    <a:pt x="25067" y="54276"/>
                  </a:cubicBezTo>
                  <a:close/>
                  <a:moveTo>
                    <a:pt x="20714" y="22953"/>
                  </a:moveTo>
                  <a:cubicBezTo>
                    <a:pt x="20777" y="22640"/>
                    <a:pt x="20798" y="22409"/>
                    <a:pt x="20840" y="22158"/>
                  </a:cubicBezTo>
                  <a:cubicBezTo>
                    <a:pt x="20924" y="21886"/>
                    <a:pt x="21007" y="21635"/>
                    <a:pt x="21112" y="21384"/>
                  </a:cubicBezTo>
                  <a:cubicBezTo>
                    <a:pt x="21468" y="20589"/>
                    <a:pt x="21510" y="19710"/>
                    <a:pt x="21447" y="18852"/>
                  </a:cubicBezTo>
                  <a:cubicBezTo>
                    <a:pt x="21405" y="18246"/>
                    <a:pt x="21007" y="17869"/>
                    <a:pt x="20401" y="17869"/>
                  </a:cubicBezTo>
                  <a:cubicBezTo>
                    <a:pt x="20170" y="17869"/>
                    <a:pt x="19940" y="17869"/>
                    <a:pt x="19689" y="17890"/>
                  </a:cubicBezTo>
                  <a:cubicBezTo>
                    <a:pt x="19438" y="17911"/>
                    <a:pt x="19208" y="18078"/>
                    <a:pt x="19208" y="18308"/>
                  </a:cubicBezTo>
                  <a:cubicBezTo>
                    <a:pt x="19166" y="19166"/>
                    <a:pt x="19020" y="20066"/>
                    <a:pt x="19438" y="20861"/>
                  </a:cubicBezTo>
                  <a:cubicBezTo>
                    <a:pt x="19752" y="21489"/>
                    <a:pt x="20150" y="22117"/>
                    <a:pt x="20505" y="22723"/>
                  </a:cubicBezTo>
                  <a:cubicBezTo>
                    <a:pt x="20568" y="22786"/>
                    <a:pt x="20610" y="22828"/>
                    <a:pt x="20714" y="22953"/>
                  </a:cubicBezTo>
                  <a:close/>
                  <a:moveTo>
                    <a:pt x="54088" y="33771"/>
                  </a:moveTo>
                  <a:cubicBezTo>
                    <a:pt x="54485" y="33792"/>
                    <a:pt x="54778" y="33792"/>
                    <a:pt x="55071" y="33792"/>
                  </a:cubicBezTo>
                  <a:cubicBezTo>
                    <a:pt x="56368" y="33792"/>
                    <a:pt x="57331" y="33080"/>
                    <a:pt x="58147" y="32160"/>
                  </a:cubicBezTo>
                  <a:cubicBezTo>
                    <a:pt x="58544" y="31720"/>
                    <a:pt x="58210" y="30884"/>
                    <a:pt x="57624" y="30863"/>
                  </a:cubicBezTo>
                  <a:cubicBezTo>
                    <a:pt x="56954" y="30842"/>
                    <a:pt x="56243" y="30758"/>
                    <a:pt x="55510" y="30863"/>
                  </a:cubicBezTo>
                  <a:cubicBezTo>
                    <a:pt x="55071" y="31804"/>
                    <a:pt x="54611" y="32746"/>
                    <a:pt x="54088" y="33771"/>
                  </a:cubicBezTo>
                  <a:close/>
                  <a:moveTo>
                    <a:pt x="35738" y="41555"/>
                  </a:moveTo>
                  <a:cubicBezTo>
                    <a:pt x="34482" y="41324"/>
                    <a:pt x="33310" y="41073"/>
                    <a:pt x="32160" y="40864"/>
                  </a:cubicBezTo>
                  <a:cubicBezTo>
                    <a:pt x="32097" y="41596"/>
                    <a:pt x="32432" y="41994"/>
                    <a:pt x="33059" y="42182"/>
                  </a:cubicBezTo>
                  <a:cubicBezTo>
                    <a:pt x="33206" y="42224"/>
                    <a:pt x="33352" y="42224"/>
                    <a:pt x="33520" y="42224"/>
                  </a:cubicBezTo>
                  <a:lnTo>
                    <a:pt x="34817" y="42224"/>
                  </a:lnTo>
                  <a:cubicBezTo>
                    <a:pt x="35110" y="41994"/>
                    <a:pt x="35361" y="41806"/>
                    <a:pt x="35738" y="41555"/>
                  </a:cubicBezTo>
                  <a:close/>
                  <a:moveTo>
                    <a:pt x="26887" y="57833"/>
                  </a:moveTo>
                  <a:cubicBezTo>
                    <a:pt x="27222" y="58482"/>
                    <a:pt x="27724" y="58984"/>
                    <a:pt x="28310" y="59402"/>
                  </a:cubicBezTo>
                  <a:cubicBezTo>
                    <a:pt x="28540" y="59256"/>
                    <a:pt x="28728" y="59130"/>
                    <a:pt x="28896" y="59005"/>
                  </a:cubicBezTo>
                  <a:lnTo>
                    <a:pt x="28896" y="57143"/>
                  </a:lnTo>
                  <a:cubicBezTo>
                    <a:pt x="28226" y="57268"/>
                    <a:pt x="27556" y="57268"/>
                    <a:pt x="26887" y="57833"/>
                  </a:cubicBezTo>
                  <a:close/>
                  <a:moveTo>
                    <a:pt x="22472" y="52707"/>
                  </a:moveTo>
                  <a:cubicBezTo>
                    <a:pt x="22974" y="52979"/>
                    <a:pt x="23435" y="53251"/>
                    <a:pt x="23937" y="53544"/>
                  </a:cubicBezTo>
                  <a:cubicBezTo>
                    <a:pt x="24041" y="53586"/>
                    <a:pt x="24167" y="53607"/>
                    <a:pt x="24271" y="53607"/>
                  </a:cubicBezTo>
                  <a:cubicBezTo>
                    <a:pt x="24460" y="53648"/>
                    <a:pt x="24690" y="53376"/>
                    <a:pt x="24690" y="53188"/>
                  </a:cubicBezTo>
                  <a:cubicBezTo>
                    <a:pt x="24669" y="52979"/>
                    <a:pt x="24564" y="52853"/>
                    <a:pt x="24355" y="52853"/>
                  </a:cubicBezTo>
                  <a:cubicBezTo>
                    <a:pt x="23853" y="52874"/>
                    <a:pt x="23435" y="52623"/>
                    <a:pt x="22974" y="52456"/>
                  </a:cubicBezTo>
                  <a:cubicBezTo>
                    <a:pt x="22765" y="52414"/>
                    <a:pt x="22639" y="52456"/>
                    <a:pt x="22472" y="52707"/>
                  </a:cubicBezTo>
                  <a:close/>
                  <a:moveTo>
                    <a:pt x="23497" y="51723"/>
                  </a:moveTo>
                  <a:cubicBezTo>
                    <a:pt x="23832" y="51912"/>
                    <a:pt x="24083" y="52142"/>
                    <a:pt x="24460" y="51891"/>
                  </a:cubicBezTo>
                  <a:cubicBezTo>
                    <a:pt x="24418" y="51682"/>
                    <a:pt x="24376" y="51451"/>
                    <a:pt x="24334" y="51242"/>
                  </a:cubicBezTo>
                  <a:cubicBezTo>
                    <a:pt x="23937" y="51263"/>
                    <a:pt x="23707" y="51389"/>
                    <a:pt x="23497" y="51723"/>
                  </a:cubicBezTo>
                  <a:close/>
                  <a:moveTo>
                    <a:pt x="12596" y="62792"/>
                  </a:moveTo>
                  <a:lnTo>
                    <a:pt x="12596" y="62750"/>
                  </a:lnTo>
                  <a:lnTo>
                    <a:pt x="12199" y="62750"/>
                  </a:lnTo>
                  <a:lnTo>
                    <a:pt x="12199" y="62792"/>
                  </a:ln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9" name="Google Shape;380;p37">
              <a:extLst>
                <a:ext uri="{FF2B5EF4-FFF2-40B4-BE49-F238E27FC236}">
                  <a16:creationId xmlns:a16="http://schemas.microsoft.com/office/drawing/2014/main" id="{CF1CC6E2-1B7C-C2D1-9E2F-6930AD84BEAB}"/>
                </a:ext>
              </a:extLst>
            </p:cNvPr>
            <p:cNvSpPr/>
            <p:nvPr/>
          </p:nvSpPr>
          <p:spPr>
            <a:xfrm>
              <a:off x="-1599125" y="1614225"/>
              <a:ext cx="429475" cy="219725"/>
            </a:xfrm>
            <a:custGeom>
              <a:avLst/>
              <a:gdLst/>
              <a:ahLst/>
              <a:cxnLst/>
              <a:rect l="l" t="t" r="r" b="b"/>
              <a:pathLst>
                <a:path w="17179" h="8789" extrusionOk="0">
                  <a:moveTo>
                    <a:pt x="16970" y="5482"/>
                  </a:moveTo>
                  <a:cubicBezTo>
                    <a:pt x="17179" y="5671"/>
                    <a:pt x="17158" y="5859"/>
                    <a:pt x="17012" y="5985"/>
                  </a:cubicBezTo>
                  <a:cubicBezTo>
                    <a:pt x="16740" y="6299"/>
                    <a:pt x="16447" y="6591"/>
                    <a:pt x="16237" y="6947"/>
                  </a:cubicBezTo>
                  <a:cubicBezTo>
                    <a:pt x="16237" y="6989"/>
                    <a:pt x="16216" y="7010"/>
                    <a:pt x="16175" y="7010"/>
                  </a:cubicBezTo>
                  <a:cubicBezTo>
                    <a:pt x="15170" y="7575"/>
                    <a:pt x="14291" y="8412"/>
                    <a:pt x="13120" y="8705"/>
                  </a:cubicBezTo>
                  <a:cubicBezTo>
                    <a:pt x="12911" y="8747"/>
                    <a:pt x="12701" y="8788"/>
                    <a:pt x="12492" y="8788"/>
                  </a:cubicBezTo>
                  <a:lnTo>
                    <a:pt x="7701" y="8788"/>
                  </a:lnTo>
                  <a:cubicBezTo>
                    <a:pt x="7449" y="8788"/>
                    <a:pt x="7157" y="8747"/>
                    <a:pt x="6885" y="8684"/>
                  </a:cubicBezTo>
                  <a:cubicBezTo>
                    <a:pt x="6529" y="8579"/>
                    <a:pt x="6131" y="8516"/>
                    <a:pt x="5755" y="8495"/>
                  </a:cubicBezTo>
                  <a:cubicBezTo>
                    <a:pt x="5399" y="8475"/>
                    <a:pt x="5043" y="8349"/>
                    <a:pt x="4708" y="8203"/>
                  </a:cubicBezTo>
                  <a:cubicBezTo>
                    <a:pt x="4353" y="8077"/>
                    <a:pt x="4039" y="7889"/>
                    <a:pt x="3725" y="7742"/>
                  </a:cubicBezTo>
                  <a:cubicBezTo>
                    <a:pt x="3160" y="7470"/>
                    <a:pt x="2763" y="7115"/>
                    <a:pt x="2365" y="6591"/>
                  </a:cubicBezTo>
                  <a:cubicBezTo>
                    <a:pt x="1905" y="5964"/>
                    <a:pt x="1403" y="5357"/>
                    <a:pt x="984" y="4708"/>
                  </a:cubicBezTo>
                  <a:cubicBezTo>
                    <a:pt x="231" y="3558"/>
                    <a:pt x="1" y="2281"/>
                    <a:pt x="126" y="921"/>
                  </a:cubicBezTo>
                  <a:cubicBezTo>
                    <a:pt x="147" y="565"/>
                    <a:pt x="356" y="314"/>
                    <a:pt x="566" y="42"/>
                  </a:cubicBezTo>
                  <a:cubicBezTo>
                    <a:pt x="628" y="1"/>
                    <a:pt x="754" y="1"/>
                    <a:pt x="796" y="1"/>
                  </a:cubicBezTo>
                  <a:cubicBezTo>
                    <a:pt x="879" y="21"/>
                    <a:pt x="963" y="105"/>
                    <a:pt x="984" y="189"/>
                  </a:cubicBezTo>
                  <a:cubicBezTo>
                    <a:pt x="1005" y="293"/>
                    <a:pt x="1005" y="419"/>
                    <a:pt x="984" y="524"/>
                  </a:cubicBezTo>
                  <a:cubicBezTo>
                    <a:pt x="545" y="1779"/>
                    <a:pt x="963" y="2909"/>
                    <a:pt x="1507" y="3976"/>
                  </a:cubicBezTo>
                  <a:cubicBezTo>
                    <a:pt x="2009" y="4918"/>
                    <a:pt x="2784" y="5650"/>
                    <a:pt x="3411" y="6487"/>
                  </a:cubicBezTo>
                  <a:cubicBezTo>
                    <a:pt x="3495" y="6571"/>
                    <a:pt x="3600" y="6633"/>
                    <a:pt x="3704" y="6696"/>
                  </a:cubicBezTo>
                  <a:cubicBezTo>
                    <a:pt x="4206" y="6926"/>
                    <a:pt x="4667" y="7156"/>
                    <a:pt x="5169" y="7366"/>
                  </a:cubicBezTo>
                  <a:cubicBezTo>
                    <a:pt x="5273" y="7428"/>
                    <a:pt x="5399" y="7470"/>
                    <a:pt x="5504" y="7470"/>
                  </a:cubicBezTo>
                  <a:cubicBezTo>
                    <a:pt x="6320" y="7575"/>
                    <a:pt x="7115" y="7742"/>
                    <a:pt x="7910" y="7763"/>
                  </a:cubicBezTo>
                  <a:cubicBezTo>
                    <a:pt x="9333" y="7826"/>
                    <a:pt x="10734" y="7763"/>
                    <a:pt x="12157" y="7763"/>
                  </a:cubicBezTo>
                  <a:cubicBezTo>
                    <a:pt x="12973" y="7763"/>
                    <a:pt x="13664" y="7470"/>
                    <a:pt x="14291" y="6989"/>
                  </a:cubicBezTo>
                  <a:cubicBezTo>
                    <a:pt x="14480" y="6822"/>
                    <a:pt x="14689" y="6696"/>
                    <a:pt x="14898" y="6591"/>
                  </a:cubicBezTo>
                  <a:cubicBezTo>
                    <a:pt x="15233" y="6403"/>
                    <a:pt x="15589" y="6257"/>
                    <a:pt x="15819" y="5901"/>
                  </a:cubicBezTo>
                  <a:cubicBezTo>
                    <a:pt x="16133" y="5629"/>
                    <a:pt x="16593" y="5566"/>
                    <a:pt x="16970" y="5482"/>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0" name="Google Shape;381;p37">
              <a:extLst>
                <a:ext uri="{FF2B5EF4-FFF2-40B4-BE49-F238E27FC236}">
                  <a16:creationId xmlns:a16="http://schemas.microsoft.com/office/drawing/2014/main" id="{346B982A-2505-2FEC-5DFF-0D82D752424D}"/>
                </a:ext>
              </a:extLst>
            </p:cNvPr>
            <p:cNvSpPr/>
            <p:nvPr/>
          </p:nvSpPr>
          <p:spPr>
            <a:xfrm>
              <a:off x="-1261200" y="1599050"/>
              <a:ext cx="39250" cy="46575"/>
            </a:xfrm>
            <a:custGeom>
              <a:avLst/>
              <a:gdLst/>
              <a:ahLst/>
              <a:cxnLst/>
              <a:rect l="l" t="t" r="r" b="b"/>
              <a:pathLst>
                <a:path w="1570" h="1863" extrusionOk="0">
                  <a:moveTo>
                    <a:pt x="1570" y="817"/>
                  </a:moveTo>
                  <a:cubicBezTo>
                    <a:pt x="1570" y="1361"/>
                    <a:pt x="1235" y="1758"/>
                    <a:pt x="774" y="1842"/>
                  </a:cubicBezTo>
                  <a:cubicBezTo>
                    <a:pt x="523" y="1863"/>
                    <a:pt x="314" y="1800"/>
                    <a:pt x="147" y="1570"/>
                  </a:cubicBezTo>
                  <a:cubicBezTo>
                    <a:pt x="21" y="1382"/>
                    <a:pt x="0" y="1152"/>
                    <a:pt x="105" y="963"/>
                  </a:cubicBezTo>
                  <a:cubicBezTo>
                    <a:pt x="293" y="712"/>
                    <a:pt x="502" y="440"/>
                    <a:pt x="754" y="231"/>
                  </a:cubicBezTo>
                  <a:cubicBezTo>
                    <a:pt x="1046" y="1"/>
                    <a:pt x="1402" y="147"/>
                    <a:pt x="1507" y="524"/>
                  </a:cubicBezTo>
                  <a:cubicBezTo>
                    <a:pt x="1549" y="628"/>
                    <a:pt x="1549" y="733"/>
                    <a:pt x="1570" y="817"/>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1" name="Google Shape;382;p37">
              <a:extLst>
                <a:ext uri="{FF2B5EF4-FFF2-40B4-BE49-F238E27FC236}">
                  <a16:creationId xmlns:a16="http://schemas.microsoft.com/office/drawing/2014/main" id="{FE17B33A-F58F-4D9E-C9E8-6CD958AF7D4A}"/>
                </a:ext>
              </a:extLst>
            </p:cNvPr>
            <p:cNvSpPr/>
            <p:nvPr/>
          </p:nvSpPr>
          <p:spPr>
            <a:xfrm>
              <a:off x="-1527450" y="1533150"/>
              <a:ext cx="41350" cy="38725"/>
            </a:xfrm>
            <a:custGeom>
              <a:avLst/>
              <a:gdLst/>
              <a:ahLst/>
              <a:cxnLst/>
              <a:rect l="l" t="t" r="r" b="b"/>
              <a:pathLst>
                <a:path w="1654" h="1549" extrusionOk="0">
                  <a:moveTo>
                    <a:pt x="649" y="21"/>
                  </a:moveTo>
                  <a:cubicBezTo>
                    <a:pt x="1151" y="0"/>
                    <a:pt x="1402" y="84"/>
                    <a:pt x="1507" y="356"/>
                  </a:cubicBezTo>
                  <a:cubicBezTo>
                    <a:pt x="1611" y="649"/>
                    <a:pt x="1653" y="963"/>
                    <a:pt x="1465" y="1235"/>
                  </a:cubicBezTo>
                  <a:cubicBezTo>
                    <a:pt x="1381" y="1339"/>
                    <a:pt x="1235" y="1402"/>
                    <a:pt x="1088" y="1444"/>
                  </a:cubicBezTo>
                  <a:cubicBezTo>
                    <a:pt x="461" y="1549"/>
                    <a:pt x="0" y="1130"/>
                    <a:pt x="0" y="461"/>
                  </a:cubicBezTo>
                  <a:cubicBezTo>
                    <a:pt x="0" y="356"/>
                    <a:pt x="126" y="189"/>
                    <a:pt x="230" y="126"/>
                  </a:cubicBezTo>
                  <a:cubicBezTo>
                    <a:pt x="440" y="21"/>
                    <a:pt x="649" y="21"/>
                    <a:pt x="649" y="21"/>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2" name="Google Shape;383;p37">
              <a:extLst>
                <a:ext uri="{FF2B5EF4-FFF2-40B4-BE49-F238E27FC236}">
                  <a16:creationId xmlns:a16="http://schemas.microsoft.com/office/drawing/2014/main" id="{78F56BE3-A348-F92F-BFD9-A39924A9E458}"/>
                </a:ext>
              </a:extLst>
            </p:cNvPr>
            <p:cNvSpPr/>
            <p:nvPr/>
          </p:nvSpPr>
          <p:spPr>
            <a:xfrm flipH="1">
              <a:off x="-590075" y="1442125"/>
              <a:ext cx="257900" cy="310750"/>
            </a:xfrm>
            <a:custGeom>
              <a:avLst/>
              <a:gdLst/>
              <a:ahLst/>
              <a:cxnLst/>
              <a:rect l="l" t="t" r="r" b="b"/>
              <a:pathLst>
                <a:path w="10316" h="12430" extrusionOk="0">
                  <a:moveTo>
                    <a:pt x="4624" y="168"/>
                  </a:moveTo>
                  <a:cubicBezTo>
                    <a:pt x="3934" y="1110"/>
                    <a:pt x="3453" y="2114"/>
                    <a:pt x="3118" y="3223"/>
                  </a:cubicBezTo>
                  <a:cubicBezTo>
                    <a:pt x="3034" y="3516"/>
                    <a:pt x="2929" y="3830"/>
                    <a:pt x="2929" y="4144"/>
                  </a:cubicBezTo>
                  <a:cubicBezTo>
                    <a:pt x="2909" y="5294"/>
                    <a:pt x="2909" y="6403"/>
                    <a:pt x="2888" y="7554"/>
                  </a:cubicBezTo>
                  <a:cubicBezTo>
                    <a:pt x="2888" y="7993"/>
                    <a:pt x="2992" y="8370"/>
                    <a:pt x="3327" y="8663"/>
                  </a:cubicBezTo>
                  <a:cubicBezTo>
                    <a:pt x="3536" y="8830"/>
                    <a:pt x="3725" y="9040"/>
                    <a:pt x="3892" y="9228"/>
                  </a:cubicBezTo>
                  <a:cubicBezTo>
                    <a:pt x="4352" y="9730"/>
                    <a:pt x="4813" y="10170"/>
                    <a:pt x="5566" y="10065"/>
                  </a:cubicBezTo>
                  <a:cubicBezTo>
                    <a:pt x="5629" y="10065"/>
                    <a:pt x="5712" y="10065"/>
                    <a:pt x="5775" y="10086"/>
                  </a:cubicBezTo>
                  <a:cubicBezTo>
                    <a:pt x="7114" y="10609"/>
                    <a:pt x="8432" y="10462"/>
                    <a:pt x="9730" y="9960"/>
                  </a:cubicBezTo>
                  <a:cubicBezTo>
                    <a:pt x="9855" y="9918"/>
                    <a:pt x="10002" y="9877"/>
                    <a:pt x="10127" y="9835"/>
                  </a:cubicBezTo>
                  <a:cubicBezTo>
                    <a:pt x="10148" y="9835"/>
                    <a:pt x="10169" y="9835"/>
                    <a:pt x="10315" y="9877"/>
                  </a:cubicBezTo>
                  <a:cubicBezTo>
                    <a:pt x="10211" y="9981"/>
                    <a:pt x="10148" y="10086"/>
                    <a:pt x="10064" y="10149"/>
                  </a:cubicBezTo>
                  <a:cubicBezTo>
                    <a:pt x="9018" y="10902"/>
                    <a:pt x="7867" y="11446"/>
                    <a:pt x="6696" y="11948"/>
                  </a:cubicBezTo>
                  <a:cubicBezTo>
                    <a:pt x="5838" y="12325"/>
                    <a:pt x="4896" y="12429"/>
                    <a:pt x="3955" y="12157"/>
                  </a:cubicBezTo>
                  <a:cubicBezTo>
                    <a:pt x="3515" y="12032"/>
                    <a:pt x="3097" y="11948"/>
                    <a:pt x="2637" y="11843"/>
                  </a:cubicBezTo>
                  <a:cubicBezTo>
                    <a:pt x="1988" y="11697"/>
                    <a:pt x="1444" y="11341"/>
                    <a:pt x="1067" y="10755"/>
                  </a:cubicBezTo>
                  <a:cubicBezTo>
                    <a:pt x="712" y="10170"/>
                    <a:pt x="230" y="9646"/>
                    <a:pt x="105" y="8914"/>
                  </a:cubicBezTo>
                  <a:cubicBezTo>
                    <a:pt x="84" y="8684"/>
                    <a:pt x="0" y="8454"/>
                    <a:pt x="21" y="8224"/>
                  </a:cubicBezTo>
                  <a:cubicBezTo>
                    <a:pt x="168" y="6696"/>
                    <a:pt x="272" y="5148"/>
                    <a:pt x="795" y="3725"/>
                  </a:cubicBezTo>
                  <a:cubicBezTo>
                    <a:pt x="1318" y="2260"/>
                    <a:pt x="2260" y="1047"/>
                    <a:pt x="3620" y="231"/>
                  </a:cubicBezTo>
                  <a:cubicBezTo>
                    <a:pt x="3955" y="84"/>
                    <a:pt x="4269" y="1"/>
                    <a:pt x="4624" y="168"/>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33" name="Google Shape;384;p37">
              <a:extLst>
                <a:ext uri="{FF2B5EF4-FFF2-40B4-BE49-F238E27FC236}">
                  <a16:creationId xmlns:a16="http://schemas.microsoft.com/office/drawing/2014/main" id="{A7AA9944-44ED-A8B5-08D7-735FD662DF97}"/>
                </a:ext>
              </a:extLst>
            </p:cNvPr>
            <p:cNvSpPr/>
            <p:nvPr/>
          </p:nvSpPr>
          <p:spPr>
            <a:xfrm flipH="1">
              <a:off x="-640300" y="1431675"/>
              <a:ext cx="339000" cy="350475"/>
            </a:xfrm>
            <a:custGeom>
              <a:avLst/>
              <a:gdLst/>
              <a:ahLst/>
              <a:cxnLst/>
              <a:rect l="l" t="t" r="r" b="b"/>
              <a:pathLst>
                <a:path w="13560" h="14019" extrusionOk="0">
                  <a:moveTo>
                    <a:pt x="7324" y="523"/>
                  </a:moveTo>
                  <a:cubicBezTo>
                    <a:pt x="6424" y="1172"/>
                    <a:pt x="6382" y="1214"/>
                    <a:pt x="6006" y="2197"/>
                  </a:cubicBezTo>
                  <a:cubicBezTo>
                    <a:pt x="5524" y="3327"/>
                    <a:pt x="5169" y="4478"/>
                    <a:pt x="5273" y="5733"/>
                  </a:cubicBezTo>
                  <a:cubicBezTo>
                    <a:pt x="5315" y="6298"/>
                    <a:pt x="5294" y="6905"/>
                    <a:pt x="5273" y="7512"/>
                  </a:cubicBezTo>
                  <a:cubicBezTo>
                    <a:pt x="5232" y="7930"/>
                    <a:pt x="5336" y="8244"/>
                    <a:pt x="5692" y="8537"/>
                  </a:cubicBezTo>
                  <a:cubicBezTo>
                    <a:pt x="5901" y="8704"/>
                    <a:pt x="6068" y="8914"/>
                    <a:pt x="6278" y="9102"/>
                  </a:cubicBezTo>
                  <a:cubicBezTo>
                    <a:pt x="6382" y="9186"/>
                    <a:pt x="6529" y="9290"/>
                    <a:pt x="6633" y="9311"/>
                  </a:cubicBezTo>
                  <a:cubicBezTo>
                    <a:pt x="7575" y="9437"/>
                    <a:pt x="8517" y="9834"/>
                    <a:pt x="9479" y="9625"/>
                  </a:cubicBezTo>
                  <a:cubicBezTo>
                    <a:pt x="10211" y="9479"/>
                    <a:pt x="10923" y="9186"/>
                    <a:pt x="11634" y="8976"/>
                  </a:cubicBezTo>
                  <a:cubicBezTo>
                    <a:pt x="12136" y="8809"/>
                    <a:pt x="12639" y="8663"/>
                    <a:pt x="13141" y="8537"/>
                  </a:cubicBezTo>
                  <a:cubicBezTo>
                    <a:pt x="13245" y="8495"/>
                    <a:pt x="13371" y="8579"/>
                    <a:pt x="13559" y="8600"/>
                  </a:cubicBezTo>
                  <a:cubicBezTo>
                    <a:pt x="13329" y="9792"/>
                    <a:pt x="12722" y="10671"/>
                    <a:pt x="11927" y="11466"/>
                  </a:cubicBezTo>
                  <a:cubicBezTo>
                    <a:pt x="11383" y="12010"/>
                    <a:pt x="10776" y="12450"/>
                    <a:pt x="10065" y="12764"/>
                  </a:cubicBezTo>
                  <a:cubicBezTo>
                    <a:pt x="9270" y="13119"/>
                    <a:pt x="8496" y="13621"/>
                    <a:pt x="7596" y="13810"/>
                  </a:cubicBezTo>
                  <a:cubicBezTo>
                    <a:pt x="7073" y="13914"/>
                    <a:pt x="6571" y="14019"/>
                    <a:pt x="6048" y="13977"/>
                  </a:cubicBezTo>
                  <a:cubicBezTo>
                    <a:pt x="4771" y="13810"/>
                    <a:pt x="3516" y="13601"/>
                    <a:pt x="2386" y="12952"/>
                  </a:cubicBezTo>
                  <a:cubicBezTo>
                    <a:pt x="1988" y="12722"/>
                    <a:pt x="1654" y="12429"/>
                    <a:pt x="1423" y="12031"/>
                  </a:cubicBezTo>
                  <a:cubicBezTo>
                    <a:pt x="1172" y="11634"/>
                    <a:pt x="900" y="11299"/>
                    <a:pt x="691" y="10901"/>
                  </a:cubicBezTo>
                  <a:cubicBezTo>
                    <a:pt x="210" y="10127"/>
                    <a:pt x="1" y="9269"/>
                    <a:pt x="126" y="8328"/>
                  </a:cubicBezTo>
                  <a:cubicBezTo>
                    <a:pt x="294" y="6926"/>
                    <a:pt x="503" y="5566"/>
                    <a:pt x="900" y="4248"/>
                  </a:cubicBezTo>
                  <a:cubicBezTo>
                    <a:pt x="1047" y="3745"/>
                    <a:pt x="1214" y="3264"/>
                    <a:pt x="1549" y="2846"/>
                  </a:cubicBezTo>
                  <a:cubicBezTo>
                    <a:pt x="1779" y="2574"/>
                    <a:pt x="1988" y="2218"/>
                    <a:pt x="2198" y="1904"/>
                  </a:cubicBezTo>
                  <a:cubicBezTo>
                    <a:pt x="2595" y="1339"/>
                    <a:pt x="3139" y="921"/>
                    <a:pt x="3746" y="544"/>
                  </a:cubicBezTo>
                  <a:cubicBezTo>
                    <a:pt x="4562" y="21"/>
                    <a:pt x="5441" y="0"/>
                    <a:pt x="6341" y="84"/>
                  </a:cubicBezTo>
                  <a:cubicBezTo>
                    <a:pt x="6445" y="84"/>
                    <a:pt x="6550" y="105"/>
                    <a:pt x="6613" y="168"/>
                  </a:cubicBezTo>
                  <a:cubicBezTo>
                    <a:pt x="6843" y="230"/>
                    <a:pt x="7052" y="377"/>
                    <a:pt x="7324" y="523"/>
                  </a:cubicBezTo>
                  <a:close/>
                  <a:moveTo>
                    <a:pt x="5859" y="586"/>
                  </a:moveTo>
                  <a:cubicBezTo>
                    <a:pt x="5483" y="419"/>
                    <a:pt x="5169" y="481"/>
                    <a:pt x="4876" y="649"/>
                  </a:cubicBezTo>
                  <a:cubicBezTo>
                    <a:pt x="3516" y="1486"/>
                    <a:pt x="2595" y="2699"/>
                    <a:pt x="2051" y="4143"/>
                  </a:cubicBezTo>
                  <a:cubicBezTo>
                    <a:pt x="1528" y="5566"/>
                    <a:pt x="1403" y="7114"/>
                    <a:pt x="1298" y="8642"/>
                  </a:cubicBezTo>
                  <a:cubicBezTo>
                    <a:pt x="1256" y="8872"/>
                    <a:pt x="1340" y="9102"/>
                    <a:pt x="1361" y="9332"/>
                  </a:cubicBezTo>
                  <a:cubicBezTo>
                    <a:pt x="1465" y="10044"/>
                    <a:pt x="1967" y="10567"/>
                    <a:pt x="2344" y="11173"/>
                  </a:cubicBezTo>
                  <a:cubicBezTo>
                    <a:pt x="2700" y="11780"/>
                    <a:pt x="3244" y="12115"/>
                    <a:pt x="3913" y="12261"/>
                  </a:cubicBezTo>
                  <a:cubicBezTo>
                    <a:pt x="4353" y="12366"/>
                    <a:pt x="4792" y="12471"/>
                    <a:pt x="5211" y="12575"/>
                  </a:cubicBezTo>
                  <a:cubicBezTo>
                    <a:pt x="6152" y="12847"/>
                    <a:pt x="7094" y="12764"/>
                    <a:pt x="7952" y="12366"/>
                  </a:cubicBezTo>
                  <a:cubicBezTo>
                    <a:pt x="9144" y="11864"/>
                    <a:pt x="10295" y="11299"/>
                    <a:pt x="11341" y="10567"/>
                  </a:cubicBezTo>
                  <a:cubicBezTo>
                    <a:pt x="11404" y="10504"/>
                    <a:pt x="11467" y="10399"/>
                    <a:pt x="11571" y="10295"/>
                  </a:cubicBezTo>
                  <a:cubicBezTo>
                    <a:pt x="11467" y="10274"/>
                    <a:pt x="11404" y="10253"/>
                    <a:pt x="11383" y="10253"/>
                  </a:cubicBezTo>
                  <a:cubicBezTo>
                    <a:pt x="11258" y="10274"/>
                    <a:pt x="11132" y="10336"/>
                    <a:pt x="10986" y="10378"/>
                  </a:cubicBezTo>
                  <a:cubicBezTo>
                    <a:pt x="9688" y="10880"/>
                    <a:pt x="8370" y="11027"/>
                    <a:pt x="7052" y="10504"/>
                  </a:cubicBezTo>
                  <a:cubicBezTo>
                    <a:pt x="6989" y="10483"/>
                    <a:pt x="6905" y="10462"/>
                    <a:pt x="6843" y="10483"/>
                  </a:cubicBezTo>
                  <a:cubicBezTo>
                    <a:pt x="6068" y="10588"/>
                    <a:pt x="5608" y="10148"/>
                    <a:pt x="5169" y="9646"/>
                  </a:cubicBezTo>
                  <a:cubicBezTo>
                    <a:pt x="4980" y="9437"/>
                    <a:pt x="4792" y="9269"/>
                    <a:pt x="4583" y="9081"/>
                  </a:cubicBezTo>
                  <a:cubicBezTo>
                    <a:pt x="4248" y="8788"/>
                    <a:pt x="4123" y="8432"/>
                    <a:pt x="4144" y="7972"/>
                  </a:cubicBezTo>
                  <a:cubicBezTo>
                    <a:pt x="4164" y="6821"/>
                    <a:pt x="4144" y="5712"/>
                    <a:pt x="4185" y="4562"/>
                  </a:cubicBezTo>
                  <a:cubicBezTo>
                    <a:pt x="4185" y="4248"/>
                    <a:pt x="4290" y="3955"/>
                    <a:pt x="4374" y="3641"/>
                  </a:cubicBezTo>
                  <a:cubicBezTo>
                    <a:pt x="4688" y="2532"/>
                    <a:pt x="5190" y="1528"/>
                    <a:pt x="5859" y="586"/>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
        <p:nvSpPr>
          <p:cNvPr id="34" name="Bong bóng Ý nghĩ: Hình đám mây 33">
            <a:extLst>
              <a:ext uri="{FF2B5EF4-FFF2-40B4-BE49-F238E27FC236}">
                <a16:creationId xmlns:a16="http://schemas.microsoft.com/office/drawing/2014/main" id="{6512E2BA-8608-138D-7B4E-EB7302CE9A9A}"/>
              </a:ext>
            </a:extLst>
          </p:cNvPr>
          <p:cNvSpPr/>
          <p:nvPr/>
        </p:nvSpPr>
        <p:spPr>
          <a:xfrm>
            <a:off x="3494087" y="1336857"/>
            <a:ext cx="5735638" cy="2455855"/>
          </a:xfrm>
          <a:prstGeom prst="cloudCallout">
            <a:avLst>
              <a:gd name="adj1" fmla="val -46407"/>
              <a:gd name="adj2" fmla="val 59009"/>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vi-VN" sz="3200">
                <a:solidFill>
                  <a:schemeClr val="tx1"/>
                </a:solidFill>
                <a:latin typeface="+mj-lt"/>
              </a:rPr>
              <a:t>Để truy cập tới Website, các em cần có phần mềm gì?</a:t>
            </a:r>
            <a:endParaRPr lang="en-US" sz="3200">
              <a:solidFill>
                <a:schemeClr val="tx1"/>
              </a:solidFill>
              <a:latin typeface="+mj-lt"/>
            </a:endParaRPr>
          </a:p>
        </p:txBody>
      </p:sp>
      <p:pic>
        <p:nvPicPr>
          <p:cNvPr id="38" name="Hình ảnh 37" descr="Ảnh có chứa vòng tròn, Nhiều màu sắc, Đồ họa, thiết kế đồ họa&#10;&#10;Mô tả được tạo tự động">
            <a:extLst>
              <a:ext uri="{FF2B5EF4-FFF2-40B4-BE49-F238E27FC236}">
                <a16:creationId xmlns:a16="http://schemas.microsoft.com/office/drawing/2014/main" id="{35ED09FD-6555-E474-EFE9-00429AD2047E}"/>
              </a:ext>
            </a:extLst>
          </p:cNvPr>
          <p:cNvPicPr>
            <a:picLocks noChangeAspect="1"/>
          </p:cNvPicPr>
          <p:nvPr/>
        </p:nvPicPr>
        <p:blipFill>
          <a:blip r:embed="rId4"/>
          <a:stretch>
            <a:fillRect/>
          </a:stretch>
        </p:blipFill>
        <p:spPr>
          <a:xfrm>
            <a:off x="4919579" y="3872458"/>
            <a:ext cx="2386098" cy="2227026"/>
          </a:xfrm>
          <a:prstGeom prst="rect">
            <a:avLst/>
          </a:prstGeom>
        </p:spPr>
      </p:pic>
      <p:sp>
        <p:nvSpPr>
          <p:cNvPr id="39" name="Hình chữ nhật 38">
            <a:extLst>
              <a:ext uri="{FF2B5EF4-FFF2-40B4-BE49-F238E27FC236}">
                <a16:creationId xmlns:a16="http://schemas.microsoft.com/office/drawing/2014/main" id="{83601148-9BE8-4DF6-2522-B8033743BAC1}"/>
              </a:ext>
            </a:extLst>
          </p:cNvPr>
          <p:cNvSpPr/>
          <p:nvPr/>
        </p:nvSpPr>
        <p:spPr>
          <a:xfrm>
            <a:off x="7061973" y="4589381"/>
            <a:ext cx="2918154" cy="919628"/>
          </a:xfrm>
          <a:prstGeom prst="rect">
            <a:avLst/>
          </a:prstGeom>
          <a:no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vi-VN" b="1">
                <a:solidFill>
                  <a:schemeClr val="tx1"/>
                </a:solidFill>
                <a:latin typeface="+mj-lt"/>
              </a:rPr>
              <a:t>GOOGLE CHROME</a:t>
            </a:r>
            <a:endParaRPr lang="en-US" b="1">
              <a:solidFill>
                <a:schemeClr val="tx1"/>
              </a:solidFill>
              <a:latin typeface="+mj-lt"/>
            </a:endParaRPr>
          </a:p>
        </p:txBody>
      </p:sp>
    </p:spTree>
    <p:custDataLst>
      <p:tags r:id="rId1"/>
    </p:custDataLst>
    <p:extLst>
      <p:ext uri="{BB962C8B-B14F-4D97-AF65-F5344CB8AC3E}">
        <p14:creationId xmlns:p14="http://schemas.microsoft.com/office/powerpoint/2010/main" val="694385134"/>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8"/>
                                        </p:tgtEl>
                                        <p:attrNameLst>
                                          <p:attrName>style.visibility</p:attrName>
                                        </p:attrNameLst>
                                      </p:cBhvr>
                                      <p:to>
                                        <p:strVal val="visible"/>
                                      </p:to>
                                    </p:set>
                                    <p:animEffect transition="in" filter="fade">
                                      <p:cBhvr>
                                        <p:cTn id="7" dur="500"/>
                                        <p:tgtEl>
                                          <p:spTgt spid="38"/>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39"/>
                                        </p:tgtEl>
                                        <p:attrNameLst>
                                          <p:attrName>style.visibility</p:attrName>
                                        </p:attrNameLst>
                                      </p:cBhvr>
                                      <p:to>
                                        <p:strVal val="visible"/>
                                      </p:to>
                                    </p:set>
                                    <p:animEffect transition="in" filter="fade">
                                      <p:cBhvr>
                                        <p:cTn id="10" dur="500"/>
                                        <p:tgtEl>
                                          <p:spTgt spid="3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9" grpId="0"/>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358"/>
        <p:cNvGrpSpPr/>
        <p:nvPr/>
      </p:nvGrpSpPr>
      <p:grpSpPr>
        <a:xfrm>
          <a:off x="0" y="0"/>
          <a:ext cx="0" cy="0"/>
          <a:chOff x="0" y="0"/>
          <a:chExt cx="0" cy="0"/>
        </a:xfrm>
      </p:grpSpPr>
      <p:sp>
        <p:nvSpPr>
          <p:cNvPr id="6" name="Rectangle 5">
            <a:extLst>
              <a:ext uri="{FF2B5EF4-FFF2-40B4-BE49-F238E27FC236}">
                <a16:creationId xmlns:a16="http://schemas.microsoft.com/office/drawing/2014/main" id="{88B54ABD-8F1B-4B9A-A322-AB0A1ADD05C1}"/>
              </a:ext>
            </a:extLst>
          </p:cNvPr>
          <p:cNvSpPr/>
          <p:nvPr/>
        </p:nvSpPr>
        <p:spPr>
          <a:xfrm>
            <a:off x="-137738" y="162580"/>
            <a:ext cx="10719089" cy="923330"/>
          </a:xfrm>
          <a:prstGeom prst="rect">
            <a:avLst/>
          </a:prstGeom>
          <a:noFill/>
        </p:spPr>
        <p:txBody>
          <a:bodyPr wrap="square" lIns="91440" tIns="45720" rIns="91440" bIns="45720">
            <a:spAutoFit/>
          </a:bodyPr>
          <a:lstStyle/>
          <a:p>
            <a:pPr algn="ctr"/>
            <a:r>
              <a:rPr lang="en-US" sz="5400" b="1" cap="none" spc="0" err="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Bài</a:t>
            </a:r>
            <a:r>
              <a:rPr lang="en-US"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 </a:t>
            </a:r>
            <a:r>
              <a:rPr lang="vi-VN"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1: Thông tin trên web</a:t>
            </a:r>
            <a:endParaRPr lang="en-US" sz="5400" b="1" cap="none" spc="0" dirty="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endParaRPr>
          </a:p>
        </p:txBody>
      </p:sp>
      <p:sp>
        <p:nvSpPr>
          <p:cNvPr id="3" name="TextBox 45">
            <a:extLst>
              <a:ext uri="{FF2B5EF4-FFF2-40B4-BE49-F238E27FC236}">
                <a16:creationId xmlns:a16="http://schemas.microsoft.com/office/drawing/2014/main" id="{B4C1637E-D907-45C7-B4B5-787D545C7F63}"/>
              </a:ext>
            </a:extLst>
          </p:cNvPr>
          <p:cNvSpPr txBox="1"/>
          <p:nvPr/>
        </p:nvSpPr>
        <p:spPr>
          <a:xfrm>
            <a:off x="486402" y="913223"/>
            <a:ext cx="4138899" cy="657923"/>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nvGrpSpPr>
          <p:cNvPr id="4" name="Group 6">
            <a:extLst>
              <a:ext uri="{FF2B5EF4-FFF2-40B4-BE49-F238E27FC236}">
                <a16:creationId xmlns:a16="http://schemas.microsoft.com/office/drawing/2014/main" id="{AFC2AB11-164D-BB7E-D061-B6C017F745A6}"/>
              </a:ext>
            </a:extLst>
          </p:cNvPr>
          <p:cNvGrpSpPr/>
          <p:nvPr/>
        </p:nvGrpSpPr>
        <p:grpSpPr>
          <a:xfrm>
            <a:off x="218412" y="913223"/>
            <a:ext cx="4896089" cy="657923"/>
            <a:chOff x="293561" y="1124296"/>
            <a:chExt cx="3713701" cy="1077218"/>
          </a:xfrm>
        </p:grpSpPr>
        <p:sp>
          <p:nvSpPr>
            <p:cNvPr id="5" name="Rectangle: Rounded Corners 44">
              <a:extLst>
                <a:ext uri="{FF2B5EF4-FFF2-40B4-BE49-F238E27FC236}">
                  <a16:creationId xmlns:a16="http://schemas.microsoft.com/office/drawing/2014/main" id="{F7631F67-4393-009F-58D6-4FB8B18AB418}"/>
                </a:ext>
              </a:extLst>
            </p:cNvPr>
            <p:cNvSpPr/>
            <p:nvPr/>
          </p:nvSpPr>
          <p:spPr>
            <a:xfrm>
              <a:off x="293561" y="1198683"/>
              <a:ext cx="3713701" cy="809738"/>
            </a:xfrm>
            <a:prstGeom prst="roundRect">
              <a:avLst>
                <a:gd name="adj" fmla="val 46278"/>
              </a:avLst>
            </a:prstGeom>
            <a:solidFill>
              <a:srgbClr val="FF8C65"/>
            </a:solidFill>
            <a:ln>
              <a:noFill/>
            </a:ln>
            <a:effectLst>
              <a:outerShdw blurRad="149987" dist="250190" dir="8460000" algn="ctr">
                <a:srgbClr val="000000">
                  <a:alpha val="28000"/>
                </a:srgbClr>
              </a:outerShdw>
              <a:reflection endPos="0" dist="254000" dir="5400000" sy="-100000" algn="bl" rotWithShape="0"/>
              <a:softEdge rad="0"/>
            </a:effectLst>
            <a:scene3d>
              <a:camera prst="orthographicFront">
                <a:rot lat="0" lon="0" rev="0"/>
              </a:camera>
              <a:lightRig rig="contrasting" dir="t">
                <a:rot lat="0" lon="0" rev="1500000"/>
              </a:lightRig>
            </a:scene3d>
            <a:sp3d prstMaterial="metal">
              <a:bevelT w="88900" h="889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8" name="TextBox 45">
              <a:extLst>
                <a:ext uri="{FF2B5EF4-FFF2-40B4-BE49-F238E27FC236}">
                  <a16:creationId xmlns:a16="http://schemas.microsoft.com/office/drawing/2014/main" id="{1561AF78-ACC1-D542-CF7C-9090F06EC148}"/>
                </a:ext>
              </a:extLst>
            </p:cNvPr>
            <p:cNvSpPr txBox="1"/>
            <p:nvPr/>
          </p:nvSpPr>
          <p:spPr>
            <a:xfrm>
              <a:off x="496832" y="1124296"/>
              <a:ext cx="3139370" cy="1077218"/>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grpSp>
        <p:nvGrpSpPr>
          <p:cNvPr id="10" name="Google Shape;361;p37">
            <a:extLst>
              <a:ext uri="{FF2B5EF4-FFF2-40B4-BE49-F238E27FC236}">
                <a16:creationId xmlns:a16="http://schemas.microsoft.com/office/drawing/2014/main" id="{F763D0B9-DA51-4B22-70B6-B2953AFFE3C0}"/>
              </a:ext>
            </a:extLst>
          </p:cNvPr>
          <p:cNvGrpSpPr/>
          <p:nvPr/>
        </p:nvGrpSpPr>
        <p:grpSpPr>
          <a:xfrm>
            <a:off x="1286128" y="3818274"/>
            <a:ext cx="2678487" cy="2327559"/>
            <a:chOff x="-2314175" y="910675"/>
            <a:chExt cx="2012875" cy="1733025"/>
          </a:xfrm>
        </p:grpSpPr>
        <p:sp>
          <p:nvSpPr>
            <p:cNvPr id="11" name="Google Shape;362;p37">
              <a:extLst>
                <a:ext uri="{FF2B5EF4-FFF2-40B4-BE49-F238E27FC236}">
                  <a16:creationId xmlns:a16="http://schemas.microsoft.com/office/drawing/2014/main" id="{DA389E55-C16D-5F1D-A0E9-F4C57016ACB8}"/>
                </a:ext>
              </a:extLst>
            </p:cNvPr>
            <p:cNvSpPr/>
            <p:nvPr/>
          </p:nvSpPr>
          <p:spPr>
            <a:xfrm>
              <a:off x="-2265025" y="2299475"/>
              <a:ext cx="747525" cy="219200"/>
            </a:xfrm>
            <a:custGeom>
              <a:avLst/>
              <a:gdLst/>
              <a:ahLst/>
              <a:cxnLst/>
              <a:rect l="l" t="t" r="r" b="b"/>
              <a:pathLst>
                <a:path w="29901" h="8768" extrusionOk="0">
                  <a:moveTo>
                    <a:pt x="2700" y="7847"/>
                  </a:moveTo>
                  <a:cubicBezTo>
                    <a:pt x="3098" y="7763"/>
                    <a:pt x="3453" y="7638"/>
                    <a:pt x="3830" y="7533"/>
                  </a:cubicBezTo>
                  <a:cubicBezTo>
                    <a:pt x="4834" y="7219"/>
                    <a:pt x="5839" y="6926"/>
                    <a:pt x="6885" y="6780"/>
                  </a:cubicBezTo>
                  <a:cubicBezTo>
                    <a:pt x="7533" y="6675"/>
                    <a:pt x="8182" y="6529"/>
                    <a:pt x="8852" y="6466"/>
                  </a:cubicBezTo>
                  <a:cubicBezTo>
                    <a:pt x="9898" y="6298"/>
                    <a:pt x="10944" y="6173"/>
                    <a:pt x="11990" y="6173"/>
                  </a:cubicBezTo>
                  <a:cubicBezTo>
                    <a:pt x="13831" y="6194"/>
                    <a:pt x="15715" y="6194"/>
                    <a:pt x="17577" y="6173"/>
                  </a:cubicBezTo>
                  <a:cubicBezTo>
                    <a:pt x="18560" y="6173"/>
                    <a:pt x="19564" y="6215"/>
                    <a:pt x="20527" y="6403"/>
                  </a:cubicBezTo>
                  <a:cubicBezTo>
                    <a:pt x="20757" y="6466"/>
                    <a:pt x="21008" y="6508"/>
                    <a:pt x="21238" y="6529"/>
                  </a:cubicBezTo>
                  <a:cubicBezTo>
                    <a:pt x="24021" y="6989"/>
                    <a:pt x="26762" y="7449"/>
                    <a:pt x="29440" y="8307"/>
                  </a:cubicBezTo>
                  <a:cubicBezTo>
                    <a:pt x="29587" y="8370"/>
                    <a:pt x="29733" y="8349"/>
                    <a:pt x="29901" y="8349"/>
                  </a:cubicBezTo>
                  <a:cubicBezTo>
                    <a:pt x="29399" y="7052"/>
                    <a:pt x="29064" y="5775"/>
                    <a:pt x="27767" y="5064"/>
                  </a:cubicBezTo>
                  <a:cubicBezTo>
                    <a:pt x="27495" y="5357"/>
                    <a:pt x="27118" y="5462"/>
                    <a:pt x="26679" y="5462"/>
                  </a:cubicBezTo>
                  <a:cubicBezTo>
                    <a:pt x="26386" y="5148"/>
                    <a:pt x="26155" y="4813"/>
                    <a:pt x="25842" y="4583"/>
                  </a:cubicBezTo>
                  <a:cubicBezTo>
                    <a:pt x="25465" y="4269"/>
                    <a:pt x="25088" y="3997"/>
                    <a:pt x="24837" y="3578"/>
                  </a:cubicBezTo>
                  <a:cubicBezTo>
                    <a:pt x="24712" y="3348"/>
                    <a:pt x="24461" y="3244"/>
                    <a:pt x="24189" y="3139"/>
                  </a:cubicBezTo>
                  <a:cubicBezTo>
                    <a:pt x="23833" y="3013"/>
                    <a:pt x="23477" y="2846"/>
                    <a:pt x="23205" y="2532"/>
                  </a:cubicBezTo>
                  <a:cubicBezTo>
                    <a:pt x="23017" y="2344"/>
                    <a:pt x="22745" y="2239"/>
                    <a:pt x="22515" y="2093"/>
                  </a:cubicBezTo>
                  <a:cubicBezTo>
                    <a:pt x="22305" y="1967"/>
                    <a:pt x="22075" y="1884"/>
                    <a:pt x="21887" y="1716"/>
                  </a:cubicBezTo>
                  <a:cubicBezTo>
                    <a:pt x="21531" y="1360"/>
                    <a:pt x="21113" y="1235"/>
                    <a:pt x="20611" y="1088"/>
                  </a:cubicBezTo>
                  <a:cubicBezTo>
                    <a:pt x="19481" y="816"/>
                    <a:pt x="18309" y="565"/>
                    <a:pt x="17242" y="105"/>
                  </a:cubicBezTo>
                  <a:cubicBezTo>
                    <a:pt x="17012" y="0"/>
                    <a:pt x="16719" y="0"/>
                    <a:pt x="16447" y="0"/>
                  </a:cubicBezTo>
                  <a:lnTo>
                    <a:pt x="11300" y="0"/>
                  </a:lnTo>
                  <a:cubicBezTo>
                    <a:pt x="11049" y="0"/>
                    <a:pt x="10756" y="21"/>
                    <a:pt x="10484" y="42"/>
                  </a:cubicBezTo>
                  <a:cubicBezTo>
                    <a:pt x="9479" y="210"/>
                    <a:pt x="8475" y="419"/>
                    <a:pt x="7450" y="565"/>
                  </a:cubicBezTo>
                  <a:cubicBezTo>
                    <a:pt x="6048" y="754"/>
                    <a:pt x="4751" y="1360"/>
                    <a:pt x="3432" y="1884"/>
                  </a:cubicBezTo>
                  <a:cubicBezTo>
                    <a:pt x="3265" y="2595"/>
                    <a:pt x="3014" y="3223"/>
                    <a:pt x="2575" y="3767"/>
                  </a:cubicBezTo>
                  <a:cubicBezTo>
                    <a:pt x="1884" y="4604"/>
                    <a:pt x="1424" y="5587"/>
                    <a:pt x="838" y="6508"/>
                  </a:cubicBezTo>
                  <a:cubicBezTo>
                    <a:pt x="419" y="7198"/>
                    <a:pt x="231" y="7930"/>
                    <a:pt x="1" y="8767"/>
                  </a:cubicBezTo>
                  <a:cubicBezTo>
                    <a:pt x="273" y="8684"/>
                    <a:pt x="503" y="8684"/>
                    <a:pt x="650" y="8579"/>
                  </a:cubicBezTo>
                  <a:cubicBezTo>
                    <a:pt x="1319" y="8161"/>
                    <a:pt x="1989" y="7993"/>
                    <a:pt x="2700" y="7847"/>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2" name="Google Shape;363;p37">
              <a:extLst>
                <a:ext uri="{FF2B5EF4-FFF2-40B4-BE49-F238E27FC236}">
                  <a16:creationId xmlns:a16="http://schemas.microsoft.com/office/drawing/2014/main" id="{3B39FC1C-CCF0-64A3-E8AE-D97F0A261FBD}"/>
                </a:ext>
              </a:extLst>
            </p:cNvPr>
            <p:cNvSpPr/>
            <p:nvPr/>
          </p:nvSpPr>
          <p:spPr>
            <a:xfrm>
              <a:off x="-1461025" y="2493025"/>
              <a:ext cx="621975" cy="109875"/>
            </a:xfrm>
            <a:custGeom>
              <a:avLst/>
              <a:gdLst/>
              <a:ahLst/>
              <a:cxnLst/>
              <a:rect l="l" t="t" r="r" b="b"/>
              <a:pathLst>
                <a:path w="24879" h="4395" extrusionOk="0">
                  <a:moveTo>
                    <a:pt x="24000" y="1779"/>
                  </a:moveTo>
                  <a:cubicBezTo>
                    <a:pt x="22765" y="1402"/>
                    <a:pt x="21636" y="879"/>
                    <a:pt x="20401" y="753"/>
                  </a:cubicBezTo>
                  <a:cubicBezTo>
                    <a:pt x="19439" y="649"/>
                    <a:pt x="18497" y="523"/>
                    <a:pt x="17555" y="356"/>
                  </a:cubicBezTo>
                  <a:cubicBezTo>
                    <a:pt x="16363" y="188"/>
                    <a:pt x="15170" y="84"/>
                    <a:pt x="13977" y="105"/>
                  </a:cubicBezTo>
                  <a:cubicBezTo>
                    <a:pt x="12910" y="126"/>
                    <a:pt x="11822" y="105"/>
                    <a:pt x="10734" y="105"/>
                  </a:cubicBezTo>
                  <a:cubicBezTo>
                    <a:pt x="9249" y="0"/>
                    <a:pt x="7826" y="42"/>
                    <a:pt x="6319" y="209"/>
                  </a:cubicBezTo>
                  <a:cubicBezTo>
                    <a:pt x="5629" y="293"/>
                    <a:pt x="4980" y="419"/>
                    <a:pt x="4353" y="649"/>
                  </a:cubicBezTo>
                  <a:cubicBezTo>
                    <a:pt x="3662" y="921"/>
                    <a:pt x="3369" y="1088"/>
                    <a:pt x="3034" y="1758"/>
                  </a:cubicBezTo>
                  <a:cubicBezTo>
                    <a:pt x="2993" y="1821"/>
                    <a:pt x="3097" y="1967"/>
                    <a:pt x="3181" y="1883"/>
                  </a:cubicBezTo>
                  <a:cubicBezTo>
                    <a:pt x="4332" y="1151"/>
                    <a:pt x="6026" y="1339"/>
                    <a:pt x="7366" y="1256"/>
                  </a:cubicBezTo>
                  <a:cubicBezTo>
                    <a:pt x="8726" y="1172"/>
                    <a:pt x="10086" y="1297"/>
                    <a:pt x="11446" y="1402"/>
                  </a:cubicBezTo>
                  <a:cubicBezTo>
                    <a:pt x="12387" y="1486"/>
                    <a:pt x="13266" y="1695"/>
                    <a:pt x="14187" y="1883"/>
                  </a:cubicBezTo>
                  <a:cubicBezTo>
                    <a:pt x="13057" y="1800"/>
                    <a:pt x="11927" y="1695"/>
                    <a:pt x="10818" y="1611"/>
                  </a:cubicBezTo>
                  <a:cubicBezTo>
                    <a:pt x="9186" y="1507"/>
                    <a:pt x="7575" y="1381"/>
                    <a:pt x="5943" y="1695"/>
                  </a:cubicBezTo>
                  <a:cubicBezTo>
                    <a:pt x="5692" y="1758"/>
                    <a:pt x="5399" y="1758"/>
                    <a:pt x="5127" y="1758"/>
                  </a:cubicBezTo>
                  <a:cubicBezTo>
                    <a:pt x="3537" y="1674"/>
                    <a:pt x="2051" y="2134"/>
                    <a:pt x="524" y="2511"/>
                  </a:cubicBezTo>
                  <a:cubicBezTo>
                    <a:pt x="377" y="2532"/>
                    <a:pt x="252" y="2657"/>
                    <a:pt x="0" y="2804"/>
                  </a:cubicBezTo>
                  <a:cubicBezTo>
                    <a:pt x="210" y="2909"/>
                    <a:pt x="314" y="2971"/>
                    <a:pt x="419" y="2971"/>
                  </a:cubicBezTo>
                  <a:cubicBezTo>
                    <a:pt x="670" y="2950"/>
                    <a:pt x="900" y="2929"/>
                    <a:pt x="1130" y="2825"/>
                  </a:cubicBezTo>
                  <a:cubicBezTo>
                    <a:pt x="1528" y="2657"/>
                    <a:pt x="1946" y="2616"/>
                    <a:pt x="2365" y="2616"/>
                  </a:cubicBezTo>
                  <a:cubicBezTo>
                    <a:pt x="5796" y="2595"/>
                    <a:pt x="9228" y="2532"/>
                    <a:pt x="12680" y="2511"/>
                  </a:cubicBezTo>
                  <a:cubicBezTo>
                    <a:pt x="13350" y="2511"/>
                    <a:pt x="14061" y="2532"/>
                    <a:pt x="14731" y="2637"/>
                  </a:cubicBezTo>
                  <a:cubicBezTo>
                    <a:pt x="15589" y="2762"/>
                    <a:pt x="16467" y="2825"/>
                    <a:pt x="17346" y="2804"/>
                  </a:cubicBezTo>
                  <a:cubicBezTo>
                    <a:pt x="17576" y="2804"/>
                    <a:pt x="17848" y="2804"/>
                    <a:pt x="18079" y="2825"/>
                  </a:cubicBezTo>
                  <a:cubicBezTo>
                    <a:pt x="20150" y="3181"/>
                    <a:pt x="22242" y="3536"/>
                    <a:pt x="24230" y="4206"/>
                  </a:cubicBezTo>
                  <a:cubicBezTo>
                    <a:pt x="24418" y="4269"/>
                    <a:pt x="24628" y="4310"/>
                    <a:pt x="24879" y="4394"/>
                  </a:cubicBezTo>
                  <a:cubicBezTo>
                    <a:pt x="24669" y="3432"/>
                    <a:pt x="24125" y="2657"/>
                    <a:pt x="24000" y="1779"/>
                  </a:cubicBezTo>
                  <a:close/>
                  <a:moveTo>
                    <a:pt x="23100" y="3369"/>
                  </a:moveTo>
                  <a:cubicBezTo>
                    <a:pt x="23037" y="3453"/>
                    <a:pt x="22828" y="3536"/>
                    <a:pt x="22724" y="3494"/>
                  </a:cubicBezTo>
                  <a:cubicBezTo>
                    <a:pt x="22200" y="3369"/>
                    <a:pt x="21698" y="3181"/>
                    <a:pt x="21175" y="3055"/>
                  </a:cubicBezTo>
                  <a:cubicBezTo>
                    <a:pt x="20464" y="2867"/>
                    <a:pt x="19752" y="2699"/>
                    <a:pt x="19020" y="2553"/>
                  </a:cubicBezTo>
                  <a:cubicBezTo>
                    <a:pt x="19229" y="2532"/>
                    <a:pt x="19439" y="2511"/>
                    <a:pt x="19627" y="2406"/>
                  </a:cubicBezTo>
                  <a:cubicBezTo>
                    <a:pt x="19836" y="2302"/>
                    <a:pt x="19878" y="2009"/>
                    <a:pt x="19773" y="1821"/>
                  </a:cubicBezTo>
                  <a:cubicBezTo>
                    <a:pt x="20694" y="2030"/>
                    <a:pt x="21615" y="2302"/>
                    <a:pt x="22535" y="2595"/>
                  </a:cubicBezTo>
                  <a:cubicBezTo>
                    <a:pt x="22724" y="2637"/>
                    <a:pt x="22891" y="2762"/>
                    <a:pt x="23058" y="2909"/>
                  </a:cubicBezTo>
                  <a:cubicBezTo>
                    <a:pt x="23184" y="3013"/>
                    <a:pt x="23247" y="3243"/>
                    <a:pt x="23100" y="3369"/>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3" name="Google Shape;364;p37">
              <a:extLst>
                <a:ext uri="{FF2B5EF4-FFF2-40B4-BE49-F238E27FC236}">
                  <a16:creationId xmlns:a16="http://schemas.microsoft.com/office/drawing/2014/main" id="{822CEB21-A825-975A-B213-610DBD94B5B1}"/>
                </a:ext>
              </a:extLst>
            </p:cNvPr>
            <p:cNvSpPr/>
            <p:nvPr/>
          </p:nvSpPr>
          <p:spPr>
            <a:xfrm>
              <a:off x="-2009750" y="2479425"/>
              <a:ext cx="9450" cy="1075"/>
            </a:xfrm>
            <a:custGeom>
              <a:avLst/>
              <a:gdLst/>
              <a:ahLst/>
              <a:cxnLst/>
              <a:rect l="l" t="t" r="r" b="b"/>
              <a:pathLst>
                <a:path w="378" h="43" extrusionOk="0">
                  <a:moveTo>
                    <a:pt x="1" y="42"/>
                  </a:moveTo>
                  <a:lnTo>
                    <a:pt x="377" y="42"/>
                  </a:lnTo>
                  <a:lnTo>
                    <a:pt x="377" y="0"/>
                  </a:lnTo>
                  <a:lnTo>
                    <a:pt x="1" y="0"/>
                  </a:lnTo>
                  <a:close/>
                </a:path>
              </a:pathLst>
            </a:custGeom>
            <a:solidFill>
              <a:srgbClr val="E6E6E1"/>
            </a:solidFill>
            <a:ln>
              <a:noFill/>
            </a:ln>
          </p:spPr>
          <p:txBody>
            <a:bodyPr spcFirstLastPara="1" wrap="square" lIns="91425" tIns="91425" rIns="91425" bIns="91425" anchor="ctr" anchorCtr="0">
              <a:noAutofit/>
            </a:bodyPr>
            <a:lstStyle/>
            <a:p>
              <a:endParaRPr/>
            </a:p>
          </p:txBody>
        </p:sp>
        <p:sp>
          <p:nvSpPr>
            <p:cNvPr id="14" name="Google Shape;365;p37">
              <a:extLst>
                <a:ext uri="{FF2B5EF4-FFF2-40B4-BE49-F238E27FC236}">
                  <a16:creationId xmlns:a16="http://schemas.microsoft.com/office/drawing/2014/main" id="{2AC74885-F2E8-71ED-AD2D-9D0833B4F3CC}"/>
                </a:ext>
              </a:extLst>
            </p:cNvPr>
            <p:cNvSpPr/>
            <p:nvPr/>
          </p:nvSpPr>
          <p:spPr>
            <a:xfrm>
              <a:off x="-2285950" y="2359100"/>
              <a:ext cx="1445325" cy="228100"/>
            </a:xfrm>
            <a:custGeom>
              <a:avLst/>
              <a:gdLst/>
              <a:ahLst/>
              <a:cxnLst/>
              <a:rect l="l" t="t" r="r" b="b"/>
              <a:pathLst>
                <a:path w="57813" h="9124" extrusionOk="0">
                  <a:moveTo>
                    <a:pt x="32746" y="7261"/>
                  </a:moveTo>
                  <a:lnTo>
                    <a:pt x="32956" y="7261"/>
                  </a:lnTo>
                  <a:cubicBezTo>
                    <a:pt x="33793" y="7031"/>
                    <a:pt x="34630" y="6759"/>
                    <a:pt x="35404" y="6341"/>
                  </a:cubicBezTo>
                  <a:cubicBezTo>
                    <a:pt x="35759" y="6173"/>
                    <a:pt x="36115" y="6027"/>
                    <a:pt x="36492" y="5901"/>
                  </a:cubicBezTo>
                  <a:cubicBezTo>
                    <a:pt x="38187" y="5294"/>
                    <a:pt x="39965" y="4960"/>
                    <a:pt x="41764" y="4750"/>
                  </a:cubicBezTo>
                  <a:cubicBezTo>
                    <a:pt x="42706" y="4646"/>
                    <a:pt x="43710" y="4625"/>
                    <a:pt x="44652" y="4646"/>
                  </a:cubicBezTo>
                  <a:cubicBezTo>
                    <a:pt x="46263" y="4646"/>
                    <a:pt x="47895" y="4541"/>
                    <a:pt x="49506" y="4750"/>
                  </a:cubicBezTo>
                  <a:cubicBezTo>
                    <a:pt x="50092" y="4834"/>
                    <a:pt x="50636" y="4876"/>
                    <a:pt x="51222" y="4960"/>
                  </a:cubicBezTo>
                  <a:cubicBezTo>
                    <a:pt x="53168" y="5169"/>
                    <a:pt x="55093" y="5504"/>
                    <a:pt x="56913" y="6236"/>
                  </a:cubicBezTo>
                  <a:cubicBezTo>
                    <a:pt x="57185" y="6341"/>
                    <a:pt x="57457" y="6424"/>
                    <a:pt x="57813" y="6529"/>
                  </a:cubicBezTo>
                  <a:cubicBezTo>
                    <a:pt x="57813" y="6382"/>
                    <a:pt x="57813" y="6278"/>
                    <a:pt x="57771" y="6215"/>
                  </a:cubicBezTo>
                  <a:cubicBezTo>
                    <a:pt x="57520" y="5776"/>
                    <a:pt x="57248" y="5336"/>
                    <a:pt x="56976" y="4918"/>
                  </a:cubicBezTo>
                  <a:cubicBezTo>
                    <a:pt x="56474" y="4144"/>
                    <a:pt x="55930" y="3453"/>
                    <a:pt x="55449" y="2658"/>
                  </a:cubicBezTo>
                  <a:cubicBezTo>
                    <a:pt x="55239" y="2323"/>
                    <a:pt x="55009" y="2114"/>
                    <a:pt x="54674" y="1988"/>
                  </a:cubicBezTo>
                  <a:cubicBezTo>
                    <a:pt x="53733" y="1612"/>
                    <a:pt x="52770" y="1193"/>
                    <a:pt x="51808" y="859"/>
                  </a:cubicBezTo>
                  <a:cubicBezTo>
                    <a:pt x="50552" y="419"/>
                    <a:pt x="49255" y="147"/>
                    <a:pt x="47916" y="126"/>
                  </a:cubicBezTo>
                  <a:cubicBezTo>
                    <a:pt x="45928" y="105"/>
                    <a:pt x="43941" y="1"/>
                    <a:pt x="41953" y="273"/>
                  </a:cubicBezTo>
                  <a:cubicBezTo>
                    <a:pt x="40572" y="482"/>
                    <a:pt x="39128" y="566"/>
                    <a:pt x="37768" y="1005"/>
                  </a:cubicBezTo>
                  <a:cubicBezTo>
                    <a:pt x="37412" y="1152"/>
                    <a:pt x="37015" y="1214"/>
                    <a:pt x="36617" y="1277"/>
                  </a:cubicBezTo>
                  <a:cubicBezTo>
                    <a:pt x="35885" y="1361"/>
                    <a:pt x="35215" y="1591"/>
                    <a:pt x="34546" y="1884"/>
                  </a:cubicBezTo>
                  <a:cubicBezTo>
                    <a:pt x="34190" y="2030"/>
                    <a:pt x="33814" y="2198"/>
                    <a:pt x="33458" y="2302"/>
                  </a:cubicBezTo>
                  <a:cubicBezTo>
                    <a:pt x="32809" y="2470"/>
                    <a:pt x="32286" y="2888"/>
                    <a:pt x="31721" y="3244"/>
                  </a:cubicBezTo>
                  <a:cubicBezTo>
                    <a:pt x="31365" y="3474"/>
                    <a:pt x="31198" y="3809"/>
                    <a:pt x="31261" y="4227"/>
                  </a:cubicBezTo>
                  <a:cubicBezTo>
                    <a:pt x="31303" y="4604"/>
                    <a:pt x="31386" y="4939"/>
                    <a:pt x="31512" y="5273"/>
                  </a:cubicBezTo>
                  <a:cubicBezTo>
                    <a:pt x="31700" y="5713"/>
                    <a:pt x="31909" y="6173"/>
                    <a:pt x="32119" y="6592"/>
                  </a:cubicBezTo>
                  <a:cubicBezTo>
                    <a:pt x="32223" y="6759"/>
                    <a:pt x="32349" y="6947"/>
                    <a:pt x="32453" y="7136"/>
                  </a:cubicBezTo>
                  <a:cubicBezTo>
                    <a:pt x="31679" y="6634"/>
                    <a:pt x="30759" y="6445"/>
                    <a:pt x="29838" y="6278"/>
                  </a:cubicBezTo>
                  <a:cubicBezTo>
                    <a:pt x="28562" y="5985"/>
                    <a:pt x="27264" y="5797"/>
                    <a:pt x="25946" y="5671"/>
                  </a:cubicBezTo>
                  <a:cubicBezTo>
                    <a:pt x="24879" y="5566"/>
                    <a:pt x="23770" y="5483"/>
                    <a:pt x="22682" y="5462"/>
                  </a:cubicBezTo>
                  <a:cubicBezTo>
                    <a:pt x="20883" y="5273"/>
                    <a:pt x="19041" y="5169"/>
                    <a:pt x="17242" y="5085"/>
                  </a:cubicBezTo>
                  <a:cubicBezTo>
                    <a:pt x="15882" y="5043"/>
                    <a:pt x="14543" y="5064"/>
                    <a:pt x="13183" y="5064"/>
                  </a:cubicBezTo>
                  <a:cubicBezTo>
                    <a:pt x="11781" y="5043"/>
                    <a:pt x="10316" y="4918"/>
                    <a:pt x="8914" y="5085"/>
                  </a:cubicBezTo>
                  <a:cubicBezTo>
                    <a:pt x="7910" y="5232"/>
                    <a:pt x="6885" y="5399"/>
                    <a:pt x="5860" y="5608"/>
                  </a:cubicBezTo>
                  <a:cubicBezTo>
                    <a:pt x="5316" y="5692"/>
                    <a:pt x="4730" y="5776"/>
                    <a:pt x="4186" y="5901"/>
                  </a:cubicBezTo>
                  <a:cubicBezTo>
                    <a:pt x="3349" y="6090"/>
                    <a:pt x="2575" y="6403"/>
                    <a:pt x="1779" y="6717"/>
                  </a:cubicBezTo>
                  <a:cubicBezTo>
                    <a:pt x="1256" y="6926"/>
                    <a:pt x="524" y="7157"/>
                    <a:pt x="189" y="7659"/>
                  </a:cubicBezTo>
                  <a:cubicBezTo>
                    <a:pt x="1" y="7910"/>
                    <a:pt x="294" y="8224"/>
                    <a:pt x="587" y="8161"/>
                  </a:cubicBezTo>
                  <a:cubicBezTo>
                    <a:pt x="943" y="8077"/>
                    <a:pt x="1319" y="7952"/>
                    <a:pt x="1654" y="7847"/>
                  </a:cubicBezTo>
                  <a:cubicBezTo>
                    <a:pt x="2198" y="7868"/>
                    <a:pt x="2721" y="7742"/>
                    <a:pt x="3265" y="7575"/>
                  </a:cubicBezTo>
                  <a:cubicBezTo>
                    <a:pt x="2700" y="7805"/>
                    <a:pt x="2114" y="8056"/>
                    <a:pt x="1528" y="8224"/>
                  </a:cubicBezTo>
                  <a:cubicBezTo>
                    <a:pt x="1466" y="8224"/>
                    <a:pt x="1424" y="8224"/>
                    <a:pt x="1361" y="8266"/>
                  </a:cubicBezTo>
                  <a:cubicBezTo>
                    <a:pt x="1277" y="8286"/>
                    <a:pt x="1215" y="8307"/>
                    <a:pt x="1152" y="8328"/>
                  </a:cubicBezTo>
                  <a:cubicBezTo>
                    <a:pt x="754" y="8496"/>
                    <a:pt x="817" y="9061"/>
                    <a:pt x="1256" y="9061"/>
                  </a:cubicBezTo>
                  <a:cubicBezTo>
                    <a:pt x="2407" y="9123"/>
                    <a:pt x="3621" y="8496"/>
                    <a:pt x="4709" y="8161"/>
                  </a:cubicBezTo>
                  <a:cubicBezTo>
                    <a:pt x="5985" y="7763"/>
                    <a:pt x="7324" y="7554"/>
                    <a:pt x="8642" y="7345"/>
                  </a:cubicBezTo>
                  <a:cubicBezTo>
                    <a:pt x="10023" y="7136"/>
                    <a:pt x="11404" y="6843"/>
                    <a:pt x="12827" y="6696"/>
                  </a:cubicBezTo>
                  <a:cubicBezTo>
                    <a:pt x="14187" y="6529"/>
                    <a:pt x="15568" y="6613"/>
                    <a:pt x="16949" y="6613"/>
                  </a:cubicBezTo>
                  <a:cubicBezTo>
                    <a:pt x="18393" y="6613"/>
                    <a:pt x="19837" y="6613"/>
                    <a:pt x="21259" y="6634"/>
                  </a:cubicBezTo>
                  <a:cubicBezTo>
                    <a:pt x="22410" y="6738"/>
                    <a:pt x="23540" y="6843"/>
                    <a:pt x="24691" y="6968"/>
                  </a:cubicBezTo>
                  <a:cubicBezTo>
                    <a:pt x="26051" y="7136"/>
                    <a:pt x="27202" y="7491"/>
                    <a:pt x="28478" y="7952"/>
                  </a:cubicBezTo>
                  <a:cubicBezTo>
                    <a:pt x="29064" y="8119"/>
                    <a:pt x="29671" y="8224"/>
                    <a:pt x="30236" y="8328"/>
                  </a:cubicBezTo>
                  <a:cubicBezTo>
                    <a:pt x="30780" y="8433"/>
                    <a:pt x="31303" y="8642"/>
                    <a:pt x="31889" y="8705"/>
                  </a:cubicBezTo>
                  <a:cubicBezTo>
                    <a:pt x="32181" y="8726"/>
                    <a:pt x="32349" y="8600"/>
                    <a:pt x="32453" y="8412"/>
                  </a:cubicBezTo>
                  <a:cubicBezTo>
                    <a:pt x="32935" y="8328"/>
                    <a:pt x="33270" y="7680"/>
                    <a:pt x="32746" y="7261"/>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5" name="Google Shape;366;p37">
              <a:extLst>
                <a:ext uri="{FF2B5EF4-FFF2-40B4-BE49-F238E27FC236}">
                  <a16:creationId xmlns:a16="http://schemas.microsoft.com/office/drawing/2014/main" id="{057E03B7-C2E7-B9E1-B127-2E5B3526F287}"/>
                </a:ext>
              </a:extLst>
            </p:cNvPr>
            <p:cNvSpPr/>
            <p:nvPr/>
          </p:nvSpPr>
          <p:spPr>
            <a:xfrm>
              <a:off x="-1738275" y="928450"/>
              <a:ext cx="1032625" cy="640825"/>
            </a:xfrm>
            <a:custGeom>
              <a:avLst/>
              <a:gdLst/>
              <a:ahLst/>
              <a:cxnLst/>
              <a:rect l="l" t="t" r="r" b="b"/>
              <a:pathLst>
                <a:path w="41305" h="25633" extrusionOk="0">
                  <a:moveTo>
                    <a:pt x="27181" y="17995"/>
                  </a:moveTo>
                  <a:cubicBezTo>
                    <a:pt x="26595" y="18372"/>
                    <a:pt x="26407" y="18978"/>
                    <a:pt x="26114" y="19481"/>
                  </a:cubicBezTo>
                  <a:cubicBezTo>
                    <a:pt x="25904" y="19564"/>
                    <a:pt x="25695" y="19627"/>
                    <a:pt x="25528" y="19732"/>
                  </a:cubicBezTo>
                  <a:cubicBezTo>
                    <a:pt x="25402" y="19836"/>
                    <a:pt x="25277" y="19983"/>
                    <a:pt x="25172" y="20108"/>
                  </a:cubicBezTo>
                  <a:cubicBezTo>
                    <a:pt x="24963" y="20422"/>
                    <a:pt x="24775" y="20778"/>
                    <a:pt x="24544" y="21071"/>
                  </a:cubicBezTo>
                  <a:cubicBezTo>
                    <a:pt x="24126" y="21594"/>
                    <a:pt x="23561" y="21740"/>
                    <a:pt x="22912" y="21573"/>
                  </a:cubicBezTo>
                  <a:cubicBezTo>
                    <a:pt x="21866" y="21217"/>
                    <a:pt x="20987" y="20694"/>
                    <a:pt x="20674" y="19564"/>
                  </a:cubicBezTo>
                  <a:cubicBezTo>
                    <a:pt x="20611" y="19376"/>
                    <a:pt x="20548" y="19209"/>
                    <a:pt x="20443" y="19062"/>
                  </a:cubicBezTo>
                  <a:cubicBezTo>
                    <a:pt x="20067" y="18623"/>
                    <a:pt x="20025" y="18100"/>
                    <a:pt x="20025" y="17535"/>
                  </a:cubicBezTo>
                  <a:cubicBezTo>
                    <a:pt x="20025" y="17012"/>
                    <a:pt x="20025" y="16509"/>
                    <a:pt x="19983" y="15986"/>
                  </a:cubicBezTo>
                  <a:cubicBezTo>
                    <a:pt x="19962" y="15610"/>
                    <a:pt x="19565" y="15421"/>
                    <a:pt x="19293" y="15693"/>
                  </a:cubicBezTo>
                  <a:cubicBezTo>
                    <a:pt x="18728" y="16154"/>
                    <a:pt x="18079" y="16488"/>
                    <a:pt x="17577" y="16991"/>
                  </a:cubicBezTo>
                  <a:cubicBezTo>
                    <a:pt x="17096" y="17493"/>
                    <a:pt x="16531" y="17911"/>
                    <a:pt x="15966" y="18267"/>
                  </a:cubicBezTo>
                  <a:cubicBezTo>
                    <a:pt x="15589" y="18518"/>
                    <a:pt x="15150" y="18413"/>
                    <a:pt x="14731" y="18330"/>
                  </a:cubicBezTo>
                  <a:cubicBezTo>
                    <a:pt x="14585" y="18309"/>
                    <a:pt x="14417" y="18162"/>
                    <a:pt x="14271" y="18079"/>
                  </a:cubicBezTo>
                  <a:cubicBezTo>
                    <a:pt x="14062" y="17158"/>
                    <a:pt x="14083" y="15777"/>
                    <a:pt x="14334" y="14940"/>
                  </a:cubicBezTo>
                  <a:cubicBezTo>
                    <a:pt x="14438" y="14584"/>
                    <a:pt x="14522" y="14187"/>
                    <a:pt x="14585" y="13789"/>
                  </a:cubicBezTo>
                  <a:cubicBezTo>
                    <a:pt x="14606" y="13664"/>
                    <a:pt x="14543" y="13517"/>
                    <a:pt x="14522" y="13350"/>
                  </a:cubicBezTo>
                  <a:cubicBezTo>
                    <a:pt x="14480" y="13141"/>
                    <a:pt x="14187" y="13036"/>
                    <a:pt x="13999" y="13141"/>
                  </a:cubicBezTo>
                  <a:cubicBezTo>
                    <a:pt x="13811" y="13245"/>
                    <a:pt x="13664" y="13413"/>
                    <a:pt x="13497" y="13538"/>
                  </a:cubicBezTo>
                  <a:cubicBezTo>
                    <a:pt x="12974" y="14061"/>
                    <a:pt x="12492" y="14563"/>
                    <a:pt x="11865" y="14919"/>
                  </a:cubicBezTo>
                  <a:cubicBezTo>
                    <a:pt x="11593" y="15087"/>
                    <a:pt x="11404" y="15317"/>
                    <a:pt x="11174" y="15526"/>
                  </a:cubicBezTo>
                  <a:cubicBezTo>
                    <a:pt x="10400" y="16237"/>
                    <a:pt x="9521" y="16802"/>
                    <a:pt x="8580" y="17325"/>
                  </a:cubicBezTo>
                  <a:cubicBezTo>
                    <a:pt x="8140" y="17597"/>
                    <a:pt x="7680" y="17597"/>
                    <a:pt x="7199" y="17576"/>
                  </a:cubicBezTo>
                  <a:cubicBezTo>
                    <a:pt x="6759" y="17514"/>
                    <a:pt x="6571" y="17325"/>
                    <a:pt x="6550" y="16865"/>
                  </a:cubicBezTo>
                  <a:cubicBezTo>
                    <a:pt x="6529" y="16112"/>
                    <a:pt x="6655" y="15380"/>
                    <a:pt x="7094" y="14710"/>
                  </a:cubicBezTo>
                  <a:cubicBezTo>
                    <a:pt x="7638" y="13957"/>
                    <a:pt x="8057" y="13120"/>
                    <a:pt x="8726" y="12450"/>
                  </a:cubicBezTo>
                  <a:cubicBezTo>
                    <a:pt x="8894" y="12241"/>
                    <a:pt x="8998" y="11927"/>
                    <a:pt x="9103" y="11655"/>
                  </a:cubicBezTo>
                  <a:cubicBezTo>
                    <a:pt x="9186" y="11425"/>
                    <a:pt x="8935" y="11153"/>
                    <a:pt x="8684" y="11216"/>
                  </a:cubicBezTo>
                  <a:cubicBezTo>
                    <a:pt x="8454" y="11258"/>
                    <a:pt x="8224" y="11341"/>
                    <a:pt x="8015" y="11446"/>
                  </a:cubicBezTo>
                  <a:cubicBezTo>
                    <a:pt x="6529" y="12178"/>
                    <a:pt x="5064" y="12931"/>
                    <a:pt x="3600" y="13706"/>
                  </a:cubicBezTo>
                  <a:cubicBezTo>
                    <a:pt x="3140" y="13936"/>
                    <a:pt x="2721" y="14082"/>
                    <a:pt x="2240" y="14061"/>
                  </a:cubicBezTo>
                  <a:cubicBezTo>
                    <a:pt x="1675" y="14040"/>
                    <a:pt x="1152" y="14061"/>
                    <a:pt x="608" y="14040"/>
                  </a:cubicBezTo>
                  <a:cubicBezTo>
                    <a:pt x="189" y="14019"/>
                    <a:pt x="64" y="13831"/>
                    <a:pt x="43" y="13392"/>
                  </a:cubicBezTo>
                  <a:cubicBezTo>
                    <a:pt x="1" y="13036"/>
                    <a:pt x="147" y="12785"/>
                    <a:pt x="315" y="12471"/>
                  </a:cubicBezTo>
                  <a:cubicBezTo>
                    <a:pt x="943" y="11446"/>
                    <a:pt x="1863" y="10797"/>
                    <a:pt x="2868" y="10211"/>
                  </a:cubicBezTo>
                  <a:cubicBezTo>
                    <a:pt x="3725" y="9730"/>
                    <a:pt x="4646" y="9521"/>
                    <a:pt x="5609" y="9458"/>
                  </a:cubicBezTo>
                  <a:cubicBezTo>
                    <a:pt x="6006" y="9437"/>
                    <a:pt x="6383" y="9416"/>
                    <a:pt x="6759" y="9333"/>
                  </a:cubicBezTo>
                  <a:cubicBezTo>
                    <a:pt x="7010" y="9270"/>
                    <a:pt x="7073" y="9102"/>
                    <a:pt x="6948" y="8830"/>
                  </a:cubicBezTo>
                  <a:cubicBezTo>
                    <a:pt x="6173" y="8809"/>
                    <a:pt x="5420" y="8747"/>
                    <a:pt x="4646" y="8726"/>
                  </a:cubicBezTo>
                  <a:cubicBezTo>
                    <a:pt x="4248" y="8726"/>
                    <a:pt x="3935" y="8579"/>
                    <a:pt x="3767" y="8203"/>
                  </a:cubicBezTo>
                  <a:cubicBezTo>
                    <a:pt x="3725" y="8098"/>
                    <a:pt x="3663" y="7973"/>
                    <a:pt x="3600" y="7889"/>
                  </a:cubicBezTo>
                  <a:cubicBezTo>
                    <a:pt x="2805" y="7157"/>
                    <a:pt x="2930" y="6194"/>
                    <a:pt x="3035" y="5273"/>
                  </a:cubicBezTo>
                  <a:cubicBezTo>
                    <a:pt x="3098" y="4708"/>
                    <a:pt x="3391" y="4185"/>
                    <a:pt x="3914" y="3830"/>
                  </a:cubicBezTo>
                  <a:cubicBezTo>
                    <a:pt x="4039" y="3767"/>
                    <a:pt x="4165" y="3662"/>
                    <a:pt x="4248" y="3558"/>
                  </a:cubicBezTo>
                  <a:cubicBezTo>
                    <a:pt x="4772" y="2993"/>
                    <a:pt x="5441" y="2951"/>
                    <a:pt x="6173" y="2993"/>
                  </a:cubicBezTo>
                  <a:cubicBezTo>
                    <a:pt x="6278" y="2993"/>
                    <a:pt x="6445" y="3035"/>
                    <a:pt x="6529" y="3076"/>
                  </a:cubicBezTo>
                  <a:cubicBezTo>
                    <a:pt x="7052" y="3411"/>
                    <a:pt x="7701" y="3558"/>
                    <a:pt x="8161" y="3997"/>
                  </a:cubicBezTo>
                  <a:cubicBezTo>
                    <a:pt x="8245" y="4039"/>
                    <a:pt x="8308" y="4123"/>
                    <a:pt x="8370" y="4144"/>
                  </a:cubicBezTo>
                  <a:cubicBezTo>
                    <a:pt x="8873" y="4311"/>
                    <a:pt x="9291" y="4541"/>
                    <a:pt x="9605" y="5022"/>
                  </a:cubicBezTo>
                  <a:cubicBezTo>
                    <a:pt x="9730" y="4918"/>
                    <a:pt x="9814" y="4855"/>
                    <a:pt x="9940" y="4771"/>
                  </a:cubicBezTo>
                  <a:cubicBezTo>
                    <a:pt x="9689" y="4562"/>
                    <a:pt x="9458" y="4395"/>
                    <a:pt x="9270" y="4185"/>
                  </a:cubicBezTo>
                  <a:cubicBezTo>
                    <a:pt x="9082" y="3976"/>
                    <a:pt x="8977" y="3704"/>
                    <a:pt x="8852" y="3495"/>
                  </a:cubicBezTo>
                  <a:cubicBezTo>
                    <a:pt x="8684" y="3286"/>
                    <a:pt x="8663" y="3055"/>
                    <a:pt x="8663" y="2825"/>
                  </a:cubicBezTo>
                  <a:cubicBezTo>
                    <a:pt x="8663" y="2616"/>
                    <a:pt x="8684" y="2407"/>
                    <a:pt x="8663" y="2198"/>
                  </a:cubicBezTo>
                  <a:cubicBezTo>
                    <a:pt x="8538" y="1361"/>
                    <a:pt x="9166" y="440"/>
                    <a:pt x="10086" y="126"/>
                  </a:cubicBezTo>
                  <a:cubicBezTo>
                    <a:pt x="10421" y="1"/>
                    <a:pt x="10735" y="22"/>
                    <a:pt x="10986" y="252"/>
                  </a:cubicBezTo>
                  <a:cubicBezTo>
                    <a:pt x="11279" y="524"/>
                    <a:pt x="11593" y="775"/>
                    <a:pt x="11802" y="1089"/>
                  </a:cubicBezTo>
                  <a:cubicBezTo>
                    <a:pt x="12513" y="2051"/>
                    <a:pt x="13162" y="3076"/>
                    <a:pt x="13559" y="4227"/>
                  </a:cubicBezTo>
                  <a:cubicBezTo>
                    <a:pt x="13601" y="4353"/>
                    <a:pt x="13685" y="4520"/>
                    <a:pt x="13769" y="4625"/>
                  </a:cubicBezTo>
                  <a:cubicBezTo>
                    <a:pt x="14020" y="4939"/>
                    <a:pt x="14313" y="4960"/>
                    <a:pt x="14627" y="4708"/>
                  </a:cubicBezTo>
                  <a:cubicBezTo>
                    <a:pt x="14940" y="4436"/>
                    <a:pt x="15171" y="4144"/>
                    <a:pt x="15317" y="3767"/>
                  </a:cubicBezTo>
                  <a:cubicBezTo>
                    <a:pt x="15464" y="3181"/>
                    <a:pt x="15798" y="2742"/>
                    <a:pt x="16217" y="2323"/>
                  </a:cubicBezTo>
                  <a:lnTo>
                    <a:pt x="17242" y="1298"/>
                  </a:lnTo>
                  <a:cubicBezTo>
                    <a:pt x="17891" y="649"/>
                    <a:pt x="18623" y="273"/>
                    <a:pt x="19606" y="335"/>
                  </a:cubicBezTo>
                  <a:cubicBezTo>
                    <a:pt x="20150" y="356"/>
                    <a:pt x="20674" y="356"/>
                    <a:pt x="21218" y="335"/>
                  </a:cubicBezTo>
                  <a:cubicBezTo>
                    <a:pt x="21552" y="335"/>
                    <a:pt x="21866" y="419"/>
                    <a:pt x="22159" y="628"/>
                  </a:cubicBezTo>
                  <a:cubicBezTo>
                    <a:pt x="22473" y="859"/>
                    <a:pt x="22808" y="1047"/>
                    <a:pt x="23122" y="1277"/>
                  </a:cubicBezTo>
                  <a:cubicBezTo>
                    <a:pt x="23938" y="1926"/>
                    <a:pt x="24461" y="2742"/>
                    <a:pt x="24377" y="3830"/>
                  </a:cubicBezTo>
                  <a:cubicBezTo>
                    <a:pt x="24356" y="4353"/>
                    <a:pt x="24461" y="4918"/>
                    <a:pt x="24147" y="5399"/>
                  </a:cubicBezTo>
                  <a:cubicBezTo>
                    <a:pt x="24042" y="5566"/>
                    <a:pt x="24147" y="5776"/>
                    <a:pt x="24272" y="5901"/>
                  </a:cubicBezTo>
                  <a:cubicBezTo>
                    <a:pt x="24419" y="6027"/>
                    <a:pt x="24628" y="6068"/>
                    <a:pt x="24775" y="5985"/>
                  </a:cubicBezTo>
                  <a:cubicBezTo>
                    <a:pt x="24900" y="5922"/>
                    <a:pt x="25005" y="5796"/>
                    <a:pt x="25151" y="5713"/>
                  </a:cubicBezTo>
                  <a:cubicBezTo>
                    <a:pt x="25716" y="5273"/>
                    <a:pt x="26260" y="4834"/>
                    <a:pt x="26846" y="4395"/>
                  </a:cubicBezTo>
                  <a:cubicBezTo>
                    <a:pt x="27306" y="4018"/>
                    <a:pt x="27871" y="3872"/>
                    <a:pt x="28436" y="3892"/>
                  </a:cubicBezTo>
                  <a:lnTo>
                    <a:pt x="29796" y="3892"/>
                  </a:lnTo>
                  <a:cubicBezTo>
                    <a:pt x="30801" y="3872"/>
                    <a:pt x="31763" y="4771"/>
                    <a:pt x="31805" y="5922"/>
                  </a:cubicBezTo>
                  <a:cubicBezTo>
                    <a:pt x="31847" y="6382"/>
                    <a:pt x="31575" y="6738"/>
                    <a:pt x="31324" y="7052"/>
                  </a:cubicBezTo>
                  <a:cubicBezTo>
                    <a:pt x="31114" y="7324"/>
                    <a:pt x="30842" y="7533"/>
                    <a:pt x="30633" y="7763"/>
                  </a:cubicBezTo>
                  <a:cubicBezTo>
                    <a:pt x="30529" y="7868"/>
                    <a:pt x="30424" y="7993"/>
                    <a:pt x="30403" y="8119"/>
                  </a:cubicBezTo>
                  <a:cubicBezTo>
                    <a:pt x="30382" y="8265"/>
                    <a:pt x="30424" y="8412"/>
                    <a:pt x="30508" y="8537"/>
                  </a:cubicBezTo>
                  <a:cubicBezTo>
                    <a:pt x="30612" y="8705"/>
                    <a:pt x="30821" y="8747"/>
                    <a:pt x="30968" y="8684"/>
                  </a:cubicBezTo>
                  <a:cubicBezTo>
                    <a:pt x="31156" y="8579"/>
                    <a:pt x="31324" y="8433"/>
                    <a:pt x="31470" y="8286"/>
                  </a:cubicBezTo>
                  <a:cubicBezTo>
                    <a:pt x="32161" y="7638"/>
                    <a:pt x="33018" y="7366"/>
                    <a:pt x="33897" y="7282"/>
                  </a:cubicBezTo>
                  <a:cubicBezTo>
                    <a:pt x="34399" y="7240"/>
                    <a:pt x="34922" y="7324"/>
                    <a:pt x="35446" y="7282"/>
                  </a:cubicBezTo>
                  <a:cubicBezTo>
                    <a:pt x="36387" y="7240"/>
                    <a:pt x="37140" y="7596"/>
                    <a:pt x="37810" y="8265"/>
                  </a:cubicBezTo>
                  <a:cubicBezTo>
                    <a:pt x="38082" y="8537"/>
                    <a:pt x="38354" y="8893"/>
                    <a:pt x="38605" y="9228"/>
                  </a:cubicBezTo>
                  <a:cubicBezTo>
                    <a:pt x="38919" y="9667"/>
                    <a:pt x="38919" y="10295"/>
                    <a:pt x="38605" y="10734"/>
                  </a:cubicBezTo>
                  <a:cubicBezTo>
                    <a:pt x="38500" y="10902"/>
                    <a:pt x="38375" y="11027"/>
                    <a:pt x="38249" y="11132"/>
                  </a:cubicBezTo>
                  <a:cubicBezTo>
                    <a:pt x="37705" y="11467"/>
                    <a:pt x="37140" y="11760"/>
                    <a:pt x="36596" y="12074"/>
                  </a:cubicBezTo>
                  <a:cubicBezTo>
                    <a:pt x="36471" y="12157"/>
                    <a:pt x="36303" y="12157"/>
                    <a:pt x="36157" y="12178"/>
                  </a:cubicBezTo>
                  <a:cubicBezTo>
                    <a:pt x="35990" y="12199"/>
                    <a:pt x="35843" y="12199"/>
                    <a:pt x="35718" y="12241"/>
                  </a:cubicBezTo>
                  <a:cubicBezTo>
                    <a:pt x="35467" y="12283"/>
                    <a:pt x="35320" y="12471"/>
                    <a:pt x="35320" y="12680"/>
                  </a:cubicBezTo>
                  <a:cubicBezTo>
                    <a:pt x="35320" y="12869"/>
                    <a:pt x="35508" y="13078"/>
                    <a:pt x="35739" y="13078"/>
                  </a:cubicBezTo>
                  <a:cubicBezTo>
                    <a:pt x="36031" y="13078"/>
                    <a:pt x="36345" y="13099"/>
                    <a:pt x="36617" y="13015"/>
                  </a:cubicBezTo>
                  <a:cubicBezTo>
                    <a:pt x="37308" y="12827"/>
                    <a:pt x="37977" y="12785"/>
                    <a:pt x="38689" y="12806"/>
                  </a:cubicBezTo>
                  <a:cubicBezTo>
                    <a:pt x="38898" y="12806"/>
                    <a:pt x="39107" y="12827"/>
                    <a:pt x="39316" y="12890"/>
                  </a:cubicBezTo>
                  <a:cubicBezTo>
                    <a:pt x="40446" y="13141"/>
                    <a:pt x="40760" y="13538"/>
                    <a:pt x="40907" y="14668"/>
                  </a:cubicBezTo>
                  <a:cubicBezTo>
                    <a:pt x="40948" y="14815"/>
                    <a:pt x="40948" y="14961"/>
                    <a:pt x="40948" y="15107"/>
                  </a:cubicBezTo>
                  <a:cubicBezTo>
                    <a:pt x="41011" y="15819"/>
                    <a:pt x="40781" y="16321"/>
                    <a:pt x="40070" y="16593"/>
                  </a:cubicBezTo>
                  <a:cubicBezTo>
                    <a:pt x="39212" y="16991"/>
                    <a:pt x="39086" y="17388"/>
                    <a:pt x="39505" y="18246"/>
                  </a:cubicBezTo>
                  <a:cubicBezTo>
                    <a:pt x="39714" y="18685"/>
                    <a:pt x="39902" y="19104"/>
                    <a:pt x="40258" y="19460"/>
                  </a:cubicBezTo>
                  <a:cubicBezTo>
                    <a:pt x="40384" y="19564"/>
                    <a:pt x="40467" y="19732"/>
                    <a:pt x="40551" y="19899"/>
                  </a:cubicBezTo>
                  <a:cubicBezTo>
                    <a:pt x="40760" y="20317"/>
                    <a:pt x="40948" y="20715"/>
                    <a:pt x="41095" y="21133"/>
                  </a:cubicBezTo>
                  <a:cubicBezTo>
                    <a:pt x="41304" y="21573"/>
                    <a:pt x="41200" y="22096"/>
                    <a:pt x="40760" y="22284"/>
                  </a:cubicBezTo>
                  <a:cubicBezTo>
                    <a:pt x="40132" y="22535"/>
                    <a:pt x="39505" y="22870"/>
                    <a:pt x="38793" y="22745"/>
                  </a:cubicBezTo>
                  <a:cubicBezTo>
                    <a:pt x="38584" y="22494"/>
                    <a:pt x="38668" y="22201"/>
                    <a:pt x="38647" y="21929"/>
                  </a:cubicBezTo>
                  <a:cubicBezTo>
                    <a:pt x="38563" y="20966"/>
                    <a:pt x="38040" y="20255"/>
                    <a:pt x="37391" y="19606"/>
                  </a:cubicBezTo>
                  <a:cubicBezTo>
                    <a:pt x="37224" y="19460"/>
                    <a:pt x="36994" y="19313"/>
                    <a:pt x="36680" y="19418"/>
                  </a:cubicBezTo>
                  <a:cubicBezTo>
                    <a:pt x="36806" y="19773"/>
                    <a:pt x="36910" y="20045"/>
                    <a:pt x="37015" y="20359"/>
                  </a:cubicBezTo>
                  <a:cubicBezTo>
                    <a:pt x="37119" y="20673"/>
                    <a:pt x="37245" y="20987"/>
                    <a:pt x="37391" y="21280"/>
                  </a:cubicBezTo>
                  <a:cubicBezTo>
                    <a:pt x="37517" y="21573"/>
                    <a:pt x="37622" y="21824"/>
                    <a:pt x="37601" y="22138"/>
                  </a:cubicBezTo>
                  <a:cubicBezTo>
                    <a:pt x="37559" y="22389"/>
                    <a:pt x="37559" y="22598"/>
                    <a:pt x="37412" y="22828"/>
                  </a:cubicBezTo>
                  <a:cubicBezTo>
                    <a:pt x="37287" y="23017"/>
                    <a:pt x="37224" y="23289"/>
                    <a:pt x="37245" y="23498"/>
                  </a:cubicBezTo>
                  <a:cubicBezTo>
                    <a:pt x="37350" y="24188"/>
                    <a:pt x="36994" y="24711"/>
                    <a:pt x="36659" y="25235"/>
                  </a:cubicBezTo>
                  <a:cubicBezTo>
                    <a:pt x="36450" y="25569"/>
                    <a:pt x="36073" y="25632"/>
                    <a:pt x="35676" y="25527"/>
                  </a:cubicBezTo>
                  <a:cubicBezTo>
                    <a:pt x="34922" y="25339"/>
                    <a:pt x="34316" y="24921"/>
                    <a:pt x="33730" y="24439"/>
                  </a:cubicBezTo>
                  <a:cubicBezTo>
                    <a:pt x="33123" y="24000"/>
                    <a:pt x="32893" y="23372"/>
                    <a:pt x="32851" y="22661"/>
                  </a:cubicBezTo>
                  <a:lnTo>
                    <a:pt x="32851" y="21489"/>
                  </a:lnTo>
                  <a:cubicBezTo>
                    <a:pt x="32851" y="21343"/>
                    <a:pt x="32851" y="21175"/>
                    <a:pt x="32809" y="21050"/>
                  </a:cubicBezTo>
                  <a:cubicBezTo>
                    <a:pt x="32746" y="20924"/>
                    <a:pt x="32621" y="20820"/>
                    <a:pt x="32495" y="20757"/>
                  </a:cubicBezTo>
                  <a:cubicBezTo>
                    <a:pt x="32286" y="20715"/>
                    <a:pt x="32161" y="20841"/>
                    <a:pt x="32077" y="21029"/>
                  </a:cubicBezTo>
                  <a:cubicBezTo>
                    <a:pt x="32014" y="21175"/>
                    <a:pt x="31993" y="21364"/>
                    <a:pt x="31993" y="21552"/>
                  </a:cubicBezTo>
                  <a:cubicBezTo>
                    <a:pt x="31972" y="21970"/>
                    <a:pt x="31972" y="22389"/>
                    <a:pt x="31993" y="22807"/>
                  </a:cubicBezTo>
                  <a:cubicBezTo>
                    <a:pt x="31993" y="23121"/>
                    <a:pt x="31909" y="23372"/>
                    <a:pt x="31700" y="23644"/>
                  </a:cubicBezTo>
                  <a:cubicBezTo>
                    <a:pt x="31449" y="23916"/>
                    <a:pt x="31219" y="24230"/>
                    <a:pt x="30863" y="24439"/>
                  </a:cubicBezTo>
                  <a:cubicBezTo>
                    <a:pt x="30612" y="24607"/>
                    <a:pt x="30403" y="24837"/>
                    <a:pt x="30173" y="25004"/>
                  </a:cubicBezTo>
                  <a:cubicBezTo>
                    <a:pt x="29985" y="25130"/>
                    <a:pt x="29754" y="25255"/>
                    <a:pt x="29545" y="25339"/>
                  </a:cubicBezTo>
                  <a:cubicBezTo>
                    <a:pt x="28938" y="25486"/>
                    <a:pt x="28436" y="25381"/>
                    <a:pt x="28039" y="24837"/>
                  </a:cubicBezTo>
                  <a:cubicBezTo>
                    <a:pt x="27348" y="23895"/>
                    <a:pt x="26888" y="22870"/>
                    <a:pt x="26951" y="21678"/>
                  </a:cubicBezTo>
                  <a:cubicBezTo>
                    <a:pt x="26951" y="21447"/>
                    <a:pt x="26951" y="21196"/>
                    <a:pt x="26930" y="20945"/>
                  </a:cubicBezTo>
                  <a:cubicBezTo>
                    <a:pt x="26846" y="20213"/>
                    <a:pt x="26951" y="19501"/>
                    <a:pt x="27264" y="18832"/>
                  </a:cubicBezTo>
                  <a:cubicBezTo>
                    <a:pt x="27264" y="18665"/>
                    <a:pt x="27432" y="18372"/>
                    <a:pt x="27181" y="17995"/>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16" name="Google Shape;367;p37">
              <a:extLst>
                <a:ext uri="{FF2B5EF4-FFF2-40B4-BE49-F238E27FC236}">
                  <a16:creationId xmlns:a16="http://schemas.microsoft.com/office/drawing/2014/main" id="{FC39F555-AEEF-6F1C-2405-BC2C52296F57}"/>
                </a:ext>
              </a:extLst>
            </p:cNvPr>
            <p:cNvSpPr/>
            <p:nvPr/>
          </p:nvSpPr>
          <p:spPr>
            <a:xfrm>
              <a:off x="-1773825" y="1255900"/>
              <a:ext cx="863125" cy="669600"/>
            </a:xfrm>
            <a:custGeom>
              <a:avLst/>
              <a:gdLst/>
              <a:ahLst/>
              <a:cxnLst/>
              <a:rect l="l" t="t" r="r" b="b"/>
              <a:pathLst>
                <a:path w="34525" h="26784" extrusionOk="0">
                  <a:moveTo>
                    <a:pt x="8516" y="1"/>
                  </a:moveTo>
                  <a:cubicBezTo>
                    <a:pt x="8328" y="503"/>
                    <a:pt x="8077" y="817"/>
                    <a:pt x="7847" y="1131"/>
                  </a:cubicBezTo>
                  <a:cubicBezTo>
                    <a:pt x="7114" y="2072"/>
                    <a:pt x="6947" y="3139"/>
                    <a:pt x="7010" y="4290"/>
                  </a:cubicBezTo>
                  <a:cubicBezTo>
                    <a:pt x="7010" y="4625"/>
                    <a:pt x="7156" y="4834"/>
                    <a:pt x="7428" y="5043"/>
                  </a:cubicBezTo>
                  <a:cubicBezTo>
                    <a:pt x="7847" y="5357"/>
                    <a:pt x="8286" y="5546"/>
                    <a:pt x="8830" y="5546"/>
                  </a:cubicBezTo>
                  <a:cubicBezTo>
                    <a:pt x="9520" y="5546"/>
                    <a:pt x="10148" y="5420"/>
                    <a:pt x="10713" y="5064"/>
                  </a:cubicBezTo>
                  <a:cubicBezTo>
                    <a:pt x="11696" y="4499"/>
                    <a:pt x="12596" y="3872"/>
                    <a:pt x="13349" y="3056"/>
                  </a:cubicBezTo>
                  <a:cubicBezTo>
                    <a:pt x="13726" y="2658"/>
                    <a:pt x="14124" y="2323"/>
                    <a:pt x="14605" y="2114"/>
                  </a:cubicBezTo>
                  <a:cubicBezTo>
                    <a:pt x="14584" y="3077"/>
                    <a:pt x="14584" y="4060"/>
                    <a:pt x="14563" y="5022"/>
                  </a:cubicBezTo>
                  <a:cubicBezTo>
                    <a:pt x="14563" y="5441"/>
                    <a:pt x="14751" y="5671"/>
                    <a:pt x="15086" y="5880"/>
                  </a:cubicBezTo>
                  <a:cubicBezTo>
                    <a:pt x="15798" y="6320"/>
                    <a:pt x="16551" y="6403"/>
                    <a:pt x="17325" y="6362"/>
                  </a:cubicBezTo>
                  <a:cubicBezTo>
                    <a:pt x="17618" y="6320"/>
                    <a:pt x="17827" y="6194"/>
                    <a:pt x="18036" y="6006"/>
                  </a:cubicBezTo>
                  <a:cubicBezTo>
                    <a:pt x="18748" y="5420"/>
                    <a:pt x="19501" y="4855"/>
                    <a:pt x="20129" y="4165"/>
                  </a:cubicBezTo>
                  <a:cubicBezTo>
                    <a:pt x="20191" y="4102"/>
                    <a:pt x="20296" y="4081"/>
                    <a:pt x="20422" y="3997"/>
                  </a:cubicBezTo>
                  <a:cubicBezTo>
                    <a:pt x="20484" y="4102"/>
                    <a:pt x="20547" y="4206"/>
                    <a:pt x="20547" y="4311"/>
                  </a:cubicBezTo>
                  <a:cubicBezTo>
                    <a:pt x="20589" y="4541"/>
                    <a:pt x="20589" y="4792"/>
                    <a:pt x="20547" y="5043"/>
                  </a:cubicBezTo>
                  <a:cubicBezTo>
                    <a:pt x="20526" y="5483"/>
                    <a:pt x="20631" y="5859"/>
                    <a:pt x="20861" y="6257"/>
                  </a:cubicBezTo>
                  <a:cubicBezTo>
                    <a:pt x="21028" y="6487"/>
                    <a:pt x="21154" y="6780"/>
                    <a:pt x="21259" y="7052"/>
                  </a:cubicBezTo>
                  <a:cubicBezTo>
                    <a:pt x="21551" y="7847"/>
                    <a:pt x="22012" y="8496"/>
                    <a:pt x="22765" y="8893"/>
                  </a:cubicBezTo>
                  <a:cubicBezTo>
                    <a:pt x="23142" y="9103"/>
                    <a:pt x="23539" y="9291"/>
                    <a:pt x="23895" y="9437"/>
                  </a:cubicBezTo>
                  <a:cubicBezTo>
                    <a:pt x="24920" y="9877"/>
                    <a:pt x="26113" y="9542"/>
                    <a:pt x="26824" y="8663"/>
                  </a:cubicBezTo>
                  <a:cubicBezTo>
                    <a:pt x="26950" y="8496"/>
                    <a:pt x="27096" y="8349"/>
                    <a:pt x="27201" y="8182"/>
                  </a:cubicBezTo>
                  <a:cubicBezTo>
                    <a:pt x="27431" y="8287"/>
                    <a:pt x="27347" y="8475"/>
                    <a:pt x="27389" y="8600"/>
                  </a:cubicBezTo>
                  <a:lnTo>
                    <a:pt x="27389" y="8977"/>
                  </a:lnTo>
                  <a:cubicBezTo>
                    <a:pt x="27326" y="10609"/>
                    <a:pt x="27996" y="11927"/>
                    <a:pt x="29147" y="13078"/>
                  </a:cubicBezTo>
                  <a:cubicBezTo>
                    <a:pt x="29398" y="13308"/>
                    <a:pt x="29670" y="13434"/>
                    <a:pt x="30046" y="13434"/>
                  </a:cubicBezTo>
                  <a:cubicBezTo>
                    <a:pt x="30967" y="13476"/>
                    <a:pt x="31741" y="13287"/>
                    <a:pt x="32432" y="12597"/>
                  </a:cubicBezTo>
                  <a:cubicBezTo>
                    <a:pt x="32787" y="12220"/>
                    <a:pt x="33269" y="11948"/>
                    <a:pt x="33708" y="11613"/>
                  </a:cubicBezTo>
                  <a:cubicBezTo>
                    <a:pt x="33917" y="11760"/>
                    <a:pt x="34148" y="11948"/>
                    <a:pt x="34440" y="12157"/>
                  </a:cubicBezTo>
                  <a:cubicBezTo>
                    <a:pt x="34524" y="12471"/>
                    <a:pt x="34461" y="12806"/>
                    <a:pt x="34336" y="13162"/>
                  </a:cubicBezTo>
                  <a:cubicBezTo>
                    <a:pt x="34001" y="13999"/>
                    <a:pt x="33708" y="14857"/>
                    <a:pt x="33394" y="15694"/>
                  </a:cubicBezTo>
                  <a:cubicBezTo>
                    <a:pt x="33206" y="16154"/>
                    <a:pt x="33018" y="16635"/>
                    <a:pt x="32683" y="17054"/>
                  </a:cubicBezTo>
                  <a:cubicBezTo>
                    <a:pt x="32599" y="17158"/>
                    <a:pt x="32557" y="17305"/>
                    <a:pt x="32495" y="17451"/>
                  </a:cubicBezTo>
                  <a:cubicBezTo>
                    <a:pt x="32432" y="17619"/>
                    <a:pt x="32369" y="17828"/>
                    <a:pt x="32285" y="18016"/>
                  </a:cubicBezTo>
                  <a:cubicBezTo>
                    <a:pt x="31971" y="18748"/>
                    <a:pt x="31553" y="19376"/>
                    <a:pt x="30967" y="19920"/>
                  </a:cubicBezTo>
                  <a:cubicBezTo>
                    <a:pt x="30591" y="20234"/>
                    <a:pt x="30256" y="20611"/>
                    <a:pt x="29942" y="20945"/>
                  </a:cubicBezTo>
                  <a:cubicBezTo>
                    <a:pt x="28394" y="22598"/>
                    <a:pt x="26489" y="23749"/>
                    <a:pt x="24481" y="24691"/>
                  </a:cubicBezTo>
                  <a:cubicBezTo>
                    <a:pt x="23686" y="25046"/>
                    <a:pt x="22849" y="25360"/>
                    <a:pt x="22075" y="25674"/>
                  </a:cubicBezTo>
                  <a:cubicBezTo>
                    <a:pt x="20861" y="26176"/>
                    <a:pt x="19606" y="26469"/>
                    <a:pt x="18329" y="26658"/>
                  </a:cubicBezTo>
                  <a:cubicBezTo>
                    <a:pt x="17367" y="26783"/>
                    <a:pt x="16342" y="26741"/>
                    <a:pt x="15337" y="26720"/>
                  </a:cubicBezTo>
                  <a:cubicBezTo>
                    <a:pt x="13873" y="26678"/>
                    <a:pt x="12387" y="26469"/>
                    <a:pt x="11006" y="26030"/>
                  </a:cubicBezTo>
                  <a:cubicBezTo>
                    <a:pt x="10002" y="25716"/>
                    <a:pt x="9060" y="25235"/>
                    <a:pt x="8098" y="24774"/>
                  </a:cubicBezTo>
                  <a:cubicBezTo>
                    <a:pt x="7575" y="24523"/>
                    <a:pt x="7114" y="24189"/>
                    <a:pt x="6633" y="23875"/>
                  </a:cubicBezTo>
                  <a:cubicBezTo>
                    <a:pt x="6382" y="23728"/>
                    <a:pt x="6131" y="23519"/>
                    <a:pt x="5922" y="23310"/>
                  </a:cubicBezTo>
                  <a:cubicBezTo>
                    <a:pt x="5126" y="22494"/>
                    <a:pt x="4310" y="21699"/>
                    <a:pt x="3494" y="20862"/>
                  </a:cubicBezTo>
                  <a:cubicBezTo>
                    <a:pt x="3264" y="20632"/>
                    <a:pt x="3076" y="20380"/>
                    <a:pt x="2929" y="20088"/>
                  </a:cubicBezTo>
                  <a:cubicBezTo>
                    <a:pt x="1988" y="18351"/>
                    <a:pt x="1277" y="16530"/>
                    <a:pt x="586" y="14689"/>
                  </a:cubicBezTo>
                  <a:cubicBezTo>
                    <a:pt x="314" y="13957"/>
                    <a:pt x="251" y="13099"/>
                    <a:pt x="209" y="12283"/>
                  </a:cubicBezTo>
                  <a:cubicBezTo>
                    <a:pt x="168" y="11634"/>
                    <a:pt x="0" y="10986"/>
                    <a:pt x="335" y="10337"/>
                  </a:cubicBezTo>
                  <a:cubicBezTo>
                    <a:pt x="356" y="10274"/>
                    <a:pt x="335" y="10149"/>
                    <a:pt x="314" y="10065"/>
                  </a:cubicBezTo>
                  <a:cubicBezTo>
                    <a:pt x="42" y="9416"/>
                    <a:pt x="126" y="8789"/>
                    <a:pt x="314" y="8140"/>
                  </a:cubicBezTo>
                  <a:cubicBezTo>
                    <a:pt x="481" y="7512"/>
                    <a:pt x="649" y="6843"/>
                    <a:pt x="774" y="6194"/>
                  </a:cubicBezTo>
                  <a:cubicBezTo>
                    <a:pt x="942" y="5483"/>
                    <a:pt x="1297" y="4918"/>
                    <a:pt x="1716" y="4374"/>
                  </a:cubicBezTo>
                  <a:cubicBezTo>
                    <a:pt x="2009" y="3997"/>
                    <a:pt x="2365" y="3662"/>
                    <a:pt x="2741" y="3349"/>
                  </a:cubicBezTo>
                  <a:cubicBezTo>
                    <a:pt x="2846" y="3244"/>
                    <a:pt x="2992" y="3160"/>
                    <a:pt x="3139" y="3160"/>
                  </a:cubicBezTo>
                  <a:cubicBezTo>
                    <a:pt x="3620" y="3181"/>
                    <a:pt x="3829" y="2742"/>
                    <a:pt x="4206" y="2554"/>
                  </a:cubicBezTo>
                  <a:cubicBezTo>
                    <a:pt x="4248" y="2533"/>
                    <a:pt x="4290" y="2407"/>
                    <a:pt x="4310" y="2323"/>
                  </a:cubicBezTo>
                  <a:cubicBezTo>
                    <a:pt x="4352" y="2219"/>
                    <a:pt x="4415" y="2114"/>
                    <a:pt x="4520" y="2072"/>
                  </a:cubicBezTo>
                  <a:cubicBezTo>
                    <a:pt x="5754" y="1403"/>
                    <a:pt x="6947" y="775"/>
                    <a:pt x="8181" y="126"/>
                  </a:cubicBezTo>
                  <a:cubicBezTo>
                    <a:pt x="8202" y="85"/>
                    <a:pt x="8307" y="43"/>
                    <a:pt x="8516" y="1"/>
                  </a:cubicBezTo>
                  <a:close/>
                  <a:moveTo>
                    <a:pt x="23958" y="19815"/>
                  </a:moveTo>
                  <a:cubicBezTo>
                    <a:pt x="23581" y="19920"/>
                    <a:pt x="23121" y="19962"/>
                    <a:pt x="22849" y="20318"/>
                  </a:cubicBezTo>
                  <a:cubicBezTo>
                    <a:pt x="22598" y="20652"/>
                    <a:pt x="22284" y="20820"/>
                    <a:pt x="21928" y="21008"/>
                  </a:cubicBezTo>
                  <a:cubicBezTo>
                    <a:pt x="21719" y="21113"/>
                    <a:pt x="21510" y="21259"/>
                    <a:pt x="21342" y="21385"/>
                  </a:cubicBezTo>
                  <a:cubicBezTo>
                    <a:pt x="20715" y="21887"/>
                    <a:pt x="20003" y="22180"/>
                    <a:pt x="19187" y="22180"/>
                  </a:cubicBezTo>
                  <a:cubicBezTo>
                    <a:pt x="17785" y="22180"/>
                    <a:pt x="16362" y="22201"/>
                    <a:pt x="14961" y="22180"/>
                  </a:cubicBezTo>
                  <a:cubicBezTo>
                    <a:pt x="14145" y="22159"/>
                    <a:pt x="13349" y="21992"/>
                    <a:pt x="12554" y="21887"/>
                  </a:cubicBezTo>
                  <a:cubicBezTo>
                    <a:pt x="12450" y="21866"/>
                    <a:pt x="12303" y="21845"/>
                    <a:pt x="12199" y="21782"/>
                  </a:cubicBezTo>
                  <a:cubicBezTo>
                    <a:pt x="11717" y="21552"/>
                    <a:pt x="11215" y="21343"/>
                    <a:pt x="10734" y="21113"/>
                  </a:cubicBezTo>
                  <a:cubicBezTo>
                    <a:pt x="10629" y="21050"/>
                    <a:pt x="10525" y="20966"/>
                    <a:pt x="10462" y="20904"/>
                  </a:cubicBezTo>
                  <a:cubicBezTo>
                    <a:pt x="9834" y="20067"/>
                    <a:pt x="9039" y="19334"/>
                    <a:pt x="8537" y="18393"/>
                  </a:cubicBezTo>
                  <a:cubicBezTo>
                    <a:pt x="7993" y="17305"/>
                    <a:pt x="7575" y="16196"/>
                    <a:pt x="8014" y="14940"/>
                  </a:cubicBezTo>
                  <a:cubicBezTo>
                    <a:pt x="8056" y="14836"/>
                    <a:pt x="8056" y="14689"/>
                    <a:pt x="8014" y="14585"/>
                  </a:cubicBezTo>
                  <a:cubicBezTo>
                    <a:pt x="7993" y="14522"/>
                    <a:pt x="7909" y="14438"/>
                    <a:pt x="7847" y="14417"/>
                  </a:cubicBezTo>
                  <a:cubicBezTo>
                    <a:pt x="7763" y="14375"/>
                    <a:pt x="7637" y="14417"/>
                    <a:pt x="7595" y="14459"/>
                  </a:cubicBezTo>
                  <a:cubicBezTo>
                    <a:pt x="7386" y="14731"/>
                    <a:pt x="7219" y="14982"/>
                    <a:pt x="7156" y="15317"/>
                  </a:cubicBezTo>
                  <a:cubicBezTo>
                    <a:pt x="7031" y="16677"/>
                    <a:pt x="7261" y="17974"/>
                    <a:pt x="8014" y="19125"/>
                  </a:cubicBezTo>
                  <a:cubicBezTo>
                    <a:pt x="8432" y="19774"/>
                    <a:pt x="8935" y="20380"/>
                    <a:pt x="9416" y="21008"/>
                  </a:cubicBezTo>
                  <a:cubicBezTo>
                    <a:pt x="9772" y="21489"/>
                    <a:pt x="10190" y="21887"/>
                    <a:pt x="10776" y="22159"/>
                  </a:cubicBezTo>
                  <a:cubicBezTo>
                    <a:pt x="11111" y="22305"/>
                    <a:pt x="11424" y="22494"/>
                    <a:pt x="11738" y="22619"/>
                  </a:cubicBezTo>
                  <a:cubicBezTo>
                    <a:pt x="12073" y="22745"/>
                    <a:pt x="12408" y="22849"/>
                    <a:pt x="12785" y="22912"/>
                  </a:cubicBezTo>
                  <a:cubicBezTo>
                    <a:pt x="13182" y="22933"/>
                    <a:pt x="13538" y="22996"/>
                    <a:pt x="13935" y="23101"/>
                  </a:cubicBezTo>
                  <a:cubicBezTo>
                    <a:pt x="14186" y="23163"/>
                    <a:pt x="14458" y="23205"/>
                    <a:pt x="14751" y="23205"/>
                  </a:cubicBezTo>
                  <a:lnTo>
                    <a:pt x="19522" y="23205"/>
                  </a:lnTo>
                  <a:cubicBezTo>
                    <a:pt x="19731" y="23205"/>
                    <a:pt x="19940" y="23163"/>
                    <a:pt x="20150" y="23121"/>
                  </a:cubicBezTo>
                  <a:cubicBezTo>
                    <a:pt x="21342" y="22828"/>
                    <a:pt x="22200" y="21992"/>
                    <a:pt x="23225" y="21427"/>
                  </a:cubicBezTo>
                  <a:cubicBezTo>
                    <a:pt x="23246" y="21385"/>
                    <a:pt x="23267" y="21385"/>
                    <a:pt x="23267" y="21364"/>
                  </a:cubicBezTo>
                  <a:cubicBezTo>
                    <a:pt x="23456" y="20966"/>
                    <a:pt x="23769" y="20673"/>
                    <a:pt x="24062" y="20401"/>
                  </a:cubicBezTo>
                  <a:cubicBezTo>
                    <a:pt x="24146" y="20192"/>
                    <a:pt x="24188" y="20004"/>
                    <a:pt x="23958" y="19815"/>
                  </a:cubicBezTo>
                  <a:close/>
                  <a:moveTo>
                    <a:pt x="22075" y="14543"/>
                  </a:moveTo>
                  <a:cubicBezTo>
                    <a:pt x="22075" y="14480"/>
                    <a:pt x="22054" y="14354"/>
                    <a:pt x="22012" y="14250"/>
                  </a:cubicBezTo>
                  <a:cubicBezTo>
                    <a:pt x="21907" y="13852"/>
                    <a:pt x="21551" y="13706"/>
                    <a:pt x="21259" y="13957"/>
                  </a:cubicBezTo>
                  <a:cubicBezTo>
                    <a:pt x="21028" y="14166"/>
                    <a:pt x="20798" y="14438"/>
                    <a:pt x="20610" y="14689"/>
                  </a:cubicBezTo>
                  <a:cubicBezTo>
                    <a:pt x="20484" y="14878"/>
                    <a:pt x="20526" y="15108"/>
                    <a:pt x="20652" y="15296"/>
                  </a:cubicBezTo>
                  <a:cubicBezTo>
                    <a:pt x="20819" y="15526"/>
                    <a:pt x="21028" y="15589"/>
                    <a:pt x="21279" y="15568"/>
                  </a:cubicBezTo>
                  <a:cubicBezTo>
                    <a:pt x="21719" y="15484"/>
                    <a:pt x="22054" y="15087"/>
                    <a:pt x="22075" y="14543"/>
                  </a:cubicBezTo>
                  <a:close/>
                  <a:moveTo>
                    <a:pt x="10504" y="11111"/>
                  </a:moveTo>
                  <a:cubicBezTo>
                    <a:pt x="10504" y="11111"/>
                    <a:pt x="10295" y="11111"/>
                    <a:pt x="10127" y="11216"/>
                  </a:cubicBezTo>
                  <a:cubicBezTo>
                    <a:pt x="10023" y="11279"/>
                    <a:pt x="9876" y="11425"/>
                    <a:pt x="9876" y="11551"/>
                  </a:cubicBezTo>
                  <a:cubicBezTo>
                    <a:pt x="9876" y="12241"/>
                    <a:pt x="10357" y="12639"/>
                    <a:pt x="10985" y="12534"/>
                  </a:cubicBezTo>
                  <a:cubicBezTo>
                    <a:pt x="11111" y="12492"/>
                    <a:pt x="11278" y="12429"/>
                    <a:pt x="11341" y="12325"/>
                  </a:cubicBezTo>
                  <a:cubicBezTo>
                    <a:pt x="11529" y="12053"/>
                    <a:pt x="11529" y="11739"/>
                    <a:pt x="11404" y="11446"/>
                  </a:cubicBezTo>
                  <a:cubicBezTo>
                    <a:pt x="11257" y="11174"/>
                    <a:pt x="11006" y="11090"/>
                    <a:pt x="10504" y="11111"/>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17" name="Google Shape;368;p37">
              <a:extLst>
                <a:ext uri="{FF2B5EF4-FFF2-40B4-BE49-F238E27FC236}">
                  <a16:creationId xmlns:a16="http://schemas.microsoft.com/office/drawing/2014/main" id="{63755330-F606-7136-EE45-A1156066B15E}"/>
                </a:ext>
              </a:extLst>
            </p:cNvPr>
            <p:cNvSpPr/>
            <p:nvPr/>
          </p:nvSpPr>
          <p:spPr>
            <a:xfrm>
              <a:off x="-1903025" y="1787375"/>
              <a:ext cx="809225" cy="644475"/>
            </a:xfrm>
            <a:custGeom>
              <a:avLst/>
              <a:gdLst/>
              <a:ahLst/>
              <a:cxnLst/>
              <a:rect l="l" t="t" r="r" b="b"/>
              <a:pathLst>
                <a:path w="32369" h="25779" extrusionOk="0">
                  <a:moveTo>
                    <a:pt x="20338" y="6549"/>
                  </a:moveTo>
                  <a:cubicBezTo>
                    <a:pt x="21258" y="6549"/>
                    <a:pt x="22116" y="6591"/>
                    <a:pt x="22932" y="6507"/>
                  </a:cubicBezTo>
                  <a:cubicBezTo>
                    <a:pt x="23790" y="6445"/>
                    <a:pt x="24648" y="6256"/>
                    <a:pt x="25485" y="6047"/>
                  </a:cubicBezTo>
                  <a:cubicBezTo>
                    <a:pt x="26301" y="5838"/>
                    <a:pt x="27075" y="5566"/>
                    <a:pt x="27912" y="5315"/>
                  </a:cubicBezTo>
                  <a:cubicBezTo>
                    <a:pt x="28226" y="5859"/>
                    <a:pt x="28414" y="6382"/>
                    <a:pt x="28540" y="6926"/>
                  </a:cubicBezTo>
                  <a:cubicBezTo>
                    <a:pt x="28665" y="7449"/>
                    <a:pt x="28833" y="7972"/>
                    <a:pt x="29084" y="8453"/>
                  </a:cubicBezTo>
                  <a:cubicBezTo>
                    <a:pt x="29230" y="8704"/>
                    <a:pt x="29335" y="8997"/>
                    <a:pt x="29419" y="9290"/>
                  </a:cubicBezTo>
                  <a:cubicBezTo>
                    <a:pt x="29942" y="11194"/>
                    <a:pt x="30381" y="13119"/>
                    <a:pt x="30779" y="15086"/>
                  </a:cubicBezTo>
                  <a:cubicBezTo>
                    <a:pt x="30800" y="15170"/>
                    <a:pt x="30821" y="15274"/>
                    <a:pt x="30821" y="15358"/>
                  </a:cubicBezTo>
                  <a:cubicBezTo>
                    <a:pt x="30904" y="16028"/>
                    <a:pt x="30883" y="16739"/>
                    <a:pt x="31302" y="17367"/>
                  </a:cubicBezTo>
                  <a:cubicBezTo>
                    <a:pt x="30946" y="17451"/>
                    <a:pt x="30716" y="17492"/>
                    <a:pt x="30465" y="17576"/>
                  </a:cubicBezTo>
                  <a:cubicBezTo>
                    <a:pt x="29691" y="17743"/>
                    <a:pt x="28937" y="17890"/>
                    <a:pt x="28184" y="18078"/>
                  </a:cubicBezTo>
                  <a:cubicBezTo>
                    <a:pt x="27912" y="18120"/>
                    <a:pt x="27682" y="18287"/>
                    <a:pt x="27473" y="18434"/>
                  </a:cubicBezTo>
                  <a:cubicBezTo>
                    <a:pt x="27389" y="18497"/>
                    <a:pt x="27305" y="18664"/>
                    <a:pt x="27347" y="18727"/>
                  </a:cubicBezTo>
                  <a:cubicBezTo>
                    <a:pt x="27389" y="18852"/>
                    <a:pt x="27515" y="18957"/>
                    <a:pt x="27661" y="19020"/>
                  </a:cubicBezTo>
                  <a:cubicBezTo>
                    <a:pt x="27766" y="19041"/>
                    <a:pt x="27891" y="19020"/>
                    <a:pt x="27996" y="18957"/>
                  </a:cubicBezTo>
                  <a:cubicBezTo>
                    <a:pt x="29042" y="18539"/>
                    <a:pt x="30109" y="18329"/>
                    <a:pt x="31218" y="18183"/>
                  </a:cubicBezTo>
                  <a:cubicBezTo>
                    <a:pt x="31469" y="18141"/>
                    <a:pt x="31741" y="18078"/>
                    <a:pt x="32055" y="18287"/>
                  </a:cubicBezTo>
                  <a:cubicBezTo>
                    <a:pt x="31867" y="18392"/>
                    <a:pt x="31762" y="18497"/>
                    <a:pt x="31637" y="18539"/>
                  </a:cubicBezTo>
                  <a:cubicBezTo>
                    <a:pt x="31134" y="18811"/>
                    <a:pt x="30611" y="19062"/>
                    <a:pt x="30109" y="19355"/>
                  </a:cubicBezTo>
                  <a:cubicBezTo>
                    <a:pt x="29963" y="19438"/>
                    <a:pt x="29816" y="19564"/>
                    <a:pt x="29691" y="19689"/>
                  </a:cubicBezTo>
                  <a:cubicBezTo>
                    <a:pt x="29544" y="19857"/>
                    <a:pt x="29544" y="20150"/>
                    <a:pt x="29670" y="20275"/>
                  </a:cubicBezTo>
                  <a:cubicBezTo>
                    <a:pt x="29795" y="20401"/>
                    <a:pt x="29984" y="20484"/>
                    <a:pt x="30172" y="20380"/>
                  </a:cubicBezTo>
                  <a:cubicBezTo>
                    <a:pt x="30507" y="20212"/>
                    <a:pt x="30841" y="20024"/>
                    <a:pt x="31260" y="19857"/>
                  </a:cubicBezTo>
                  <a:cubicBezTo>
                    <a:pt x="31030" y="20233"/>
                    <a:pt x="30821" y="20547"/>
                    <a:pt x="30632" y="20861"/>
                  </a:cubicBezTo>
                  <a:cubicBezTo>
                    <a:pt x="30590" y="20966"/>
                    <a:pt x="30507" y="21070"/>
                    <a:pt x="30444" y="21175"/>
                  </a:cubicBezTo>
                  <a:cubicBezTo>
                    <a:pt x="30381" y="21363"/>
                    <a:pt x="30444" y="21552"/>
                    <a:pt x="30611" y="21656"/>
                  </a:cubicBezTo>
                  <a:cubicBezTo>
                    <a:pt x="30716" y="21740"/>
                    <a:pt x="30925" y="21761"/>
                    <a:pt x="31030" y="21698"/>
                  </a:cubicBezTo>
                  <a:cubicBezTo>
                    <a:pt x="31239" y="21552"/>
                    <a:pt x="31427" y="21342"/>
                    <a:pt x="31574" y="21133"/>
                  </a:cubicBezTo>
                  <a:cubicBezTo>
                    <a:pt x="31762" y="20861"/>
                    <a:pt x="31909" y="20589"/>
                    <a:pt x="32306" y="20401"/>
                  </a:cubicBezTo>
                  <a:cubicBezTo>
                    <a:pt x="32369" y="20945"/>
                    <a:pt x="32369" y="21384"/>
                    <a:pt x="32285" y="21907"/>
                  </a:cubicBezTo>
                  <a:cubicBezTo>
                    <a:pt x="32097" y="21949"/>
                    <a:pt x="31950" y="22012"/>
                    <a:pt x="31762" y="22012"/>
                  </a:cubicBezTo>
                  <a:cubicBezTo>
                    <a:pt x="31176" y="22054"/>
                    <a:pt x="30611" y="22054"/>
                    <a:pt x="30025" y="22012"/>
                  </a:cubicBezTo>
                  <a:cubicBezTo>
                    <a:pt x="28414" y="21949"/>
                    <a:pt x="26782" y="22200"/>
                    <a:pt x="25171" y="22388"/>
                  </a:cubicBezTo>
                  <a:cubicBezTo>
                    <a:pt x="24104" y="22493"/>
                    <a:pt x="23016" y="22744"/>
                    <a:pt x="22012" y="23058"/>
                  </a:cubicBezTo>
                  <a:cubicBezTo>
                    <a:pt x="21823" y="23121"/>
                    <a:pt x="21656" y="23163"/>
                    <a:pt x="21489" y="23205"/>
                  </a:cubicBezTo>
                  <a:cubicBezTo>
                    <a:pt x="20484" y="23309"/>
                    <a:pt x="19564" y="23686"/>
                    <a:pt x="18622" y="24000"/>
                  </a:cubicBezTo>
                  <a:cubicBezTo>
                    <a:pt x="17513" y="24376"/>
                    <a:pt x="16488" y="24899"/>
                    <a:pt x="15630" y="25715"/>
                  </a:cubicBezTo>
                  <a:cubicBezTo>
                    <a:pt x="15567" y="25736"/>
                    <a:pt x="15525" y="25757"/>
                    <a:pt x="15442" y="25778"/>
                  </a:cubicBezTo>
                  <a:cubicBezTo>
                    <a:pt x="15107" y="25736"/>
                    <a:pt x="14856" y="25569"/>
                    <a:pt x="14709" y="25234"/>
                  </a:cubicBezTo>
                  <a:cubicBezTo>
                    <a:pt x="14605" y="25025"/>
                    <a:pt x="14416" y="24878"/>
                    <a:pt x="14228" y="24711"/>
                  </a:cubicBezTo>
                  <a:cubicBezTo>
                    <a:pt x="13956" y="24481"/>
                    <a:pt x="13705" y="24209"/>
                    <a:pt x="13475" y="23958"/>
                  </a:cubicBezTo>
                  <a:cubicBezTo>
                    <a:pt x="13077" y="23560"/>
                    <a:pt x="13015" y="23142"/>
                    <a:pt x="13140" y="22640"/>
                  </a:cubicBezTo>
                  <a:cubicBezTo>
                    <a:pt x="13266" y="22179"/>
                    <a:pt x="13328" y="21698"/>
                    <a:pt x="13391" y="21238"/>
                  </a:cubicBezTo>
                  <a:cubicBezTo>
                    <a:pt x="13475" y="20756"/>
                    <a:pt x="13496" y="20275"/>
                    <a:pt x="13266" y="19836"/>
                  </a:cubicBezTo>
                  <a:cubicBezTo>
                    <a:pt x="13245" y="19773"/>
                    <a:pt x="13224" y="19731"/>
                    <a:pt x="13224" y="19647"/>
                  </a:cubicBezTo>
                  <a:cubicBezTo>
                    <a:pt x="13287" y="18518"/>
                    <a:pt x="12805" y="17451"/>
                    <a:pt x="12847" y="16342"/>
                  </a:cubicBezTo>
                  <a:cubicBezTo>
                    <a:pt x="12868" y="16028"/>
                    <a:pt x="12805" y="15693"/>
                    <a:pt x="12743" y="15358"/>
                  </a:cubicBezTo>
                  <a:cubicBezTo>
                    <a:pt x="12554" y="14438"/>
                    <a:pt x="12345" y="13517"/>
                    <a:pt x="12178" y="12596"/>
                  </a:cubicBezTo>
                  <a:cubicBezTo>
                    <a:pt x="12094" y="12136"/>
                    <a:pt x="12031" y="11655"/>
                    <a:pt x="11989" y="11173"/>
                  </a:cubicBezTo>
                  <a:cubicBezTo>
                    <a:pt x="11968" y="11006"/>
                    <a:pt x="11989" y="10860"/>
                    <a:pt x="11968" y="10713"/>
                  </a:cubicBezTo>
                  <a:cubicBezTo>
                    <a:pt x="11675" y="9939"/>
                    <a:pt x="11717" y="9123"/>
                    <a:pt x="11717" y="8307"/>
                  </a:cubicBezTo>
                  <a:cubicBezTo>
                    <a:pt x="11717" y="7972"/>
                    <a:pt x="11696" y="7637"/>
                    <a:pt x="11382" y="7428"/>
                  </a:cubicBezTo>
                  <a:cubicBezTo>
                    <a:pt x="11236" y="7323"/>
                    <a:pt x="11027" y="7219"/>
                    <a:pt x="10838" y="7177"/>
                  </a:cubicBezTo>
                  <a:cubicBezTo>
                    <a:pt x="10566" y="7114"/>
                    <a:pt x="10294" y="7114"/>
                    <a:pt x="10022" y="7177"/>
                  </a:cubicBezTo>
                  <a:cubicBezTo>
                    <a:pt x="8893" y="7344"/>
                    <a:pt x="7805" y="7658"/>
                    <a:pt x="6863" y="8349"/>
                  </a:cubicBezTo>
                  <a:cubicBezTo>
                    <a:pt x="6486" y="8600"/>
                    <a:pt x="6424" y="8767"/>
                    <a:pt x="6256" y="9437"/>
                  </a:cubicBezTo>
                  <a:cubicBezTo>
                    <a:pt x="6528" y="9625"/>
                    <a:pt x="6758" y="9876"/>
                    <a:pt x="6779" y="10274"/>
                  </a:cubicBezTo>
                  <a:cubicBezTo>
                    <a:pt x="6779" y="10483"/>
                    <a:pt x="6884" y="10692"/>
                    <a:pt x="6905" y="10901"/>
                  </a:cubicBezTo>
                  <a:cubicBezTo>
                    <a:pt x="7051" y="11927"/>
                    <a:pt x="7219" y="12910"/>
                    <a:pt x="7595" y="13894"/>
                  </a:cubicBezTo>
                  <a:cubicBezTo>
                    <a:pt x="7721" y="14249"/>
                    <a:pt x="7742" y="14647"/>
                    <a:pt x="7825" y="15065"/>
                  </a:cubicBezTo>
                  <a:cubicBezTo>
                    <a:pt x="6989" y="15421"/>
                    <a:pt x="6277" y="15944"/>
                    <a:pt x="5608" y="16467"/>
                  </a:cubicBezTo>
                  <a:cubicBezTo>
                    <a:pt x="5503" y="16551"/>
                    <a:pt x="5336" y="16614"/>
                    <a:pt x="5210" y="16655"/>
                  </a:cubicBezTo>
                  <a:cubicBezTo>
                    <a:pt x="4917" y="16739"/>
                    <a:pt x="4645" y="16781"/>
                    <a:pt x="4331" y="16844"/>
                  </a:cubicBezTo>
                  <a:cubicBezTo>
                    <a:pt x="4164" y="16865"/>
                    <a:pt x="4017" y="16886"/>
                    <a:pt x="3871" y="16844"/>
                  </a:cubicBezTo>
                  <a:cubicBezTo>
                    <a:pt x="2783" y="16572"/>
                    <a:pt x="1632" y="16425"/>
                    <a:pt x="586" y="15944"/>
                  </a:cubicBezTo>
                  <a:cubicBezTo>
                    <a:pt x="398" y="15881"/>
                    <a:pt x="209" y="15777"/>
                    <a:pt x="0" y="15672"/>
                  </a:cubicBezTo>
                  <a:cubicBezTo>
                    <a:pt x="0" y="14940"/>
                    <a:pt x="188" y="14270"/>
                    <a:pt x="481" y="13642"/>
                  </a:cubicBezTo>
                  <a:cubicBezTo>
                    <a:pt x="732" y="13077"/>
                    <a:pt x="1004" y="12492"/>
                    <a:pt x="1214" y="11906"/>
                  </a:cubicBezTo>
                  <a:cubicBezTo>
                    <a:pt x="1402" y="11320"/>
                    <a:pt x="1716" y="10797"/>
                    <a:pt x="2030" y="10274"/>
                  </a:cubicBezTo>
                  <a:cubicBezTo>
                    <a:pt x="2281" y="9834"/>
                    <a:pt x="2490" y="9353"/>
                    <a:pt x="2615" y="8872"/>
                  </a:cubicBezTo>
                  <a:cubicBezTo>
                    <a:pt x="2783" y="8307"/>
                    <a:pt x="3034" y="7826"/>
                    <a:pt x="3390" y="7323"/>
                  </a:cubicBezTo>
                  <a:cubicBezTo>
                    <a:pt x="4331" y="5880"/>
                    <a:pt x="5210" y="4415"/>
                    <a:pt x="6005" y="2867"/>
                  </a:cubicBezTo>
                  <a:cubicBezTo>
                    <a:pt x="6214" y="2490"/>
                    <a:pt x="6445" y="2093"/>
                    <a:pt x="6696" y="1737"/>
                  </a:cubicBezTo>
                  <a:cubicBezTo>
                    <a:pt x="6989" y="1277"/>
                    <a:pt x="7281" y="816"/>
                    <a:pt x="7386" y="251"/>
                  </a:cubicBezTo>
                  <a:cubicBezTo>
                    <a:pt x="7407" y="189"/>
                    <a:pt x="7491" y="126"/>
                    <a:pt x="7574" y="0"/>
                  </a:cubicBezTo>
                  <a:cubicBezTo>
                    <a:pt x="7721" y="105"/>
                    <a:pt x="7888" y="189"/>
                    <a:pt x="7993" y="293"/>
                  </a:cubicBezTo>
                  <a:cubicBezTo>
                    <a:pt x="8746" y="1046"/>
                    <a:pt x="9499" y="1821"/>
                    <a:pt x="10294" y="2595"/>
                  </a:cubicBezTo>
                  <a:cubicBezTo>
                    <a:pt x="10608" y="2909"/>
                    <a:pt x="10964" y="3202"/>
                    <a:pt x="11341" y="3432"/>
                  </a:cubicBezTo>
                  <a:cubicBezTo>
                    <a:pt x="12324" y="4038"/>
                    <a:pt x="13349" y="4603"/>
                    <a:pt x="14437" y="5231"/>
                  </a:cubicBezTo>
                  <a:cubicBezTo>
                    <a:pt x="14626" y="5733"/>
                    <a:pt x="14814" y="6319"/>
                    <a:pt x="15107" y="6884"/>
                  </a:cubicBezTo>
                  <a:cubicBezTo>
                    <a:pt x="15421" y="7512"/>
                    <a:pt x="16007" y="7847"/>
                    <a:pt x="16697" y="7930"/>
                  </a:cubicBezTo>
                  <a:cubicBezTo>
                    <a:pt x="17304" y="8014"/>
                    <a:pt x="17890" y="7951"/>
                    <a:pt x="18497" y="7930"/>
                  </a:cubicBezTo>
                  <a:cubicBezTo>
                    <a:pt x="18622" y="7930"/>
                    <a:pt x="18810" y="7868"/>
                    <a:pt x="18915" y="7784"/>
                  </a:cubicBezTo>
                  <a:cubicBezTo>
                    <a:pt x="19375" y="7512"/>
                    <a:pt x="20045" y="7303"/>
                    <a:pt x="20338" y="6549"/>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18" name="Google Shape;369;p37">
              <a:extLst>
                <a:ext uri="{FF2B5EF4-FFF2-40B4-BE49-F238E27FC236}">
                  <a16:creationId xmlns:a16="http://schemas.microsoft.com/office/drawing/2014/main" id="{D61437DE-A190-E4B6-233A-60DA566D7CA8}"/>
                </a:ext>
              </a:extLst>
            </p:cNvPr>
            <p:cNvSpPr/>
            <p:nvPr/>
          </p:nvSpPr>
          <p:spPr>
            <a:xfrm>
              <a:off x="-1722050" y="1988225"/>
              <a:ext cx="128700" cy="337950"/>
            </a:xfrm>
            <a:custGeom>
              <a:avLst/>
              <a:gdLst/>
              <a:ahLst/>
              <a:cxnLst/>
              <a:rect l="l" t="t" r="r" b="b"/>
              <a:pathLst>
                <a:path w="5148" h="13518" extrusionOk="0">
                  <a:moveTo>
                    <a:pt x="1" y="1173"/>
                  </a:moveTo>
                  <a:cubicBezTo>
                    <a:pt x="586" y="629"/>
                    <a:pt x="1151" y="294"/>
                    <a:pt x="1842" y="231"/>
                  </a:cubicBezTo>
                  <a:cubicBezTo>
                    <a:pt x="2009" y="231"/>
                    <a:pt x="2135" y="126"/>
                    <a:pt x="2260" y="106"/>
                  </a:cubicBezTo>
                  <a:cubicBezTo>
                    <a:pt x="2532" y="43"/>
                    <a:pt x="2783" y="1"/>
                    <a:pt x="3055" y="1"/>
                  </a:cubicBezTo>
                  <a:cubicBezTo>
                    <a:pt x="3474" y="1"/>
                    <a:pt x="3599" y="126"/>
                    <a:pt x="3620" y="524"/>
                  </a:cubicBezTo>
                  <a:cubicBezTo>
                    <a:pt x="3662" y="775"/>
                    <a:pt x="3620" y="1068"/>
                    <a:pt x="3620" y="1340"/>
                  </a:cubicBezTo>
                  <a:cubicBezTo>
                    <a:pt x="3620" y="1758"/>
                    <a:pt x="3620" y="2177"/>
                    <a:pt x="3788" y="2595"/>
                  </a:cubicBezTo>
                  <a:cubicBezTo>
                    <a:pt x="3830" y="2742"/>
                    <a:pt x="3913" y="2951"/>
                    <a:pt x="3892" y="3119"/>
                  </a:cubicBezTo>
                  <a:cubicBezTo>
                    <a:pt x="3809" y="4395"/>
                    <a:pt x="4206" y="5629"/>
                    <a:pt x="4415" y="6843"/>
                  </a:cubicBezTo>
                  <a:cubicBezTo>
                    <a:pt x="4541" y="7554"/>
                    <a:pt x="4667" y="8266"/>
                    <a:pt x="4646" y="8998"/>
                  </a:cubicBezTo>
                  <a:cubicBezTo>
                    <a:pt x="4646" y="9145"/>
                    <a:pt x="4625" y="9312"/>
                    <a:pt x="4667" y="9437"/>
                  </a:cubicBezTo>
                  <a:cubicBezTo>
                    <a:pt x="4855" y="10170"/>
                    <a:pt x="4876" y="10923"/>
                    <a:pt x="4918" y="11655"/>
                  </a:cubicBezTo>
                  <a:cubicBezTo>
                    <a:pt x="4918" y="12011"/>
                    <a:pt x="5064" y="12346"/>
                    <a:pt x="5148" y="12743"/>
                  </a:cubicBezTo>
                  <a:cubicBezTo>
                    <a:pt x="4939" y="12869"/>
                    <a:pt x="4750" y="13015"/>
                    <a:pt x="4562" y="13057"/>
                  </a:cubicBezTo>
                  <a:cubicBezTo>
                    <a:pt x="3913" y="13099"/>
                    <a:pt x="3307" y="13371"/>
                    <a:pt x="2616" y="13518"/>
                  </a:cubicBezTo>
                  <a:cubicBezTo>
                    <a:pt x="2574" y="12262"/>
                    <a:pt x="2323" y="11090"/>
                    <a:pt x="1905" y="9940"/>
                  </a:cubicBezTo>
                  <a:cubicBezTo>
                    <a:pt x="1633" y="9249"/>
                    <a:pt x="1612" y="8517"/>
                    <a:pt x="1507" y="7784"/>
                  </a:cubicBezTo>
                  <a:cubicBezTo>
                    <a:pt x="1737" y="7617"/>
                    <a:pt x="1967" y="7429"/>
                    <a:pt x="2198" y="7220"/>
                  </a:cubicBezTo>
                  <a:cubicBezTo>
                    <a:pt x="2260" y="7136"/>
                    <a:pt x="2344" y="6948"/>
                    <a:pt x="2323" y="6822"/>
                  </a:cubicBezTo>
                  <a:cubicBezTo>
                    <a:pt x="2302" y="6613"/>
                    <a:pt x="2093" y="6571"/>
                    <a:pt x="1905" y="6571"/>
                  </a:cubicBezTo>
                  <a:cubicBezTo>
                    <a:pt x="1716" y="6571"/>
                    <a:pt x="1570" y="6613"/>
                    <a:pt x="1382" y="6676"/>
                  </a:cubicBezTo>
                  <a:cubicBezTo>
                    <a:pt x="733" y="4855"/>
                    <a:pt x="335" y="3035"/>
                    <a:pt x="1" y="1173"/>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19" name="Google Shape;370;p37">
              <a:extLst>
                <a:ext uri="{FF2B5EF4-FFF2-40B4-BE49-F238E27FC236}">
                  <a16:creationId xmlns:a16="http://schemas.microsoft.com/office/drawing/2014/main" id="{24DEAFA7-5E7B-D183-00DA-DB39A2CA96CA}"/>
                </a:ext>
              </a:extLst>
            </p:cNvPr>
            <p:cNvSpPr/>
            <p:nvPr/>
          </p:nvSpPr>
          <p:spPr>
            <a:xfrm>
              <a:off x="-1927100" y="2205850"/>
              <a:ext cx="251100" cy="128700"/>
            </a:xfrm>
            <a:custGeom>
              <a:avLst/>
              <a:gdLst/>
              <a:ahLst/>
              <a:cxnLst/>
              <a:rect l="l" t="t" r="r" b="b"/>
              <a:pathLst>
                <a:path w="10044" h="5148" extrusionOk="0">
                  <a:moveTo>
                    <a:pt x="9584" y="2469"/>
                  </a:moveTo>
                  <a:cubicBezTo>
                    <a:pt x="9625" y="2699"/>
                    <a:pt x="9709" y="2908"/>
                    <a:pt x="9730" y="3139"/>
                  </a:cubicBezTo>
                  <a:cubicBezTo>
                    <a:pt x="9772" y="3829"/>
                    <a:pt x="9981" y="4478"/>
                    <a:pt x="10044" y="5147"/>
                  </a:cubicBezTo>
                  <a:cubicBezTo>
                    <a:pt x="9521" y="5105"/>
                    <a:pt x="9270" y="5043"/>
                    <a:pt x="8935" y="4708"/>
                  </a:cubicBezTo>
                  <a:cubicBezTo>
                    <a:pt x="8537" y="4310"/>
                    <a:pt x="8098" y="4164"/>
                    <a:pt x="7596" y="4038"/>
                  </a:cubicBezTo>
                  <a:cubicBezTo>
                    <a:pt x="6382" y="3745"/>
                    <a:pt x="5190" y="3473"/>
                    <a:pt x="4039" y="3013"/>
                  </a:cubicBezTo>
                  <a:cubicBezTo>
                    <a:pt x="3767" y="2908"/>
                    <a:pt x="3453" y="2888"/>
                    <a:pt x="3139" y="2888"/>
                  </a:cubicBezTo>
                  <a:cubicBezTo>
                    <a:pt x="2302" y="2846"/>
                    <a:pt x="1465" y="2888"/>
                    <a:pt x="607" y="2888"/>
                  </a:cubicBezTo>
                  <a:cubicBezTo>
                    <a:pt x="398" y="2888"/>
                    <a:pt x="189" y="2846"/>
                    <a:pt x="1" y="2825"/>
                  </a:cubicBezTo>
                  <a:lnTo>
                    <a:pt x="1" y="1548"/>
                  </a:lnTo>
                  <a:cubicBezTo>
                    <a:pt x="377" y="1130"/>
                    <a:pt x="147" y="481"/>
                    <a:pt x="586" y="0"/>
                  </a:cubicBezTo>
                  <a:cubicBezTo>
                    <a:pt x="775" y="63"/>
                    <a:pt x="942" y="84"/>
                    <a:pt x="1130" y="168"/>
                  </a:cubicBezTo>
                  <a:cubicBezTo>
                    <a:pt x="2177" y="628"/>
                    <a:pt x="3327" y="795"/>
                    <a:pt x="4436" y="1025"/>
                  </a:cubicBezTo>
                  <a:cubicBezTo>
                    <a:pt x="4687" y="1067"/>
                    <a:pt x="4980" y="1046"/>
                    <a:pt x="5231" y="1004"/>
                  </a:cubicBezTo>
                  <a:cubicBezTo>
                    <a:pt x="5545" y="942"/>
                    <a:pt x="5817" y="1025"/>
                    <a:pt x="6068" y="1214"/>
                  </a:cubicBezTo>
                  <a:cubicBezTo>
                    <a:pt x="6654" y="1590"/>
                    <a:pt x="7219" y="1988"/>
                    <a:pt x="7805" y="2323"/>
                  </a:cubicBezTo>
                  <a:cubicBezTo>
                    <a:pt x="8349" y="2678"/>
                    <a:pt x="8830" y="2699"/>
                    <a:pt x="9584" y="2469"/>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0" name="Google Shape;371;p37">
              <a:extLst>
                <a:ext uri="{FF2B5EF4-FFF2-40B4-BE49-F238E27FC236}">
                  <a16:creationId xmlns:a16="http://schemas.microsoft.com/office/drawing/2014/main" id="{74563290-CE07-343E-5ADB-D534EE1E221A}"/>
                </a:ext>
              </a:extLst>
            </p:cNvPr>
            <p:cNvSpPr/>
            <p:nvPr/>
          </p:nvSpPr>
          <p:spPr>
            <a:xfrm>
              <a:off x="-1839225" y="1357400"/>
              <a:ext cx="62800" cy="127125"/>
            </a:xfrm>
            <a:custGeom>
              <a:avLst/>
              <a:gdLst/>
              <a:ahLst/>
              <a:cxnLst/>
              <a:rect l="l" t="t" r="r" b="b"/>
              <a:pathLst>
                <a:path w="2512" h="5085" extrusionOk="0">
                  <a:moveTo>
                    <a:pt x="1716" y="5084"/>
                  </a:moveTo>
                  <a:cubicBezTo>
                    <a:pt x="1612" y="4980"/>
                    <a:pt x="1528" y="4938"/>
                    <a:pt x="1486" y="4854"/>
                  </a:cubicBezTo>
                  <a:cubicBezTo>
                    <a:pt x="1131" y="4227"/>
                    <a:pt x="754" y="3620"/>
                    <a:pt x="419" y="2992"/>
                  </a:cubicBezTo>
                  <a:cubicBezTo>
                    <a:pt x="1" y="2197"/>
                    <a:pt x="126" y="1297"/>
                    <a:pt x="189" y="439"/>
                  </a:cubicBezTo>
                  <a:cubicBezTo>
                    <a:pt x="189" y="209"/>
                    <a:pt x="419" y="21"/>
                    <a:pt x="670" y="21"/>
                  </a:cubicBezTo>
                  <a:cubicBezTo>
                    <a:pt x="900" y="0"/>
                    <a:pt x="1152" y="0"/>
                    <a:pt x="1382" y="0"/>
                  </a:cubicBezTo>
                  <a:cubicBezTo>
                    <a:pt x="1988" y="21"/>
                    <a:pt x="2365" y="377"/>
                    <a:pt x="2428" y="983"/>
                  </a:cubicBezTo>
                  <a:cubicBezTo>
                    <a:pt x="2512" y="1841"/>
                    <a:pt x="2449" y="2720"/>
                    <a:pt x="2093" y="3515"/>
                  </a:cubicBezTo>
                  <a:cubicBezTo>
                    <a:pt x="1988" y="3766"/>
                    <a:pt x="1905" y="4017"/>
                    <a:pt x="1821" y="4289"/>
                  </a:cubicBezTo>
                  <a:cubicBezTo>
                    <a:pt x="1800" y="4520"/>
                    <a:pt x="1779" y="4771"/>
                    <a:pt x="1716" y="5084"/>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1" name="Google Shape;372;p37">
              <a:extLst>
                <a:ext uri="{FF2B5EF4-FFF2-40B4-BE49-F238E27FC236}">
                  <a16:creationId xmlns:a16="http://schemas.microsoft.com/office/drawing/2014/main" id="{447FE0E7-DFB0-087D-F046-E38E25A87A35}"/>
                </a:ext>
              </a:extLst>
            </p:cNvPr>
            <p:cNvSpPr/>
            <p:nvPr/>
          </p:nvSpPr>
          <p:spPr>
            <a:xfrm>
              <a:off x="-962000" y="1680125"/>
              <a:ext cx="111975" cy="75875"/>
            </a:xfrm>
            <a:custGeom>
              <a:avLst/>
              <a:gdLst/>
              <a:ahLst/>
              <a:cxnLst/>
              <a:rect l="l" t="t" r="r" b="b"/>
              <a:pathLst>
                <a:path w="4479" h="3035" extrusionOk="0">
                  <a:moveTo>
                    <a:pt x="1" y="2993"/>
                  </a:moveTo>
                  <a:cubicBezTo>
                    <a:pt x="503" y="1968"/>
                    <a:pt x="984" y="1026"/>
                    <a:pt x="1444" y="106"/>
                  </a:cubicBezTo>
                  <a:cubicBezTo>
                    <a:pt x="2177" y="1"/>
                    <a:pt x="2867" y="64"/>
                    <a:pt x="3558" y="106"/>
                  </a:cubicBezTo>
                  <a:cubicBezTo>
                    <a:pt x="4144" y="126"/>
                    <a:pt x="4478" y="963"/>
                    <a:pt x="4081" y="1424"/>
                  </a:cubicBezTo>
                  <a:cubicBezTo>
                    <a:pt x="3244" y="2323"/>
                    <a:pt x="2302" y="3035"/>
                    <a:pt x="1005" y="3035"/>
                  </a:cubicBezTo>
                  <a:cubicBezTo>
                    <a:pt x="691" y="3035"/>
                    <a:pt x="398" y="3014"/>
                    <a:pt x="1" y="2993"/>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 name="Google Shape;373;p37">
              <a:extLst>
                <a:ext uri="{FF2B5EF4-FFF2-40B4-BE49-F238E27FC236}">
                  <a16:creationId xmlns:a16="http://schemas.microsoft.com/office/drawing/2014/main" id="{EDC3E02D-0353-BACF-31D2-09A9CC2D09AC}"/>
                </a:ext>
              </a:extLst>
            </p:cNvPr>
            <p:cNvSpPr/>
            <p:nvPr/>
          </p:nvSpPr>
          <p:spPr>
            <a:xfrm>
              <a:off x="-1511775" y="1933300"/>
              <a:ext cx="91050" cy="34025"/>
            </a:xfrm>
            <a:custGeom>
              <a:avLst/>
              <a:gdLst/>
              <a:ahLst/>
              <a:cxnLst/>
              <a:rect l="l" t="t" r="r" b="b"/>
              <a:pathLst>
                <a:path w="3642" h="1361" extrusionOk="0">
                  <a:moveTo>
                    <a:pt x="3642" y="650"/>
                  </a:moveTo>
                  <a:cubicBezTo>
                    <a:pt x="3265" y="901"/>
                    <a:pt x="3014" y="1131"/>
                    <a:pt x="2700" y="1361"/>
                  </a:cubicBezTo>
                  <a:lnTo>
                    <a:pt x="1382" y="1361"/>
                  </a:lnTo>
                  <a:cubicBezTo>
                    <a:pt x="1235" y="1361"/>
                    <a:pt x="1110" y="1319"/>
                    <a:pt x="942" y="1298"/>
                  </a:cubicBezTo>
                  <a:cubicBezTo>
                    <a:pt x="336" y="1131"/>
                    <a:pt x="1" y="733"/>
                    <a:pt x="22" y="1"/>
                  </a:cubicBezTo>
                  <a:cubicBezTo>
                    <a:pt x="1214" y="189"/>
                    <a:pt x="2344" y="419"/>
                    <a:pt x="3642" y="650"/>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3" name="Google Shape;374;p37">
              <a:extLst>
                <a:ext uri="{FF2B5EF4-FFF2-40B4-BE49-F238E27FC236}">
                  <a16:creationId xmlns:a16="http://schemas.microsoft.com/office/drawing/2014/main" id="{03E5528F-114A-D3D6-E464-292CB2647835}"/>
                </a:ext>
              </a:extLst>
            </p:cNvPr>
            <p:cNvSpPr/>
            <p:nvPr/>
          </p:nvSpPr>
          <p:spPr>
            <a:xfrm>
              <a:off x="-1642025" y="2339750"/>
              <a:ext cx="50775" cy="56525"/>
            </a:xfrm>
            <a:custGeom>
              <a:avLst/>
              <a:gdLst/>
              <a:ahLst/>
              <a:cxnLst/>
              <a:rect l="l" t="t" r="r" b="b"/>
              <a:pathLst>
                <a:path w="2031" h="2261" extrusionOk="0">
                  <a:moveTo>
                    <a:pt x="1" y="670"/>
                  </a:moveTo>
                  <a:cubicBezTo>
                    <a:pt x="691" y="105"/>
                    <a:pt x="1340" y="105"/>
                    <a:pt x="2031" y="1"/>
                  </a:cubicBezTo>
                  <a:lnTo>
                    <a:pt x="2031" y="1863"/>
                  </a:lnTo>
                  <a:cubicBezTo>
                    <a:pt x="1842" y="1967"/>
                    <a:pt x="1654" y="2093"/>
                    <a:pt x="1424" y="2260"/>
                  </a:cubicBezTo>
                  <a:cubicBezTo>
                    <a:pt x="838" y="1821"/>
                    <a:pt x="357" y="1319"/>
                    <a:pt x="1" y="670"/>
                  </a:cubicBezTo>
                  <a:close/>
                </a:path>
              </a:pathLst>
            </a:custGeom>
            <a:solidFill>
              <a:srgbClr val="FFFFFF"/>
            </a:solidFill>
            <a:ln>
              <a:noFill/>
            </a:ln>
          </p:spPr>
          <p:txBody>
            <a:bodyPr spcFirstLastPara="1" wrap="square" lIns="91425" tIns="91425" rIns="91425" bIns="91425" anchor="ctr" anchorCtr="0">
              <a:noAutofit/>
            </a:bodyPr>
            <a:lstStyle/>
            <a:p>
              <a:endParaRPr/>
            </a:p>
          </p:txBody>
        </p:sp>
        <p:sp>
          <p:nvSpPr>
            <p:cNvPr id="24" name="Google Shape;375;p37">
              <a:extLst>
                <a:ext uri="{FF2B5EF4-FFF2-40B4-BE49-F238E27FC236}">
                  <a16:creationId xmlns:a16="http://schemas.microsoft.com/office/drawing/2014/main" id="{0FA6E66C-6B4B-A8A8-097C-84A360E0426C}"/>
                </a:ext>
              </a:extLst>
            </p:cNvPr>
            <p:cNvSpPr/>
            <p:nvPr/>
          </p:nvSpPr>
          <p:spPr>
            <a:xfrm>
              <a:off x="-1752375" y="2221000"/>
              <a:ext cx="55975" cy="30900"/>
            </a:xfrm>
            <a:custGeom>
              <a:avLst/>
              <a:gdLst/>
              <a:ahLst/>
              <a:cxnLst/>
              <a:rect l="l" t="t" r="r" b="b"/>
              <a:pathLst>
                <a:path w="2239" h="1236" extrusionOk="0">
                  <a:moveTo>
                    <a:pt x="0" y="294"/>
                  </a:moveTo>
                  <a:cubicBezTo>
                    <a:pt x="167" y="85"/>
                    <a:pt x="293" y="1"/>
                    <a:pt x="502" y="85"/>
                  </a:cubicBezTo>
                  <a:cubicBezTo>
                    <a:pt x="942" y="210"/>
                    <a:pt x="1360" y="503"/>
                    <a:pt x="1883" y="461"/>
                  </a:cubicBezTo>
                  <a:cubicBezTo>
                    <a:pt x="2092" y="461"/>
                    <a:pt x="2197" y="629"/>
                    <a:pt x="2218" y="817"/>
                  </a:cubicBezTo>
                  <a:cubicBezTo>
                    <a:pt x="2239" y="984"/>
                    <a:pt x="1988" y="1235"/>
                    <a:pt x="1799" y="1235"/>
                  </a:cubicBezTo>
                  <a:cubicBezTo>
                    <a:pt x="1695" y="1235"/>
                    <a:pt x="1569" y="1194"/>
                    <a:pt x="1465" y="1152"/>
                  </a:cubicBezTo>
                  <a:cubicBezTo>
                    <a:pt x="963" y="838"/>
                    <a:pt x="502" y="545"/>
                    <a:pt x="0" y="294"/>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5" name="Google Shape;376;p37">
              <a:extLst>
                <a:ext uri="{FF2B5EF4-FFF2-40B4-BE49-F238E27FC236}">
                  <a16:creationId xmlns:a16="http://schemas.microsoft.com/office/drawing/2014/main" id="{AD531A44-D791-DF68-3E04-A65AEE329B49}"/>
                </a:ext>
              </a:extLst>
            </p:cNvPr>
            <p:cNvSpPr/>
            <p:nvPr/>
          </p:nvSpPr>
          <p:spPr>
            <a:xfrm>
              <a:off x="-1726750" y="2191725"/>
              <a:ext cx="24075" cy="22500"/>
            </a:xfrm>
            <a:custGeom>
              <a:avLst/>
              <a:gdLst/>
              <a:ahLst/>
              <a:cxnLst/>
              <a:rect l="l" t="t" r="r" b="b"/>
              <a:pathLst>
                <a:path w="963" h="900" extrusionOk="0">
                  <a:moveTo>
                    <a:pt x="0" y="481"/>
                  </a:moveTo>
                  <a:cubicBezTo>
                    <a:pt x="210" y="147"/>
                    <a:pt x="461" y="21"/>
                    <a:pt x="837" y="0"/>
                  </a:cubicBezTo>
                  <a:cubicBezTo>
                    <a:pt x="879" y="209"/>
                    <a:pt x="921" y="440"/>
                    <a:pt x="963" y="649"/>
                  </a:cubicBezTo>
                  <a:cubicBezTo>
                    <a:pt x="565" y="900"/>
                    <a:pt x="335" y="649"/>
                    <a:pt x="0" y="481"/>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6" name="Google Shape;377;p37">
              <a:extLst>
                <a:ext uri="{FF2B5EF4-FFF2-40B4-BE49-F238E27FC236}">
                  <a16:creationId xmlns:a16="http://schemas.microsoft.com/office/drawing/2014/main" id="{70A2DA7E-875A-AA0C-660C-5C67D771DD38}"/>
                </a:ext>
              </a:extLst>
            </p:cNvPr>
            <p:cNvSpPr/>
            <p:nvPr/>
          </p:nvSpPr>
          <p:spPr>
            <a:xfrm>
              <a:off x="-1748200" y="1455700"/>
              <a:ext cx="211250" cy="206300"/>
            </a:xfrm>
            <a:custGeom>
              <a:avLst/>
              <a:gdLst/>
              <a:ahLst/>
              <a:cxnLst/>
              <a:rect l="l" t="t" r="r" b="b"/>
              <a:pathLst>
                <a:path w="8450" h="8252" extrusionOk="0">
                  <a:moveTo>
                    <a:pt x="3345" y="1"/>
                  </a:moveTo>
                  <a:cubicBezTo>
                    <a:pt x="2812" y="1"/>
                    <a:pt x="2295" y="220"/>
                    <a:pt x="1842" y="734"/>
                  </a:cubicBezTo>
                  <a:cubicBezTo>
                    <a:pt x="1612" y="1006"/>
                    <a:pt x="1402" y="1341"/>
                    <a:pt x="1277" y="1696"/>
                  </a:cubicBezTo>
                  <a:cubicBezTo>
                    <a:pt x="524" y="2073"/>
                    <a:pt x="0" y="2784"/>
                    <a:pt x="63" y="4019"/>
                  </a:cubicBezTo>
                  <a:cubicBezTo>
                    <a:pt x="168" y="5505"/>
                    <a:pt x="1068" y="6760"/>
                    <a:pt x="2218" y="7430"/>
                  </a:cubicBezTo>
                  <a:cubicBezTo>
                    <a:pt x="2637" y="7869"/>
                    <a:pt x="3160" y="8204"/>
                    <a:pt x="3829" y="8246"/>
                  </a:cubicBezTo>
                  <a:cubicBezTo>
                    <a:pt x="3883" y="8250"/>
                    <a:pt x="3936" y="8252"/>
                    <a:pt x="3988" y="8252"/>
                  </a:cubicBezTo>
                  <a:cubicBezTo>
                    <a:pt x="4446" y="8252"/>
                    <a:pt x="4849" y="8092"/>
                    <a:pt x="5169" y="7848"/>
                  </a:cubicBezTo>
                  <a:cubicBezTo>
                    <a:pt x="5817" y="7639"/>
                    <a:pt x="6424" y="7220"/>
                    <a:pt x="6926" y="6551"/>
                  </a:cubicBezTo>
                  <a:cubicBezTo>
                    <a:pt x="8450" y="4445"/>
                    <a:pt x="5744" y="1"/>
                    <a:pt x="3345" y="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7" name="Google Shape;378;p37">
              <a:extLst>
                <a:ext uri="{FF2B5EF4-FFF2-40B4-BE49-F238E27FC236}">
                  <a16:creationId xmlns:a16="http://schemas.microsoft.com/office/drawing/2014/main" id="{770FE44B-4F8F-6164-8085-53EF3B7DE939}"/>
                </a:ext>
              </a:extLst>
            </p:cNvPr>
            <p:cNvSpPr/>
            <p:nvPr/>
          </p:nvSpPr>
          <p:spPr>
            <a:xfrm>
              <a:off x="-1228775" y="1649625"/>
              <a:ext cx="220250" cy="167775"/>
            </a:xfrm>
            <a:custGeom>
              <a:avLst/>
              <a:gdLst/>
              <a:ahLst/>
              <a:cxnLst/>
              <a:rect l="l" t="t" r="r" b="b"/>
              <a:pathLst>
                <a:path w="8810" h="6711" extrusionOk="0">
                  <a:moveTo>
                    <a:pt x="5246" y="1"/>
                  </a:moveTo>
                  <a:cubicBezTo>
                    <a:pt x="4260" y="1"/>
                    <a:pt x="3239" y="372"/>
                    <a:pt x="2511" y="970"/>
                  </a:cubicBezTo>
                  <a:cubicBezTo>
                    <a:pt x="2490" y="991"/>
                    <a:pt x="2449" y="1012"/>
                    <a:pt x="2407" y="1033"/>
                  </a:cubicBezTo>
                  <a:cubicBezTo>
                    <a:pt x="2260" y="1137"/>
                    <a:pt x="2114" y="1284"/>
                    <a:pt x="1988" y="1409"/>
                  </a:cubicBezTo>
                  <a:cubicBezTo>
                    <a:pt x="1528" y="1702"/>
                    <a:pt x="1130" y="2037"/>
                    <a:pt x="879" y="2455"/>
                  </a:cubicBezTo>
                  <a:cubicBezTo>
                    <a:pt x="1" y="3711"/>
                    <a:pt x="817" y="5196"/>
                    <a:pt x="1967" y="5908"/>
                  </a:cubicBezTo>
                  <a:cubicBezTo>
                    <a:pt x="2344" y="6305"/>
                    <a:pt x="2804" y="6619"/>
                    <a:pt x="3348" y="6682"/>
                  </a:cubicBezTo>
                  <a:cubicBezTo>
                    <a:pt x="3469" y="6701"/>
                    <a:pt x="3588" y="6711"/>
                    <a:pt x="3704" y="6711"/>
                  </a:cubicBezTo>
                  <a:cubicBezTo>
                    <a:pt x="4092" y="6711"/>
                    <a:pt x="4454" y="6608"/>
                    <a:pt x="4792" y="6431"/>
                  </a:cubicBezTo>
                  <a:cubicBezTo>
                    <a:pt x="5503" y="6326"/>
                    <a:pt x="6194" y="6033"/>
                    <a:pt x="6780" y="5573"/>
                  </a:cubicBezTo>
                  <a:cubicBezTo>
                    <a:pt x="8119" y="4464"/>
                    <a:pt x="8809" y="2560"/>
                    <a:pt x="7638" y="1074"/>
                  </a:cubicBezTo>
                  <a:cubicBezTo>
                    <a:pt x="7044" y="320"/>
                    <a:pt x="6160" y="1"/>
                    <a:pt x="5246" y="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8" name="Google Shape;379;p37">
              <a:extLst>
                <a:ext uri="{FF2B5EF4-FFF2-40B4-BE49-F238E27FC236}">
                  <a16:creationId xmlns:a16="http://schemas.microsoft.com/office/drawing/2014/main" id="{72E342FA-976C-A6EB-211F-F88E5888BB29}"/>
                </a:ext>
              </a:extLst>
            </p:cNvPr>
            <p:cNvSpPr/>
            <p:nvPr/>
          </p:nvSpPr>
          <p:spPr>
            <a:xfrm>
              <a:off x="-2314175" y="910675"/>
              <a:ext cx="1628400" cy="1733025"/>
            </a:xfrm>
            <a:custGeom>
              <a:avLst/>
              <a:gdLst/>
              <a:ahLst/>
              <a:cxnLst/>
              <a:rect l="l" t="t" r="r" b="b"/>
              <a:pathLst>
                <a:path w="65136" h="69321" extrusionOk="0">
                  <a:moveTo>
                    <a:pt x="14626" y="54715"/>
                  </a:moveTo>
                  <a:cubicBezTo>
                    <a:pt x="14396" y="53397"/>
                    <a:pt x="14709" y="52309"/>
                    <a:pt x="15170" y="51221"/>
                  </a:cubicBezTo>
                  <a:cubicBezTo>
                    <a:pt x="15044" y="51096"/>
                    <a:pt x="14960" y="50970"/>
                    <a:pt x="14814" y="50845"/>
                  </a:cubicBezTo>
                  <a:cubicBezTo>
                    <a:pt x="14437" y="50552"/>
                    <a:pt x="14061" y="50238"/>
                    <a:pt x="13663" y="49966"/>
                  </a:cubicBezTo>
                  <a:cubicBezTo>
                    <a:pt x="12931" y="49506"/>
                    <a:pt x="12387" y="48878"/>
                    <a:pt x="11906" y="48166"/>
                  </a:cubicBezTo>
                  <a:cubicBezTo>
                    <a:pt x="11403" y="47434"/>
                    <a:pt x="10964" y="46702"/>
                    <a:pt x="10441" y="45990"/>
                  </a:cubicBezTo>
                  <a:cubicBezTo>
                    <a:pt x="9520" y="44777"/>
                    <a:pt x="9813" y="43354"/>
                    <a:pt x="10671" y="42266"/>
                  </a:cubicBezTo>
                  <a:cubicBezTo>
                    <a:pt x="10943" y="41910"/>
                    <a:pt x="11194" y="41596"/>
                    <a:pt x="11466" y="41283"/>
                  </a:cubicBezTo>
                  <a:cubicBezTo>
                    <a:pt x="11613" y="41115"/>
                    <a:pt x="11780" y="40927"/>
                    <a:pt x="11968" y="40801"/>
                  </a:cubicBezTo>
                  <a:cubicBezTo>
                    <a:pt x="13391" y="39692"/>
                    <a:pt x="14835" y="38625"/>
                    <a:pt x="16279" y="37537"/>
                  </a:cubicBezTo>
                  <a:cubicBezTo>
                    <a:pt x="16488" y="37370"/>
                    <a:pt x="16718" y="37244"/>
                    <a:pt x="16948" y="37077"/>
                  </a:cubicBezTo>
                  <a:cubicBezTo>
                    <a:pt x="17827" y="36554"/>
                    <a:pt x="18685" y="36093"/>
                    <a:pt x="19522" y="35549"/>
                  </a:cubicBezTo>
                  <a:cubicBezTo>
                    <a:pt x="20505" y="34922"/>
                    <a:pt x="21551" y="34399"/>
                    <a:pt x="22660" y="33980"/>
                  </a:cubicBezTo>
                  <a:cubicBezTo>
                    <a:pt x="22786" y="33917"/>
                    <a:pt x="22911" y="33876"/>
                    <a:pt x="23079" y="33792"/>
                  </a:cubicBezTo>
                  <a:cubicBezTo>
                    <a:pt x="23016" y="33624"/>
                    <a:pt x="22995" y="33520"/>
                    <a:pt x="22974" y="33415"/>
                  </a:cubicBezTo>
                  <a:cubicBezTo>
                    <a:pt x="22347" y="31888"/>
                    <a:pt x="21698" y="30360"/>
                    <a:pt x="21091" y="28812"/>
                  </a:cubicBezTo>
                  <a:cubicBezTo>
                    <a:pt x="20756" y="27871"/>
                    <a:pt x="20714" y="26887"/>
                    <a:pt x="20694" y="25883"/>
                  </a:cubicBezTo>
                  <a:cubicBezTo>
                    <a:pt x="20673" y="25318"/>
                    <a:pt x="20694" y="24732"/>
                    <a:pt x="20694" y="24188"/>
                  </a:cubicBezTo>
                  <a:cubicBezTo>
                    <a:pt x="20442" y="23979"/>
                    <a:pt x="20170" y="23832"/>
                    <a:pt x="19982" y="23581"/>
                  </a:cubicBezTo>
                  <a:cubicBezTo>
                    <a:pt x="19794" y="23372"/>
                    <a:pt x="19731" y="23121"/>
                    <a:pt x="19606" y="22891"/>
                  </a:cubicBezTo>
                  <a:cubicBezTo>
                    <a:pt x="19396" y="22535"/>
                    <a:pt x="19187" y="22200"/>
                    <a:pt x="18999" y="21886"/>
                  </a:cubicBezTo>
                  <a:cubicBezTo>
                    <a:pt x="18559" y="21154"/>
                    <a:pt x="18266" y="20380"/>
                    <a:pt x="18350" y="19480"/>
                  </a:cubicBezTo>
                  <a:cubicBezTo>
                    <a:pt x="18371" y="19083"/>
                    <a:pt x="18350" y="18706"/>
                    <a:pt x="18371" y="18308"/>
                  </a:cubicBezTo>
                  <a:cubicBezTo>
                    <a:pt x="18392" y="17681"/>
                    <a:pt x="18894" y="17179"/>
                    <a:pt x="19522" y="17137"/>
                  </a:cubicBezTo>
                  <a:lnTo>
                    <a:pt x="19606" y="17137"/>
                  </a:lnTo>
                  <a:cubicBezTo>
                    <a:pt x="21007" y="17074"/>
                    <a:pt x="21175" y="17158"/>
                    <a:pt x="22116" y="18329"/>
                  </a:cubicBezTo>
                  <a:cubicBezTo>
                    <a:pt x="22891" y="17471"/>
                    <a:pt x="23623" y="16551"/>
                    <a:pt x="24627" y="15902"/>
                  </a:cubicBezTo>
                  <a:cubicBezTo>
                    <a:pt x="24523" y="15714"/>
                    <a:pt x="24313" y="15818"/>
                    <a:pt x="24146" y="15798"/>
                  </a:cubicBezTo>
                  <a:cubicBezTo>
                    <a:pt x="23999" y="15777"/>
                    <a:pt x="23832" y="15798"/>
                    <a:pt x="23707" y="15798"/>
                  </a:cubicBezTo>
                  <a:cubicBezTo>
                    <a:pt x="23267" y="15818"/>
                    <a:pt x="22870" y="15630"/>
                    <a:pt x="22535" y="15400"/>
                  </a:cubicBezTo>
                  <a:cubicBezTo>
                    <a:pt x="22388" y="15295"/>
                    <a:pt x="22242" y="15170"/>
                    <a:pt x="22158" y="15002"/>
                  </a:cubicBezTo>
                  <a:cubicBezTo>
                    <a:pt x="21865" y="14521"/>
                    <a:pt x="22012" y="13308"/>
                    <a:pt x="22388" y="12889"/>
                  </a:cubicBezTo>
                  <a:cubicBezTo>
                    <a:pt x="22451" y="12805"/>
                    <a:pt x="22535" y="12764"/>
                    <a:pt x="22577" y="12701"/>
                  </a:cubicBezTo>
                  <a:cubicBezTo>
                    <a:pt x="23288" y="11613"/>
                    <a:pt x="24418" y="11090"/>
                    <a:pt x="25506" y="10546"/>
                  </a:cubicBezTo>
                  <a:cubicBezTo>
                    <a:pt x="25778" y="10399"/>
                    <a:pt x="26029" y="10274"/>
                    <a:pt x="26322" y="10148"/>
                  </a:cubicBezTo>
                  <a:cubicBezTo>
                    <a:pt x="26134" y="9604"/>
                    <a:pt x="25820" y="9144"/>
                    <a:pt x="25485" y="8767"/>
                  </a:cubicBezTo>
                  <a:cubicBezTo>
                    <a:pt x="25150" y="8370"/>
                    <a:pt x="25046" y="7951"/>
                    <a:pt x="25046" y="7428"/>
                  </a:cubicBezTo>
                  <a:cubicBezTo>
                    <a:pt x="25067" y="6675"/>
                    <a:pt x="25004" y="5943"/>
                    <a:pt x="25360" y="5210"/>
                  </a:cubicBezTo>
                  <a:cubicBezTo>
                    <a:pt x="25569" y="4792"/>
                    <a:pt x="25778" y="4415"/>
                    <a:pt x="26155" y="4122"/>
                  </a:cubicBezTo>
                  <a:cubicBezTo>
                    <a:pt x="26343" y="3997"/>
                    <a:pt x="26510" y="3871"/>
                    <a:pt x="26657" y="3746"/>
                  </a:cubicBezTo>
                  <a:cubicBezTo>
                    <a:pt x="27264" y="3160"/>
                    <a:pt x="27975" y="2950"/>
                    <a:pt x="28812" y="3013"/>
                  </a:cubicBezTo>
                  <a:cubicBezTo>
                    <a:pt x="29356" y="3034"/>
                    <a:pt x="29879" y="3055"/>
                    <a:pt x="30235" y="3557"/>
                  </a:cubicBezTo>
                  <a:cubicBezTo>
                    <a:pt x="30318" y="3662"/>
                    <a:pt x="30507" y="3683"/>
                    <a:pt x="30611" y="3746"/>
                  </a:cubicBezTo>
                  <a:cubicBezTo>
                    <a:pt x="30841" y="3578"/>
                    <a:pt x="30758" y="3390"/>
                    <a:pt x="30800" y="3222"/>
                  </a:cubicBezTo>
                  <a:cubicBezTo>
                    <a:pt x="30821" y="3055"/>
                    <a:pt x="30821" y="2909"/>
                    <a:pt x="30800" y="2762"/>
                  </a:cubicBezTo>
                  <a:cubicBezTo>
                    <a:pt x="30632" y="1549"/>
                    <a:pt x="31867" y="335"/>
                    <a:pt x="33038" y="105"/>
                  </a:cubicBezTo>
                  <a:cubicBezTo>
                    <a:pt x="33582" y="0"/>
                    <a:pt x="34085" y="126"/>
                    <a:pt x="34482" y="502"/>
                  </a:cubicBezTo>
                  <a:cubicBezTo>
                    <a:pt x="34838" y="837"/>
                    <a:pt x="35215" y="1193"/>
                    <a:pt x="35528" y="1611"/>
                  </a:cubicBezTo>
                  <a:cubicBezTo>
                    <a:pt x="36051" y="2323"/>
                    <a:pt x="36512" y="3055"/>
                    <a:pt x="36888" y="3850"/>
                  </a:cubicBezTo>
                  <a:cubicBezTo>
                    <a:pt x="36993" y="4059"/>
                    <a:pt x="37119" y="4227"/>
                    <a:pt x="37286" y="4499"/>
                  </a:cubicBezTo>
                  <a:cubicBezTo>
                    <a:pt x="37495" y="4101"/>
                    <a:pt x="37621" y="3766"/>
                    <a:pt x="37809" y="3474"/>
                  </a:cubicBezTo>
                  <a:cubicBezTo>
                    <a:pt x="38500" y="2448"/>
                    <a:pt x="39378" y="1590"/>
                    <a:pt x="40383" y="858"/>
                  </a:cubicBezTo>
                  <a:cubicBezTo>
                    <a:pt x="40948" y="461"/>
                    <a:pt x="41575" y="293"/>
                    <a:pt x="42245" y="314"/>
                  </a:cubicBezTo>
                  <a:cubicBezTo>
                    <a:pt x="42977" y="335"/>
                    <a:pt x="43689" y="314"/>
                    <a:pt x="44421" y="314"/>
                  </a:cubicBezTo>
                  <a:cubicBezTo>
                    <a:pt x="44735" y="314"/>
                    <a:pt x="45028" y="398"/>
                    <a:pt x="45258" y="565"/>
                  </a:cubicBezTo>
                  <a:cubicBezTo>
                    <a:pt x="45614" y="837"/>
                    <a:pt x="46011" y="1046"/>
                    <a:pt x="46388" y="1339"/>
                  </a:cubicBezTo>
                  <a:cubicBezTo>
                    <a:pt x="47455" y="2176"/>
                    <a:pt x="48166" y="3181"/>
                    <a:pt x="48166" y="4603"/>
                  </a:cubicBezTo>
                  <a:cubicBezTo>
                    <a:pt x="48166" y="4708"/>
                    <a:pt x="48187" y="4813"/>
                    <a:pt x="48229" y="5022"/>
                  </a:cubicBezTo>
                  <a:cubicBezTo>
                    <a:pt x="48522" y="4813"/>
                    <a:pt x="48794" y="4687"/>
                    <a:pt x="49024" y="4499"/>
                  </a:cubicBezTo>
                  <a:cubicBezTo>
                    <a:pt x="49736" y="3976"/>
                    <a:pt x="50510" y="3704"/>
                    <a:pt x="51368" y="3766"/>
                  </a:cubicBezTo>
                  <a:cubicBezTo>
                    <a:pt x="51849" y="3787"/>
                    <a:pt x="52351" y="3766"/>
                    <a:pt x="52811" y="3766"/>
                  </a:cubicBezTo>
                  <a:cubicBezTo>
                    <a:pt x="53544" y="3787"/>
                    <a:pt x="54171" y="3997"/>
                    <a:pt x="54673" y="4541"/>
                  </a:cubicBezTo>
                  <a:cubicBezTo>
                    <a:pt x="54820" y="4729"/>
                    <a:pt x="55008" y="4896"/>
                    <a:pt x="55176" y="5064"/>
                  </a:cubicBezTo>
                  <a:cubicBezTo>
                    <a:pt x="55238" y="5147"/>
                    <a:pt x="55343" y="5252"/>
                    <a:pt x="55385" y="5357"/>
                  </a:cubicBezTo>
                  <a:cubicBezTo>
                    <a:pt x="55531" y="6047"/>
                    <a:pt x="55866" y="6717"/>
                    <a:pt x="55615" y="7512"/>
                  </a:cubicBezTo>
                  <a:lnTo>
                    <a:pt x="56054" y="7512"/>
                  </a:lnTo>
                  <a:cubicBezTo>
                    <a:pt x="56347" y="7470"/>
                    <a:pt x="56661" y="7428"/>
                    <a:pt x="56954" y="7407"/>
                  </a:cubicBezTo>
                  <a:cubicBezTo>
                    <a:pt x="57394" y="7365"/>
                    <a:pt x="57854" y="7428"/>
                    <a:pt x="58314" y="7407"/>
                  </a:cubicBezTo>
                  <a:cubicBezTo>
                    <a:pt x="59507" y="7324"/>
                    <a:pt x="60469" y="7847"/>
                    <a:pt x="61285" y="8663"/>
                  </a:cubicBezTo>
                  <a:cubicBezTo>
                    <a:pt x="61516" y="8893"/>
                    <a:pt x="61725" y="9144"/>
                    <a:pt x="61913" y="9416"/>
                  </a:cubicBezTo>
                  <a:cubicBezTo>
                    <a:pt x="62666" y="10399"/>
                    <a:pt x="62666" y="11299"/>
                    <a:pt x="61871" y="12261"/>
                  </a:cubicBezTo>
                  <a:cubicBezTo>
                    <a:pt x="61767" y="12366"/>
                    <a:pt x="61683" y="12492"/>
                    <a:pt x="61599" y="12596"/>
                  </a:cubicBezTo>
                  <a:cubicBezTo>
                    <a:pt x="61725" y="12847"/>
                    <a:pt x="61934" y="12743"/>
                    <a:pt x="62101" y="12785"/>
                  </a:cubicBezTo>
                  <a:cubicBezTo>
                    <a:pt x="62541" y="12952"/>
                    <a:pt x="63022" y="13078"/>
                    <a:pt x="63440" y="13287"/>
                  </a:cubicBezTo>
                  <a:cubicBezTo>
                    <a:pt x="63984" y="13580"/>
                    <a:pt x="64340" y="14019"/>
                    <a:pt x="64487" y="14668"/>
                  </a:cubicBezTo>
                  <a:cubicBezTo>
                    <a:pt x="64591" y="15254"/>
                    <a:pt x="64654" y="15798"/>
                    <a:pt x="64633" y="16363"/>
                  </a:cubicBezTo>
                  <a:cubicBezTo>
                    <a:pt x="64633" y="17095"/>
                    <a:pt x="64298" y="17618"/>
                    <a:pt x="63692" y="17995"/>
                  </a:cubicBezTo>
                  <a:cubicBezTo>
                    <a:pt x="63482" y="18120"/>
                    <a:pt x="63294" y="18225"/>
                    <a:pt x="63043" y="18392"/>
                  </a:cubicBezTo>
                  <a:cubicBezTo>
                    <a:pt x="63189" y="18873"/>
                    <a:pt x="63399" y="19292"/>
                    <a:pt x="63712" y="19668"/>
                  </a:cubicBezTo>
                  <a:cubicBezTo>
                    <a:pt x="63901" y="19878"/>
                    <a:pt x="64026" y="20108"/>
                    <a:pt x="64131" y="20338"/>
                  </a:cubicBezTo>
                  <a:cubicBezTo>
                    <a:pt x="64319" y="20756"/>
                    <a:pt x="64487" y="21175"/>
                    <a:pt x="64654" y="21593"/>
                  </a:cubicBezTo>
                  <a:cubicBezTo>
                    <a:pt x="65135" y="22640"/>
                    <a:pt x="64717" y="23623"/>
                    <a:pt x="63650" y="24000"/>
                  </a:cubicBezTo>
                  <a:cubicBezTo>
                    <a:pt x="62959" y="24272"/>
                    <a:pt x="62290" y="24481"/>
                    <a:pt x="61516" y="24460"/>
                  </a:cubicBezTo>
                  <a:cubicBezTo>
                    <a:pt x="61160" y="24899"/>
                    <a:pt x="60992" y="25422"/>
                    <a:pt x="60825" y="25925"/>
                  </a:cubicBezTo>
                  <a:cubicBezTo>
                    <a:pt x="60658" y="26364"/>
                    <a:pt x="60407" y="26699"/>
                    <a:pt x="60030" y="27013"/>
                  </a:cubicBezTo>
                  <a:cubicBezTo>
                    <a:pt x="59570" y="27410"/>
                    <a:pt x="59047" y="27598"/>
                    <a:pt x="58440" y="27389"/>
                  </a:cubicBezTo>
                  <a:cubicBezTo>
                    <a:pt x="58105" y="27285"/>
                    <a:pt x="57749" y="27138"/>
                    <a:pt x="57414" y="27034"/>
                  </a:cubicBezTo>
                  <a:cubicBezTo>
                    <a:pt x="57268" y="26992"/>
                    <a:pt x="57080" y="26908"/>
                    <a:pt x="56891" y="26824"/>
                  </a:cubicBezTo>
                  <a:cubicBezTo>
                    <a:pt x="56557" y="27933"/>
                    <a:pt x="56034" y="28979"/>
                    <a:pt x="55824" y="30151"/>
                  </a:cubicBezTo>
                  <a:lnTo>
                    <a:pt x="57394" y="30151"/>
                  </a:lnTo>
                  <a:cubicBezTo>
                    <a:pt x="57958" y="30172"/>
                    <a:pt x="58440" y="30381"/>
                    <a:pt x="58775" y="30863"/>
                  </a:cubicBezTo>
                  <a:cubicBezTo>
                    <a:pt x="59235" y="31511"/>
                    <a:pt x="59277" y="32139"/>
                    <a:pt x="58754" y="32746"/>
                  </a:cubicBezTo>
                  <a:cubicBezTo>
                    <a:pt x="57666" y="33938"/>
                    <a:pt x="56389" y="34796"/>
                    <a:pt x="54694" y="34754"/>
                  </a:cubicBezTo>
                  <a:cubicBezTo>
                    <a:pt x="54150" y="34733"/>
                    <a:pt x="53627" y="34713"/>
                    <a:pt x="52958" y="34671"/>
                  </a:cubicBezTo>
                  <a:cubicBezTo>
                    <a:pt x="52288" y="35319"/>
                    <a:pt x="51598" y="36052"/>
                    <a:pt x="50824" y="36721"/>
                  </a:cubicBezTo>
                  <a:cubicBezTo>
                    <a:pt x="50070" y="37349"/>
                    <a:pt x="49233" y="37872"/>
                    <a:pt x="48417" y="38437"/>
                  </a:cubicBezTo>
                  <a:cubicBezTo>
                    <a:pt x="48438" y="38667"/>
                    <a:pt x="48627" y="38646"/>
                    <a:pt x="48752" y="38667"/>
                  </a:cubicBezTo>
                  <a:cubicBezTo>
                    <a:pt x="49464" y="38897"/>
                    <a:pt x="50112" y="39169"/>
                    <a:pt x="50740" y="39546"/>
                  </a:cubicBezTo>
                  <a:cubicBezTo>
                    <a:pt x="51556" y="40006"/>
                    <a:pt x="52372" y="40467"/>
                    <a:pt x="53251" y="40759"/>
                  </a:cubicBezTo>
                  <a:cubicBezTo>
                    <a:pt x="53355" y="40822"/>
                    <a:pt x="53481" y="40843"/>
                    <a:pt x="53585" y="40927"/>
                  </a:cubicBezTo>
                  <a:cubicBezTo>
                    <a:pt x="55197" y="41847"/>
                    <a:pt x="56808" y="42705"/>
                    <a:pt x="58293" y="43772"/>
                  </a:cubicBezTo>
                  <a:cubicBezTo>
                    <a:pt x="59026" y="44296"/>
                    <a:pt x="59507" y="44986"/>
                    <a:pt x="59695" y="45823"/>
                  </a:cubicBezTo>
                  <a:cubicBezTo>
                    <a:pt x="59863" y="46702"/>
                    <a:pt x="59632" y="47560"/>
                    <a:pt x="59026" y="48250"/>
                  </a:cubicBezTo>
                  <a:cubicBezTo>
                    <a:pt x="58503" y="48857"/>
                    <a:pt x="57875" y="49401"/>
                    <a:pt x="57247" y="49924"/>
                  </a:cubicBezTo>
                  <a:cubicBezTo>
                    <a:pt x="55531" y="51368"/>
                    <a:pt x="53565" y="52414"/>
                    <a:pt x="51640" y="53502"/>
                  </a:cubicBezTo>
                  <a:cubicBezTo>
                    <a:pt x="51075" y="53816"/>
                    <a:pt x="50447" y="53941"/>
                    <a:pt x="49861" y="54171"/>
                  </a:cubicBezTo>
                  <a:cubicBezTo>
                    <a:pt x="49484" y="54297"/>
                    <a:pt x="49359" y="54381"/>
                    <a:pt x="49359" y="54695"/>
                  </a:cubicBezTo>
                  <a:cubicBezTo>
                    <a:pt x="49359" y="55490"/>
                    <a:pt x="49359" y="56306"/>
                    <a:pt x="49401" y="57143"/>
                  </a:cubicBezTo>
                  <a:cubicBezTo>
                    <a:pt x="49652" y="57164"/>
                    <a:pt x="49798" y="57226"/>
                    <a:pt x="49987" y="57226"/>
                  </a:cubicBezTo>
                  <a:cubicBezTo>
                    <a:pt x="51368" y="57373"/>
                    <a:pt x="52707" y="57708"/>
                    <a:pt x="53983" y="58273"/>
                  </a:cubicBezTo>
                  <a:cubicBezTo>
                    <a:pt x="54820" y="58607"/>
                    <a:pt x="55657" y="58963"/>
                    <a:pt x="56473" y="59319"/>
                  </a:cubicBezTo>
                  <a:cubicBezTo>
                    <a:pt x="56766" y="59444"/>
                    <a:pt x="56975" y="59570"/>
                    <a:pt x="57059" y="59946"/>
                  </a:cubicBezTo>
                  <a:cubicBezTo>
                    <a:pt x="57122" y="60197"/>
                    <a:pt x="57373" y="60428"/>
                    <a:pt x="57519" y="60700"/>
                  </a:cubicBezTo>
                  <a:cubicBezTo>
                    <a:pt x="57917" y="61306"/>
                    <a:pt x="58293" y="61892"/>
                    <a:pt x="58775" y="62457"/>
                  </a:cubicBezTo>
                  <a:cubicBezTo>
                    <a:pt x="59423" y="63210"/>
                    <a:pt x="59800" y="64152"/>
                    <a:pt x="60218" y="65031"/>
                  </a:cubicBezTo>
                  <a:cubicBezTo>
                    <a:pt x="60344" y="65324"/>
                    <a:pt x="60490" y="65638"/>
                    <a:pt x="60574" y="65951"/>
                  </a:cubicBezTo>
                  <a:cubicBezTo>
                    <a:pt x="60637" y="66119"/>
                    <a:pt x="60574" y="66286"/>
                    <a:pt x="60553" y="66475"/>
                  </a:cubicBezTo>
                  <a:cubicBezTo>
                    <a:pt x="60532" y="66600"/>
                    <a:pt x="60260" y="66684"/>
                    <a:pt x="60176" y="66579"/>
                  </a:cubicBezTo>
                  <a:cubicBezTo>
                    <a:pt x="60009" y="66370"/>
                    <a:pt x="59821" y="66182"/>
                    <a:pt x="59695" y="65951"/>
                  </a:cubicBezTo>
                  <a:cubicBezTo>
                    <a:pt x="59507" y="65659"/>
                    <a:pt x="59319" y="65428"/>
                    <a:pt x="58900" y="65407"/>
                  </a:cubicBezTo>
                  <a:cubicBezTo>
                    <a:pt x="58900" y="65533"/>
                    <a:pt x="58900" y="65617"/>
                    <a:pt x="58921" y="65700"/>
                  </a:cubicBezTo>
                  <a:cubicBezTo>
                    <a:pt x="59193" y="66286"/>
                    <a:pt x="59507" y="66872"/>
                    <a:pt x="59737" y="67479"/>
                  </a:cubicBezTo>
                  <a:cubicBezTo>
                    <a:pt x="59821" y="67688"/>
                    <a:pt x="59737" y="67939"/>
                    <a:pt x="59737" y="68232"/>
                  </a:cubicBezTo>
                  <a:cubicBezTo>
                    <a:pt x="59863" y="68337"/>
                    <a:pt x="60030" y="68462"/>
                    <a:pt x="60197" y="68588"/>
                  </a:cubicBezTo>
                  <a:cubicBezTo>
                    <a:pt x="60344" y="68734"/>
                    <a:pt x="60386" y="68881"/>
                    <a:pt x="60323" y="69069"/>
                  </a:cubicBezTo>
                  <a:cubicBezTo>
                    <a:pt x="60218" y="69257"/>
                    <a:pt x="60051" y="69320"/>
                    <a:pt x="59863" y="69299"/>
                  </a:cubicBezTo>
                  <a:cubicBezTo>
                    <a:pt x="59758" y="69278"/>
                    <a:pt x="59611" y="69257"/>
                    <a:pt x="59528" y="69174"/>
                  </a:cubicBezTo>
                  <a:cubicBezTo>
                    <a:pt x="58754" y="68358"/>
                    <a:pt x="57707" y="68148"/>
                    <a:pt x="56682" y="67897"/>
                  </a:cubicBezTo>
                  <a:cubicBezTo>
                    <a:pt x="55280" y="67542"/>
                    <a:pt x="53857" y="67291"/>
                    <a:pt x="52435" y="67019"/>
                  </a:cubicBezTo>
                  <a:cubicBezTo>
                    <a:pt x="51953" y="66914"/>
                    <a:pt x="51430" y="66893"/>
                    <a:pt x="50928" y="66893"/>
                  </a:cubicBezTo>
                  <a:cubicBezTo>
                    <a:pt x="50049" y="66893"/>
                    <a:pt x="49171" y="66809"/>
                    <a:pt x="48313" y="66684"/>
                  </a:cubicBezTo>
                  <a:cubicBezTo>
                    <a:pt x="47894" y="66642"/>
                    <a:pt x="47476" y="66600"/>
                    <a:pt x="47057" y="66600"/>
                  </a:cubicBezTo>
                  <a:cubicBezTo>
                    <a:pt x="43458" y="66579"/>
                    <a:pt x="39839" y="66558"/>
                    <a:pt x="36198" y="66558"/>
                  </a:cubicBezTo>
                  <a:cubicBezTo>
                    <a:pt x="35570" y="66558"/>
                    <a:pt x="34943" y="66705"/>
                    <a:pt x="34315" y="66767"/>
                  </a:cubicBezTo>
                  <a:cubicBezTo>
                    <a:pt x="34064" y="66788"/>
                    <a:pt x="33834" y="66914"/>
                    <a:pt x="33541" y="66809"/>
                  </a:cubicBezTo>
                  <a:cubicBezTo>
                    <a:pt x="33394" y="66767"/>
                    <a:pt x="33164" y="66977"/>
                    <a:pt x="32955" y="67102"/>
                  </a:cubicBezTo>
                  <a:cubicBezTo>
                    <a:pt x="32829" y="67060"/>
                    <a:pt x="32641" y="66998"/>
                    <a:pt x="32494" y="66914"/>
                  </a:cubicBezTo>
                  <a:cubicBezTo>
                    <a:pt x="31260" y="66391"/>
                    <a:pt x="29984" y="66140"/>
                    <a:pt x="28665" y="65910"/>
                  </a:cubicBezTo>
                  <a:cubicBezTo>
                    <a:pt x="27640" y="65721"/>
                    <a:pt x="26657" y="65554"/>
                    <a:pt x="25632" y="65449"/>
                  </a:cubicBezTo>
                  <a:cubicBezTo>
                    <a:pt x="24899" y="65387"/>
                    <a:pt x="24146" y="65303"/>
                    <a:pt x="23393" y="65303"/>
                  </a:cubicBezTo>
                  <a:cubicBezTo>
                    <a:pt x="20422" y="65282"/>
                    <a:pt x="17471" y="65282"/>
                    <a:pt x="14521" y="65282"/>
                  </a:cubicBezTo>
                  <a:cubicBezTo>
                    <a:pt x="13914" y="65282"/>
                    <a:pt x="13308" y="65387"/>
                    <a:pt x="12722" y="65428"/>
                  </a:cubicBezTo>
                  <a:cubicBezTo>
                    <a:pt x="12450" y="65449"/>
                    <a:pt x="12157" y="65533"/>
                    <a:pt x="11906" y="65512"/>
                  </a:cubicBezTo>
                  <a:cubicBezTo>
                    <a:pt x="10839" y="65428"/>
                    <a:pt x="9813" y="65617"/>
                    <a:pt x="8767" y="65763"/>
                  </a:cubicBezTo>
                  <a:cubicBezTo>
                    <a:pt x="7742" y="65910"/>
                    <a:pt x="6717" y="66035"/>
                    <a:pt x="5733" y="66161"/>
                  </a:cubicBezTo>
                  <a:cubicBezTo>
                    <a:pt x="5440" y="66182"/>
                    <a:pt x="5126" y="66244"/>
                    <a:pt x="4917" y="65910"/>
                  </a:cubicBezTo>
                  <a:cubicBezTo>
                    <a:pt x="5001" y="65826"/>
                    <a:pt x="5043" y="65742"/>
                    <a:pt x="5126" y="65721"/>
                  </a:cubicBezTo>
                  <a:cubicBezTo>
                    <a:pt x="6758" y="65407"/>
                    <a:pt x="8370" y="65094"/>
                    <a:pt x="10022" y="64801"/>
                  </a:cubicBezTo>
                  <a:cubicBezTo>
                    <a:pt x="10420" y="64717"/>
                    <a:pt x="10797" y="64717"/>
                    <a:pt x="11194" y="64696"/>
                  </a:cubicBezTo>
                  <a:cubicBezTo>
                    <a:pt x="11738" y="64654"/>
                    <a:pt x="12303" y="64654"/>
                    <a:pt x="12826" y="64550"/>
                  </a:cubicBezTo>
                  <a:cubicBezTo>
                    <a:pt x="13412" y="64445"/>
                    <a:pt x="14019" y="64382"/>
                    <a:pt x="14626" y="64382"/>
                  </a:cubicBezTo>
                  <a:cubicBezTo>
                    <a:pt x="17325" y="64382"/>
                    <a:pt x="19982" y="64403"/>
                    <a:pt x="22681" y="64361"/>
                  </a:cubicBezTo>
                  <a:cubicBezTo>
                    <a:pt x="24439" y="64340"/>
                    <a:pt x="26155" y="64571"/>
                    <a:pt x="27891" y="64822"/>
                  </a:cubicBezTo>
                  <a:cubicBezTo>
                    <a:pt x="29251" y="65031"/>
                    <a:pt x="30611" y="65324"/>
                    <a:pt x="31930" y="65700"/>
                  </a:cubicBezTo>
                  <a:cubicBezTo>
                    <a:pt x="32139" y="65742"/>
                    <a:pt x="32348" y="65826"/>
                    <a:pt x="32536" y="65533"/>
                  </a:cubicBezTo>
                  <a:cubicBezTo>
                    <a:pt x="32494" y="65282"/>
                    <a:pt x="32348" y="65010"/>
                    <a:pt x="32034" y="64905"/>
                  </a:cubicBezTo>
                  <a:cubicBezTo>
                    <a:pt x="31825" y="64822"/>
                    <a:pt x="31658" y="64780"/>
                    <a:pt x="31448" y="64717"/>
                  </a:cubicBezTo>
                  <a:cubicBezTo>
                    <a:pt x="29795" y="64236"/>
                    <a:pt x="28142" y="63817"/>
                    <a:pt x="26448" y="63503"/>
                  </a:cubicBezTo>
                  <a:cubicBezTo>
                    <a:pt x="25904" y="63399"/>
                    <a:pt x="25318" y="63294"/>
                    <a:pt x="24774" y="63190"/>
                  </a:cubicBezTo>
                  <a:cubicBezTo>
                    <a:pt x="24146" y="63085"/>
                    <a:pt x="23539" y="63001"/>
                    <a:pt x="22911" y="63127"/>
                  </a:cubicBezTo>
                  <a:cubicBezTo>
                    <a:pt x="21823" y="63336"/>
                    <a:pt x="20694" y="63148"/>
                    <a:pt x="19585" y="63043"/>
                  </a:cubicBezTo>
                  <a:cubicBezTo>
                    <a:pt x="18225" y="62918"/>
                    <a:pt x="16906" y="62918"/>
                    <a:pt x="15546" y="63190"/>
                  </a:cubicBezTo>
                  <a:cubicBezTo>
                    <a:pt x="15274" y="63231"/>
                    <a:pt x="14981" y="63294"/>
                    <a:pt x="14730" y="63252"/>
                  </a:cubicBezTo>
                  <a:cubicBezTo>
                    <a:pt x="13161" y="63190"/>
                    <a:pt x="11675" y="63545"/>
                    <a:pt x="10169" y="63880"/>
                  </a:cubicBezTo>
                  <a:cubicBezTo>
                    <a:pt x="8370" y="64340"/>
                    <a:pt x="6570" y="64801"/>
                    <a:pt x="4771" y="65282"/>
                  </a:cubicBezTo>
                  <a:cubicBezTo>
                    <a:pt x="4478" y="65345"/>
                    <a:pt x="4185" y="65449"/>
                    <a:pt x="3892" y="65554"/>
                  </a:cubicBezTo>
                  <a:cubicBezTo>
                    <a:pt x="3620" y="65659"/>
                    <a:pt x="3348" y="65805"/>
                    <a:pt x="3097" y="65910"/>
                  </a:cubicBezTo>
                  <a:cubicBezTo>
                    <a:pt x="2825" y="65742"/>
                    <a:pt x="2929" y="65554"/>
                    <a:pt x="3055" y="65449"/>
                  </a:cubicBezTo>
                  <a:cubicBezTo>
                    <a:pt x="3557" y="65073"/>
                    <a:pt x="4143" y="64780"/>
                    <a:pt x="4729" y="64633"/>
                  </a:cubicBezTo>
                  <a:cubicBezTo>
                    <a:pt x="5733" y="64361"/>
                    <a:pt x="6717" y="64131"/>
                    <a:pt x="7721" y="63859"/>
                  </a:cubicBezTo>
                  <a:cubicBezTo>
                    <a:pt x="8955" y="63545"/>
                    <a:pt x="10148" y="63210"/>
                    <a:pt x="11529" y="62855"/>
                  </a:cubicBezTo>
                  <a:cubicBezTo>
                    <a:pt x="11152" y="62855"/>
                    <a:pt x="10901" y="62813"/>
                    <a:pt x="10692" y="62855"/>
                  </a:cubicBezTo>
                  <a:cubicBezTo>
                    <a:pt x="10043" y="62959"/>
                    <a:pt x="9395" y="63085"/>
                    <a:pt x="8746" y="63169"/>
                  </a:cubicBezTo>
                  <a:cubicBezTo>
                    <a:pt x="7700" y="63315"/>
                    <a:pt x="6696" y="63629"/>
                    <a:pt x="5670" y="63943"/>
                  </a:cubicBezTo>
                  <a:cubicBezTo>
                    <a:pt x="5315" y="64047"/>
                    <a:pt x="4917" y="64173"/>
                    <a:pt x="4561" y="64236"/>
                  </a:cubicBezTo>
                  <a:cubicBezTo>
                    <a:pt x="3996" y="64340"/>
                    <a:pt x="3536" y="64529"/>
                    <a:pt x="3055" y="64801"/>
                  </a:cubicBezTo>
                  <a:cubicBezTo>
                    <a:pt x="2385" y="65177"/>
                    <a:pt x="1653" y="65470"/>
                    <a:pt x="921" y="65784"/>
                  </a:cubicBezTo>
                  <a:cubicBezTo>
                    <a:pt x="628" y="65910"/>
                    <a:pt x="377" y="65847"/>
                    <a:pt x="188" y="65617"/>
                  </a:cubicBezTo>
                  <a:cubicBezTo>
                    <a:pt x="0" y="65407"/>
                    <a:pt x="0" y="65073"/>
                    <a:pt x="209" y="64780"/>
                  </a:cubicBezTo>
                  <a:cubicBezTo>
                    <a:pt x="335" y="64591"/>
                    <a:pt x="523" y="64424"/>
                    <a:pt x="691" y="64236"/>
                  </a:cubicBezTo>
                  <a:cubicBezTo>
                    <a:pt x="1004" y="63838"/>
                    <a:pt x="1318" y="63420"/>
                    <a:pt x="1381" y="62897"/>
                  </a:cubicBezTo>
                  <a:cubicBezTo>
                    <a:pt x="1444" y="62625"/>
                    <a:pt x="1590" y="62394"/>
                    <a:pt x="1737" y="62164"/>
                  </a:cubicBezTo>
                  <a:cubicBezTo>
                    <a:pt x="2051" y="61620"/>
                    <a:pt x="2406" y="61097"/>
                    <a:pt x="2720" y="60532"/>
                  </a:cubicBezTo>
                  <a:cubicBezTo>
                    <a:pt x="2992" y="60093"/>
                    <a:pt x="3243" y="59674"/>
                    <a:pt x="3641" y="59319"/>
                  </a:cubicBezTo>
                  <a:cubicBezTo>
                    <a:pt x="3996" y="58942"/>
                    <a:pt x="4289" y="58524"/>
                    <a:pt x="4394" y="57980"/>
                  </a:cubicBezTo>
                  <a:cubicBezTo>
                    <a:pt x="4310" y="57959"/>
                    <a:pt x="4248" y="57896"/>
                    <a:pt x="4164" y="57896"/>
                  </a:cubicBezTo>
                  <a:cubicBezTo>
                    <a:pt x="4080" y="57875"/>
                    <a:pt x="3996" y="57854"/>
                    <a:pt x="3850" y="57812"/>
                  </a:cubicBezTo>
                  <a:cubicBezTo>
                    <a:pt x="3955" y="57666"/>
                    <a:pt x="3976" y="57498"/>
                    <a:pt x="4080" y="57436"/>
                  </a:cubicBezTo>
                  <a:cubicBezTo>
                    <a:pt x="4499" y="57143"/>
                    <a:pt x="4938" y="56850"/>
                    <a:pt x="5398" y="56620"/>
                  </a:cubicBezTo>
                  <a:cubicBezTo>
                    <a:pt x="5838" y="56389"/>
                    <a:pt x="6298" y="56138"/>
                    <a:pt x="6779" y="55971"/>
                  </a:cubicBezTo>
                  <a:cubicBezTo>
                    <a:pt x="7386" y="55762"/>
                    <a:pt x="7972" y="55552"/>
                    <a:pt x="8579" y="55406"/>
                  </a:cubicBezTo>
                  <a:cubicBezTo>
                    <a:pt x="9813" y="55155"/>
                    <a:pt x="11069" y="54925"/>
                    <a:pt x="12303" y="54674"/>
                  </a:cubicBezTo>
                  <a:cubicBezTo>
                    <a:pt x="12617" y="54632"/>
                    <a:pt x="12952" y="54632"/>
                    <a:pt x="13287" y="54632"/>
                  </a:cubicBezTo>
                  <a:cubicBezTo>
                    <a:pt x="13810" y="54695"/>
                    <a:pt x="14186" y="54715"/>
                    <a:pt x="14626" y="54715"/>
                  </a:cubicBezTo>
                  <a:close/>
                  <a:moveTo>
                    <a:pt x="40655" y="64047"/>
                  </a:moveTo>
                  <a:cubicBezTo>
                    <a:pt x="40948" y="63838"/>
                    <a:pt x="41282" y="63922"/>
                    <a:pt x="41617" y="63922"/>
                  </a:cubicBezTo>
                  <a:cubicBezTo>
                    <a:pt x="44400" y="63859"/>
                    <a:pt x="47141" y="64215"/>
                    <a:pt x="49903" y="64382"/>
                  </a:cubicBezTo>
                  <a:cubicBezTo>
                    <a:pt x="50384" y="64424"/>
                    <a:pt x="50886" y="64487"/>
                    <a:pt x="51347" y="64571"/>
                  </a:cubicBezTo>
                  <a:cubicBezTo>
                    <a:pt x="53146" y="64843"/>
                    <a:pt x="54925" y="65303"/>
                    <a:pt x="56682" y="65847"/>
                  </a:cubicBezTo>
                  <a:cubicBezTo>
                    <a:pt x="56870" y="65910"/>
                    <a:pt x="57059" y="66035"/>
                    <a:pt x="57205" y="66161"/>
                  </a:cubicBezTo>
                  <a:cubicBezTo>
                    <a:pt x="57331" y="66286"/>
                    <a:pt x="57394" y="66495"/>
                    <a:pt x="57268" y="66663"/>
                  </a:cubicBezTo>
                  <a:cubicBezTo>
                    <a:pt x="57184" y="66747"/>
                    <a:pt x="56975" y="66809"/>
                    <a:pt x="56870" y="66788"/>
                  </a:cubicBezTo>
                  <a:cubicBezTo>
                    <a:pt x="56347" y="66663"/>
                    <a:pt x="55845" y="66475"/>
                    <a:pt x="55322" y="66349"/>
                  </a:cubicBezTo>
                  <a:cubicBezTo>
                    <a:pt x="53146" y="65805"/>
                    <a:pt x="50991" y="65324"/>
                    <a:pt x="48752" y="65219"/>
                  </a:cubicBezTo>
                  <a:cubicBezTo>
                    <a:pt x="47497" y="65177"/>
                    <a:pt x="46241" y="65031"/>
                    <a:pt x="44965" y="64926"/>
                  </a:cubicBezTo>
                  <a:cubicBezTo>
                    <a:pt x="43354" y="64822"/>
                    <a:pt x="41722" y="64696"/>
                    <a:pt x="40111" y="65010"/>
                  </a:cubicBezTo>
                  <a:cubicBezTo>
                    <a:pt x="39839" y="65073"/>
                    <a:pt x="39546" y="65073"/>
                    <a:pt x="39295" y="65073"/>
                  </a:cubicBezTo>
                  <a:cubicBezTo>
                    <a:pt x="37704" y="64989"/>
                    <a:pt x="36198" y="65449"/>
                    <a:pt x="34691" y="65826"/>
                  </a:cubicBezTo>
                  <a:cubicBezTo>
                    <a:pt x="34524" y="65847"/>
                    <a:pt x="34399" y="65972"/>
                    <a:pt x="34168" y="66119"/>
                  </a:cubicBezTo>
                  <a:cubicBezTo>
                    <a:pt x="34378" y="66223"/>
                    <a:pt x="34482" y="66286"/>
                    <a:pt x="34587" y="66286"/>
                  </a:cubicBezTo>
                  <a:cubicBezTo>
                    <a:pt x="34817" y="66265"/>
                    <a:pt x="35047" y="66244"/>
                    <a:pt x="35298" y="66140"/>
                  </a:cubicBezTo>
                  <a:cubicBezTo>
                    <a:pt x="35675" y="65972"/>
                    <a:pt x="36093" y="65931"/>
                    <a:pt x="36512" y="65931"/>
                  </a:cubicBezTo>
                  <a:cubicBezTo>
                    <a:pt x="39943" y="65910"/>
                    <a:pt x="43375" y="65847"/>
                    <a:pt x="46827" y="65826"/>
                  </a:cubicBezTo>
                  <a:cubicBezTo>
                    <a:pt x="47497" y="65826"/>
                    <a:pt x="48208" y="65847"/>
                    <a:pt x="48899" y="65951"/>
                  </a:cubicBezTo>
                  <a:cubicBezTo>
                    <a:pt x="49756" y="66077"/>
                    <a:pt x="50614" y="66140"/>
                    <a:pt x="51514" y="66119"/>
                  </a:cubicBezTo>
                  <a:cubicBezTo>
                    <a:pt x="51744" y="66119"/>
                    <a:pt x="51995" y="66119"/>
                    <a:pt x="52246" y="66140"/>
                  </a:cubicBezTo>
                  <a:cubicBezTo>
                    <a:pt x="54297" y="66495"/>
                    <a:pt x="56389" y="66851"/>
                    <a:pt x="58377" y="67521"/>
                  </a:cubicBezTo>
                  <a:cubicBezTo>
                    <a:pt x="58565" y="67584"/>
                    <a:pt x="58775" y="67625"/>
                    <a:pt x="59047" y="67709"/>
                  </a:cubicBezTo>
                  <a:cubicBezTo>
                    <a:pt x="58879" y="66747"/>
                    <a:pt x="58335" y="65972"/>
                    <a:pt x="58168" y="65094"/>
                  </a:cubicBezTo>
                  <a:cubicBezTo>
                    <a:pt x="56954" y="64717"/>
                    <a:pt x="55824" y="64194"/>
                    <a:pt x="54590" y="64068"/>
                  </a:cubicBezTo>
                  <a:cubicBezTo>
                    <a:pt x="53627" y="63964"/>
                    <a:pt x="52686" y="63838"/>
                    <a:pt x="51744" y="63671"/>
                  </a:cubicBezTo>
                  <a:cubicBezTo>
                    <a:pt x="50531" y="63503"/>
                    <a:pt x="49359" y="63399"/>
                    <a:pt x="48166" y="63420"/>
                  </a:cubicBezTo>
                  <a:cubicBezTo>
                    <a:pt x="47015" y="63441"/>
                    <a:pt x="45886" y="63420"/>
                    <a:pt x="44735" y="63420"/>
                  </a:cubicBezTo>
                  <a:cubicBezTo>
                    <a:pt x="44044" y="63420"/>
                    <a:pt x="43354" y="63420"/>
                    <a:pt x="42663" y="63545"/>
                  </a:cubicBezTo>
                  <a:cubicBezTo>
                    <a:pt x="42098" y="63671"/>
                    <a:pt x="41492" y="63734"/>
                    <a:pt x="40885" y="63838"/>
                  </a:cubicBezTo>
                  <a:cubicBezTo>
                    <a:pt x="40759" y="63901"/>
                    <a:pt x="40697" y="63964"/>
                    <a:pt x="40655" y="64047"/>
                  </a:cubicBezTo>
                  <a:cubicBezTo>
                    <a:pt x="40425" y="63943"/>
                    <a:pt x="40152" y="63880"/>
                    <a:pt x="39755" y="64047"/>
                  </a:cubicBezTo>
                  <a:close/>
                  <a:moveTo>
                    <a:pt x="50217" y="18706"/>
                  </a:moveTo>
                  <a:cubicBezTo>
                    <a:pt x="50468" y="19083"/>
                    <a:pt x="50300" y="19376"/>
                    <a:pt x="50175" y="19606"/>
                  </a:cubicBezTo>
                  <a:cubicBezTo>
                    <a:pt x="49861" y="20296"/>
                    <a:pt x="49777" y="21008"/>
                    <a:pt x="49840" y="21740"/>
                  </a:cubicBezTo>
                  <a:cubicBezTo>
                    <a:pt x="49861" y="21970"/>
                    <a:pt x="49861" y="22200"/>
                    <a:pt x="49861" y="22472"/>
                  </a:cubicBezTo>
                  <a:cubicBezTo>
                    <a:pt x="49798" y="23665"/>
                    <a:pt x="50259" y="24690"/>
                    <a:pt x="50949" y="25632"/>
                  </a:cubicBezTo>
                  <a:cubicBezTo>
                    <a:pt x="51368" y="26176"/>
                    <a:pt x="51870" y="26280"/>
                    <a:pt x="52456" y="26134"/>
                  </a:cubicBezTo>
                  <a:cubicBezTo>
                    <a:pt x="52686" y="26071"/>
                    <a:pt x="52895" y="25946"/>
                    <a:pt x="53083" y="25778"/>
                  </a:cubicBezTo>
                  <a:cubicBezTo>
                    <a:pt x="53313" y="25632"/>
                    <a:pt x="53523" y="25402"/>
                    <a:pt x="53774" y="25234"/>
                  </a:cubicBezTo>
                  <a:cubicBezTo>
                    <a:pt x="54129" y="25025"/>
                    <a:pt x="54360" y="24711"/>
                    <a:pt x="54611" y="24418"/>
                  </a:cubicBezTo>
                  <a:cubicBezTo>
                    <a:pt x="54820" y="24188"/>
                    <a:pt x="54904" y="23937"/>
                    <a:pt x="54904" y="23581"/>
                  </a:cubicBezTo>
                  <a:lnTo>
                    <a:pt x="54904" y="22326"/>
                  </a:lnTo>
                  <a:cubicBezTo>
                    <a:pt x="54904" y="22158"/>
                    <a:pt x="54925" y="21970"/>
                    <a:pt x="54987" y="21803"/>
                  </a:cubicBezTo>
                  <a:cubicBezTo>
                    <a:pt x="55029" y="21635"/>
                    <a:pt x="55197" y="21489"/>
                    <a:pt x="55406" y="21552"/>
                  </a:cubicBezTo>
                  <a:cubicBezTo>
                    <a:pt x="55531" y="21593"/>
                    <a:pt x="55657" y="21698"/>
                    <a:pt x="55720" y="21844"/>
                  </a:cubicBezTo>
                  <a:cubicBezTo>
                    <a:pt x="55762" y="21970"/>
                    <a:pt x="55762" y="22117"/>
                    <a:pt x="55762" y="22284"/>
                  </a:cubicBezTo>
                  <a:lnTo>
                    <a:pt x="55762" y="23456"/>
                  </a:lnTo>
                  <a:cubicBezTo>
                    <a:pt x="55803" y="24188"/>
                    <a:pt x="56034" y="24795"/>
                    <a:pt x="56640" y="25234"/>
                  </a:cubicBezTo>
                  <a:cubicBezTo>
                    <a:pt x="57226" y="25674"/>
                    <a:pt x="57854" y="26134"/>
                    <a:pt x="58586" y="26301"/>
                  </a:cubicBezTo>
                  <a:cubicBezTo>
                    <a:pt x="58984" y="26406"/>
                    <a:pt x="59319" y="26364"/>
                    <a:pt x="59570" y="26029"/>
                  </a:cubicBezTo>
                  <a:cubicBezTo>
                    <a:pt x="59904" y="25506"/>
                    <a:pt x="60260" y="24983"/>
                    <a:pt x="60155" y="24293"/>
                  </a:cubicBezTo>
                  <a:cubicBezTo>
                    <a:pt x="60135" y="24083"/>
                    <a:pt x="60197" y="23790"/>
                    <a:pt x="60323" y="23623"/>
                  </a:cubicBezTo>
                  <a:cubicBezTo>
                    <a:pt x="60469" y="23414"/>
                    <a:pt x="60469" y="23163"/>
                    <a:pt x="60511" y="22933"/>
                  </a:cubicBezTo>
                  <a:cubicBezTo>
                    <a:pt x="60532" y="22619"/>
                    <a:pt x="60427" y="22326"/>
                    <a:pt x="60302" y="22075"/>
                  </a:cubicBezTo>
                  <a:cubicBezTo>
                    <a:pt x="60155" y="21761"/>
                    <a:pt x="60051" y="21447"/>
                    <a:pt x="59925" y="21154"/>
                  </a:cubicBezTo>
                  <a:cubicBezTo>
                    <a:pt x="59821" y="20861"/>
                    <a:pt x="59695" y="20547"/>
                    <a:pt x="59591" y="20212"/>
                  </a:cubicBezTo>
                  <a:cubicBezTo>
                    <a:pt x="59925" y="20129"/>
                    <a:pt x="60135" y="20275"/>
                    <a:pt x="60302" y="20401"/>
                  </a:cubicBezTo>
                  <a:cubicBezTo>
                    <a:pt x="60951" y="21028"/>
                    <a:pt x="61474" y="21761"/>
                    <a:pt x="61557" y="22723"/>
                  </a:cubicBezTo>
                  <a:cubicBezTo>
                    <a:pt x="61578" y="22995"/>
                    <a:pt x="61474" y="23267"/>
                    <a:pt x="61704" y="23539"/>
                  </a:cubicBezTo>
                  <a:cubicBezTo>
                    <a:pt x="62415" y="23665"/>
                    <a:pt x="63043" y="23351"/>
                    <a:pt x="63671" y="23058"/>
                  </a:cubicBezTo>
                  <a:cubicBezTo>
                    <a:pt x="64110" y="22891"/>
                    <a:pt x="64215" y="22368"/>
                    <a:pt x="64005" y="21907"/>
                  </a:cubicBezTo>
                  <a:cubicBezTo>
                    <a:pt x="63817" y="21489"/>
                    <a:pt x="63650" y="21070"/>
                    <a:pt x="63461" y="20694"/>
                  </a:cubicBezTo>
                  <a:cubicBezTo>
                    <a:pt x="63378" y="20526"/>
                    <a:pt x="63294" y="20338"/>
                    <a:pt x="63168" y="20233"/>
                  </a:cubicBezTo>
                  <a:cubicBezTo>
                    <a:pt x="62813" y="19899"/>
                    <a:pt x="62604" y="19459"/>
                    <a:pt x="62415" y="19041"/>
                  </a:cubicBezTo>
                  <a:cubicBezTo>
                    <a:pt x="62018" y="18183"/>
                    <a:pt x="62122" y="17764"/>
                    <a:pt x="62980" y="17388"/>
                  </a:cubicBezTo>
                  <a:cubicBezTo>
                    <a:pt x="63692" y="17074"/>
                    <a:pt x="63922" y="16614"/>
                    <a:pt x="63859" y="15902"/>
                  </a:cubicBezTo>
                  <a:cubicBezTo>
                    <a:pt x="63817" y="15735"/>
                    <a:pt x="63817" y="15609"/>
                    <a:pt x="63817" y="15463"/>
                  </a:cubicBezTo>
                  <a:cubicBezTo>
                    <a:pt x="63692" y="14333"/>
                    <a:pt x="63357" y="13935"/>
                    <a:pt x="62227" y="13684"/>
                  </a:cubicBezTo>
                  <a:cubicBezTo>
                    <a:pt x="62018" y="13622"/>
                    <a:pt x="61808" y="13601"/>
                    <a:pt x="61599" y="13601"/>
                  </a:cubicBezTo>
                  <a:cubicBezTo>
                    <a:pt x="60888" y="13580"/>
                    <a:pt x="60218" y="13622"/>
                    <a:pt x="59528" y="13810"/>
                  </a:cubicBezTo>
                  <a:cubicBezTo>
                    <a:pt x="59256" y="13894"/>
                    <a:pt x="58942" y="13894"/>
                    <a:pt x="58649" y="13852"/>
                  </a:cubicBezTo>
                  <a:cubicBezTo>
                    <a:pt x="58440" y="13852"/>
                    <a:pt x="58231" y="13642"/>
                    <a:pt x="58231" y="13475"/>
                  </a:cubicBezTo>
                  <a:cubicBezTo>
                    <a:pt x="58231" y="13287"/>
                    <a:pt x="58377" y="13078"/>
                    <a:pt x="58628" y="13015"/>
                  </a:cubicBezTo>
                  <a:cubicBezTo>
                    <a:pt x="58775" y="12994"/>
                    <a:pt x="58900" y="12994"/>
                    <a:pt x="59067" y="12973"/>
                  </a:cubicBezTo>
                  <a:cubicBezTo>
                    <a:pt x="59214" y="12952"/>
                    <a:pt x="59381" y="12952"/>
                    <a:pt x="59507" y="12868"/>
                  </a:cubicBezTo>
                  <a:cubicBezTo>
                    <a:pt x="60051" y="12575"/>
                    <a:pt x="60616" y="12261"/>
                    <a:pt x="61160" y="11927"/>
                  </a:cubicBezTo>
                  <a:cubicBezTo>
                    <a:pt x="61306" y="11843"/>
                    <a:pt x="61411" y="11697"/>
                    <a:pt x="61516" y="11529"/>
                  </a:cubicBezTo>
                  <a:cubicBezTo>
                    <a:pt x="61829" y="11090"/>
                    <a:pt x="61871" y="10462"/>
                    <a:pt x="61516" y="10023"/>
                  </a:cubicBezTo>
                  <a:cubicBezTo>
                    <a:pt x="61285" y="9667"/>
                    <a:pt x="61034" y="9332"/>
                    <a:pt x="60720" y="9039"/>
                  </a:cubicBezTo>
                  <a:cubicBezTo>
                    <a:pt x="60051" y="8412"/>
                    <a:pt x="59298" y="8035"/>
                    <a:pt x="58356" y="8077"/>
                  </a:cubicBezTo>
                  <a:cubicBezTo>
                    <a:pt x="57833" y="8098"/>
                    <a:pt x="57331" y="8056"/>
                    <a:pt x="56808" y="8077"/>
                  </a:cubicBezTo>
                  <a:cubicBezTo>
                    <a:pt x="55908" y="8160"/>
                    <a:pt x="55071" y="8412"/>
                    <a:pt x="54381" y="9081"/>
                  </a:cubicBezTo>
                  <a:cubicBezTo>
                    <a:pt x="54234" y="9207"/>
                    <a:pt x="54067" y="9353"/>
                    <a:pt x="53878" y="9458"/>
                  </a:cubicBezTo>
                  <a:cubicBezTo>
                    <a:pt x="53711" y="9562"/>
                    <a:pt x="53523" y="9500"/>
                    <a:pt x="53418" y="9332"/>
                  </a:cubicBezTo>
                  <a:cubicBezTo>
                    <a:pt x="53334" y="9228"/>
                    <a:pt x="53293" y="9039"/>
                    <a:pt x="53313" y="8914"/>
                  </a:cubicBezTo>
                  <a:cubicBezTo>
                    <a:pt x="53334" y="8788"/>
                    <a:pt x="53439" y="8663"/>
                    <a:pt x="53544" y="8558"/>
                  </a:cubicBezTo>
                  <a:cubicBezTo>
                    <a:pt x="53774" y="8307"/>
                    <a:pt x="54025" y="8077"/>
                    <a:pt x="54234" y="7847"/>
                  </a:cubicBezTo>
                  <a:cubicBezTo>
                    <a:pt x="54485" y="7533"/>
                    <a:pt x="54757" y="7156"/>
                    <a:pt x="54715" y="6717"/>
                  </a:cubicBezTo>
                  <a:cubicBezTo>
                    <a:pt x="54673" y="5566"/>
                    <a:pt x="53711" y="4687"/>
                    <a:pt x="52707" y="4687"/>
                  </a:cubicBezTo>
                  <a:lnTo>
                    <a:pt x="51347" y="4687"/>
                  </a:lnTo>
                  <a:cubicBezTo>
                    <a:pt x="50740" y="4645"/>
                    <a:pt x="50217" y="4834"/>
                    <a:pt x="49756" y="5168"/>
                  </a:cubicBezTo>
                  <a:cubicBezTo>
                    <a:pt x="49171" y="5629"/>
                    <a:pt x="48606" y="6068"/>
                    <a:pt x="48062" y="6507"/>
                  </a:cubicBezTo>
                  <a:cubicBezTo>
                    <a:pt x="47915" y="6612"/>
                    <a:pt x="47811" y="6717"/>
                    <a:pt x="47685" y="6779"/>
                  </a:cubicBezTo>
                  <a:cubicBezTo>
                    <a:pt x="47497" y="6842"/>
                    <a:pt x="47329" y="6821"/>
                    <a:pt x="47183" y="6696"/>
                  </a:cubicBezTo>
                  <a:cubicBezTo>
                    <a:pt x="47057" y="6570"/>
                    <a:pt x="46953" y="6382"/>
                    <a:pt x="47057" y="6194"/>
                  </a:cubicBezTo>
                  <a:cubicBezTo>
                    <a:pt x="47371" y="5691"/>
                    <a:pt x="47267" y="5147"/>
                    <a:pt x="47287" y="4624"/>
                  </a:cubicBezTo>
                  <a:cubicBezTo>
                    <a:pt x="47350" y="3536"/>
                    <a:pt x="46827" y="2720"/>
                    <a:pt x="46032" y="2072"/>
                  </a:cubicBezTo>
                  <a:cubicBezTo>
                    <a:pt x="45718" y="1821"/>
                    <a:pt x="45383" y="1611"/>
                    <a:pt x="45070" y="1402"/>
                  </a:cubicBezTo>
                  <a:cubicBezTo>
                    <a:pt x="44777" y="1193"/>
                    <a:pt x="44505" y="1130"/>
                    <a:pt x="44128" y="1130"/>
                  </a:cubicBezTo>
                  <a:cubicBezTo>
                    <a:pt x="43584" y="1130"/>
                    <a:pt x="43061" y="1151"/>
                    <a:pt x="42517" y="1130"/>
                  </a:cubicBezTo>
                  <a:cubicBezTo>
                    <a:pt x="41575" y="1067"/>
                    <a:pt x="40801" y="1444"/>
                    <a:pt x="40152" y="2093"/>
                  </a:cubicBezTo>
                  <a:lnTo>
                    <a:pt x="39127" y="3118"/>
                  </a:lnTo>
                  <a:cubicBezTo>
                    <a:pt x="38709" y="3536"/>
                    <a:pt x="38374" y="3976"/>
                    <a:pt x="38228" y="4541"/>
                  </a:cubicBezTo>
                  <a:cubicBezTo>
                    <a:pt x="38123" y="4938"/>
                    <a:pt x="37851" y="5231"/>
                    <a:pt x="37537" y="5482"/>
                  </a:cubicBezTo>
                  <a:cubicBezTo>
                    <a:pt x="37223" y="5754"/>
                    <a:pt x="36930" y="5733"/>
                    <a:pt x="36679" y="5399"/>
                  </a:cubicBezTo>
                  <a:cubicBezTo>
                    <a:pt x="36575" y="5294"/>
                    <a:pt x="36491" y="5147"/>
                    <a:pt x="36470" y="5022"/>
                  </a:cubicBezTo>
                  <a:cubicBezTo>
                    <a:pt x="36093" y="3871"/>
                    <a:pt x="35424" y="2846"/>
                    <a:pt x="34712" y="1883"/>
                  </a:cubicBezTo>
                  <a:cubicBezTo>
                    <a:pt x="34482" y="1570"/>
                    <a:pt x="34189" y="1298"/>
                    <a:pt x="33896" y="1046"/>
                  </a:cubicBezTo>
                  <a:cubicBezTo>
                    <a:pt x="33645" y="816"/>
                    <a:pt x="33331" y="774"/>
                    <a:pt x="32997" y="921"/>
                  </a:cubicBezTo>
                  <a:cubicBezTo>
                    <a:pt x="32076" y="1256"/>
                    <a:pt x="31448" y="2134"/>
                    <a:pt x="31574" y="2971"/>
                  </a:cubicBezTo>
                  <a:cubicBezTo>
                    <a:pt x="31595" y="3181"/>
                    <a:pt x="31574" y="3390"/>
                    <a:pt x="31574" y="3599"/>
                  </a:cubicBezTo>
                  <a:cubicBezTo>
                    <a:pt x="31574" y="3871"/>
                    <a:pt x="31595" y="4080"/>
                    <a:pt x="31762" y="4290"/>
                  </a:cubicBezTo>
                  <a:cubicBezTo>
                    <a:pt x="31909" y="4520"/>
                    <a:pt x="32013" y="4792"/>
                    <a:pt x="32181" y="4959"/>
                  </a:cubicBezTo>
                  <a:cubicBezTo>
                    <a:pt x="32369" y="5168"/>
                    <a:pt x="32620" y="5357"/>
                    <a:pt x="32850" y="5566"/>
                  </a:cubicBezTo>
                  <a:cubicBezTo>
                    <a:pt x="32746" y="5650"/>
                    <a:pt x="32641" y="5733"/>
                    <a:pt x="32515" y="5796"/>
                  </a:cubicBezTo>
                  <a:cubicBezTo>
                    <a:pt x="32202" y="5336"/>
                    <a:pt x="31783" y="5106"/>
                    <a:pt x="31281" y="4938"/>
                  </a:cubicBezTo>
                  <a:cubicBezTo>
                    <a:pt x="31218" y="4917"/>
                    <a:pt x="31134" y="4834"/>
                    <a:pt x="31072" y="4792"/>
                  </a:cubicBezTo>
                  <a:cubicBezTo>
                    <a:pt x="30611" y="4331"/>
                    <a:pt x="29963" y="4227"/>
                    <a:pt x="29440" y="3871"/>
                  </a:cubicBezTo>
                  <a:cubicBezTo>
                    <a:pt x="29335" y="3808"/>
                    <a:pt x="29189" y="3787"/>
                    <a:pt x="29084" y="3787"/>
                  </a:cubicBezTo>
                  <a:cubicBezTo>
                    <a:pt x="28393" y="3746"/>
                    <a:pt x="27703" y="3766"/>
                    <a:pt x="27159" y="4331"/>
                  </a:cubicBezTo>
                  <a:cubicBezTo>
                    <a:pt x="27054" y="4436"/>
                    <a:pt x="26929" y="4541"/>
                    <a:pt x="26824" y="4624"/>
                  </a:cubicBezTo>
                  <a:cubicBezTo>
                    <a:pt x="26301" y="4959"/>
                    <a:pt x="26029" y="5482"/>
                    <a:pt x="25945" y="6068"/>
                  </a:cubicBezTo>
                  <a:cubicBezTo>
                    <a:pt x="25841" y="6968"/>
                    <a:pt x="25715" y="7951"/>
                    <a:pt x="26510" y="8684"/>
                  </a:cubicBezTo>
                  <a:cubicBezTo>
                    <a:pt x="26573" y="8767"/>
                    <a:pt x="26657" y="8851"/>
                    <a:pt x="26678" y="8997"/>
                  </a:cubicBezTo>
                  <a:cubicBezTo>
                    <a:pt x="26866" y="9353"/>
                    <a:pt x="27159" y="9520"/>
                    <a:pt x="27556" y="9520"/>
                  </a:cubicBezTo>
                  <a:cubicBezTo>
                    <a:pt x="28331" y="9541"/>
                    <a:pt x="29084" y="9562"/>
                    <a:pt x="29858" y="9625"/>
                  </a:cubicBezTo>
                  <a:cubicBezTo>
                    <a:pt x="30005" y="9876"/>
                    <a:pt x="29921" y="10065"/>
                    <a:pt x="29670" y="10127"/>
                  </a:cubicBezTo>
                  <a:cubicBezTo>
                    <a:pt x="29272" y="10190"/>
                    <a:pt x="28917" y="10253"/>
                    <a:pt x="28519" y="10253"/>
                  </a:cubicBezTo>
                  <a:cubicBezTo>
                    <a:pt x="27556" y="10295"/>
                    <a:pt x="26615" y="10504"/>
                    <a:pt x="25778" y="11006"/>
                  </a:cubicBezTo>
                  <a:cubicBezTo>
                    <a:pt x="24774" y="11592"/>
                    <a:pt x="23853" y="12241"/>
                    <a:pt x="23225" y="13266"/>
                  </a:cubicBezTo>
                  <a:cubicBezTo>
                    <a:pt x="23058" y="13559"/>
                    <a:pt x="22953" y="13831"/>
                    <a:pt x="22953" y="14166"/>
                  </a:cubicBezTo>
                  <a:cubicBezTo>
                    <a:pt x="22974" y="14605"/>
                    <a:pt x="23100" y="14793"/>
                    <a:pt x="23518" y="14835"/>
                  </a:cubicBezTo>
                  <a:cubicBezTo>
                    <a:pt x="24062" y="14856"/>
                    <a:pt x="24585" y="14835"/>
                    <a:pt x="25150" y="14856"/>
                  </a:cubicBezTo>
                  <a:cubicBezTo>
                    <a:pt x="25632" y="14877"/>
                    <a:pt x="26050" y="14730"/>
                    <a:pt x="26510" y="14479"/>
                  </a:cubicBezTo>
                  <a:cubicBezTo>
                    <a:pt x="27975" y="13705"/>
                    <a:pt x="29461" y="12973"/>
                    <a:pt x="30925" y="12241"/>
                  </a:cubicBezTo>
                  <a:cubicBezTo>
                    <a:pt x="31134" y="12136"/>
                    <a:pt x="31365" y="12052"/>
                    <a:pt x="31595" y="11989"/>
                  </a:cubicBezTo>
                  <a:cubicBezTo>
                    <a:pt x="31846" y="11948"/>
                    <a:pt x="32097" y="12241"/>
                    <a:pt x="32013" y="12450"/>
                  </a:cubicBezTo>
                  <a:cubicBezTo>
                    <a:pt x="31909" y="12722"/>
                    <a:pt x="31846" y="13036"/>
                    <a:pt x="31637" y="13224"/>
                  </a:cubicBezTo>
                  <a:cubicBezTo>
                    <a:pt x="30967" y="13914"/>
                    <a:pt x="30549" y="14751"/>
                    <a:pt x="30005" y="15505"/>
                  </a:cubicBezTo>
                  <a:cubicBezTo>
                    <a:pt x="29544" y="16153"/>
                    <a:pt x="29398" y="16865"/>
                    <a:pt x="29461" y="17639"/>
                  </a:cubicBezTo>
                  <a:cubicBezTo>
                    <a:pt x="29481" y="18120"/>
                    <a:pt x="29670" y="18308"/>
                    <a:pt x="30109" y="18350"/>
                  </a:cubicBezTo>
                  <a:cubicBezTo>
                    <a:pt x="30590" y="18413"/>
                    <a:pt x="31051" y="18371"/>
                    <a:pt x="31490" y="18120"/>
                  </a:cubicBezTo>
                  <a:cubicBezTo>
                    <a:pt x="32411" y="17597"/>
                    <a:pt x="33269" y="17011"/>
                    <a:pt x="34085" y="16321"/>
                  </a:cubicBezTo>
                  <a:cubicBezTo>
                    <a:pt x="34315" y="16111"/>
                    <a:pt x="34503" y="15860"/>
                    <a:pt x="34775" y="15714"/>
                  </a:cubicBezTo>
                  <a:cubicBezTo>
                    <a:pt x="35403" y="15337"/>
                    <a:pt x="35884" y="14814"/>
                    <a:pt x="36407" y="14333"/>
                  </a:cubicBezTo>
                  <a:cubicBezTo>
                    <a:pt x="36575" y="14166"/>
                    <a:pt x="36721" y="14040"/>
                    <a:pt x="36909" y="13935"/>
                  </a:cubicBezTo>
                  <a:cubicBezTo>
                    <a:pt x="37077" y="13831"/>
                    <a:pt x="37391" y="13935"/>
                    <a:pt x="37432" y="14145"/>
                  </a:cubicBezTo>
                  <a:cubicBezTo>
                    <a:pt x="37495" y="14270"/>
                    <a:pt x="37516" y="14438"/>
                    <a:pt x="37495" y="14584"/>
                  </a:cubicBezTo>
                  <a:cubicBezTo>
                    <a:pt x="37432" y="14982"/>
                    <a:pt x="37349" y="15337"/>
                    <a:pt x="37244" y="15735"/>
                  </a:cubicBezTo>
                  <a:cubicBezTo>
                    <a:pt x="37014" y="16572"/>
                    <a:pt x="36972" y="17932"/>
                    <a:pt x="37181" y="18873"/>
                  </a:cubicBezTo>
                  <a:cubicBezTo>
                    <a:pt x="37307" y="18957"/>
                    <a:pt x="37453" y="19062"/>
                    <a:pt x="37642" y="19104"/>
                  </a:cubicBezTo>
                  <a:cubicBezTo>
                    <a:pt x="38060" y="19187"/>
                    <a:pt x="38500" y="19292"/>
                    <a:pt x="38876" y="19062"/>
                  </a:cubicBezTo>
                  <a:cubicBezTo>
                    <a:pt x="39441" y="18664"/>
                    <a:pt x="40006" y="18246"/>
                    <a:pt x="40487" y="17785"/>
                  </a:cubicBezTo>
                  <a:cubicBezTo>
                    <a:pt x="41010" y="17262"/>
                    <a:pt x="41680" y="16948"/>
                    <a:pt x="42203" y="16467"/>
                  </a:cubicBezTo>
                  <a:cubicBezTo>
                    <a:pt x="42475" y="16216"/>
                    <a:pt x="42873" y="16383"/>
                    <a:pt x="42893" y="16781"/>
                  </a:cubicBezTo>
                  <a:cubicBezTo>
                    <a:pt x="42935" y="17283"/>
                    <a:pt x="42956" y="17806"/>
                    <a:pt x="42935" y="18329"/>
                  </a:cubicBezTo>
                  <a:cubicBezTo>
                    <a:pt x="42935" y="18873"/>
                    <a:pt x="42977" y="19396"/>
                    <a:pt x="43354" y="19836"/>
                  </a:cubicBezTo>
                  <a:cubicBezTo>
                    <a:pt x="43458" y="19982"/>
                    <a:pt x="43521" y="20150"/>
                    <a:pt x="43584" y="20338"/>
                  </a:cubicBezTo>
                  <a:cubicBezTo>
                    <a:pt x="43898" y="21489"/>
                    <a:pt x="44777" y="22012"/>
                    <a:pt x="45823" y="22347"/>
                  </a:cubicBezTo>
                  <a:cubicBezTo>
                    <a:pt x="46451" y="22556"/>
                    <a:pt x="47036" y="22389"/>
                    <a:pt x="47455" y="21865"/>
                  </a:cubicBezTo>
                  <a:cubicBezTo>
                    <a:pt x="47685" y="21552"/>
                    <a:pt x="47873" y="21196"/>
                    <a:pt x="48083" y="20882"/>
                  </a:cubicBezTo>
                  <a:cubicBezTo>
                    <a:pt x="48187" y="20756"/>
                    <a:pt x="48292" y="20610"/>
                    <a:pt x="48438" y="20526"/>
                  </a:cubicBezTo>
                  <a:cubicBezTo>
                    <a:pt x="48627" y="20422"/>
                    <a:pt x="48815" y="20338"/>
                    <a:pt x="49024" y="20254"/>
                  </a:cubicBezTo>
                  <a:cubicBezTo>
                    <a:pt x="49464" y="19710"/>
                    <a:pt x="49610" y="19124"/>
                    <a:pt x="50217" y="18706"/>
                  </a:cubicBezTo>
                  <a:close/>
                  <a:moveTo>
                    <a:pt x="30130" y="13810"/>
                  </a:moveTo>
                  <a:cubicBezTo>
                    <a:pt x="29921" y="13852"/>
                    <a:pt x="29816" y="13852"/>
                    <a:pt x="29712" y="13914"/>
                  </a:cubicBezTo>
                  <a:cubicBezTo>
                    <a:pt x="28477" y="14542"/>
                    <a:pt x="27264" y="15191"/>
                    <a:pt x="26050" y="15839"/>
                  </a:cubicBezTo>
                  <a:cubicBezTo>
                    <a:pt x="25987" y="15902"/>
                    <a:pt x="25904" y="16007"/>
                    <a:pt x="25841" y="16111"/>
                  </a:cubicBezTo>
                  <a:cubicBezTo>
                    <a:pt x="25799" y="16195"/>
                    <a:pt x="25799" y="16321"/>
                    <a:pt x="25736" y="16342"/>
                  </a:cubicBezTo>
                  <a:cubicBezTo>
                    <a:pt x="25380" y="16530"/>
                    <a:pt x="25171" y="16969"/>
                    <a:pt x="24669" y="16948"/>
                  </a:cubicBezTo>
                  <a:cubicBezTo>
                    <a:pt x="24543" y="16948"/>
                    <a:pt x="24376" y="17032"/>
                    <a:pt x="24271" y="17137"/>
                  </a:cubicBezTo>
                  <a:cubicBezTo>
                    <a:pt x="23937" y="17471"/>
                    <a:pt x="23539" y="17785"/>
                    <a:pt x="23267" y="18141"/>
                  </a:cubicBezTo>
                  <a:cubicBezTo>
                    <a:pt x="22849" y="18706"/>
                    <a:pt x="22472" y="19271"/>
                    <a:pt x="22326" y="19982"/>
                  </a:cubicBezTo>
                  <a:cubicBezTo>
                    <a:pt x="22179" y="20631"/>
                    <a:pt x="22033" y="21259"/>
                    <a:pt x="21844" y="21907"/>
                  </a:cubicBezTo>
                  <a:cubicBezTo>
                    <a:pt x="21656" y="22577"/>
                    <a:pt x="21593" y="23205"/>
                    <a:pt x="21844" y="23853"/>
                  </a:cubicBezTo>
                  <a:cubicBezTo>
                    <a:pt x="21865" y="23937"/>
                    <a:pt x="21928" y="24041"/>
                    <a:pt x="21865" y="24104"/>
                  </a:cubicBezTo>
                  <a:cubicBezTo>
                    <a:pt x="21530" y="24732"/>
                    <a:pt x="21698" y="25422"/>
                    <a:pt x="21740" y="26071"/>
                  </a:cubicBezTo>
                  <a:cubicBezTo>
                    <a:pt x="21802" y="26887"/>
                    <a:pt x="21844" y="27724"/>
                    <a:pt x="22137" y="28477"/>
                  </a:cubicBezTo>
                  <a:cubicBezTo>
                    <a:pt x="22807" y="30319"/>
                    <a:pt x="23518" y="32139"/>
                    <a:pt x="24460" y="33876"/>
                  </a:cubicBezTo>
                  <a:cubicBezTo>
                    <a:pt x="24627" y="34148"/>
                    <a:pt x="24836" y="34420"/>
                    <a:pt x="25046" y="34650"/>
                  </a:cubicBezTo>
                  <a:lnTo>
                    <a:pt x="27473" y="37077"/>
                  </a:lnTo>
                  <a:cubicBezTo>
                    <a:pt x="27682" y="37286"/>
                    <a:pt x="27912" y="37474"/>
                    <a:pt x="28184" y="37663"/>
                  </a:cubicBezTo>
                  <a:cubicBezTo>
                    <a:pt x="28645" y="37977"/>
                    <a:pt x="29126" y="38311"/>
                    <a:pt x="29649" y="38542"/>
                  </a:cubicBezTo>
                  <a:cubicBezTo>
                    <a:pt x="30590" y="39002"/>
                    <a:pt x="31532" y="39483"/>
                    <a:pt x="32536" y="39797"/>
                  </a:cubicBezTo>
                  <a:cubicBezTo>
                    <a:pt x="33959" y="40257"/>
                    <a:pt x="35424" y="40467"/>
                    <a:pt x="36888" y="40508"/>
                  </a:cubicBezTo>
                  <a:cubicBezTo>
                    <a:pt x="37872" y="40529"/>
                    <a:pt x="38876" y="40571"/>
                    <a:pt x="39860" y="40425"/>
                  </a:cubicBezTo>
                  <a:cubicBezTo>
                    <a:pt x="41157" y="40278"/>
                    <a:pt x="42412" y="39964"/>
                    <a:pt x="43605" y="39462"/>
                  </a:cubicBezTo>
                  <a:cubicBezTo>
                    <a:pt x="44421" y="39148"/>
                    <a:pt x="45237" y="38834"/>
                    <a:pt x="46011" y="38479"/>
                  </a:cubicBezTo>
                  <a:cubicBezTo>
                    <a:pt x="48062" y="37537"/>
                    <a:pt x="49945" y="36386"/>
                    <a:pt x="51472" y="34733"/>
                  </a:cubicBezTo>
                  <a:cubicBezTo>
                    <a:pt x="51828" y="34399"/>
                    <a:pt x="52142" y="34022"/>
                    <a:pt x="52497" y="33708"/>
                  </a:cubicBezTo>
                  <a:cubicBezTo>
                    <a:pt x="53104" y="33185"/>
                    <a:pt x="53523" y="32536"/>
                    <a:pt x="53837" y="31804"/>
                  </a:cubicBezTo>
                  <a:cubicBezTo>
                    <a:pt x="53920" y="31616"/>
                    <a:pt x="53962" y="31407"/>
                    <a:pt x="54046" y="31218"/>
                  </a:cubicBezTo>
                  <a:cubicBezTo>
                    <a:pt x="54088" y="31093"/>
                    <a:pt x="54150" y="30946"/>
                    <a:pt x="54234" y="30842"/>
                  </a:cubicBezTo>
                  <a:cubicBezTo>
                    <a:pt x="54569" y="30444"/>
                    <a:pt x="54757" y="29963"/>
                    <a:pt x="54925" y="29482"/>
                  </a:cubicBezTo>
                  <a:cubicBezTo>
                    <a:pt x="55238" y="28645"/>
                    <a:pt x="55552" y="27766"/>
                    <a:pt x="55866" y="26929"/>
                  </a:cubicBezTo>
                  <a:cubicBezTo>
                    <a:pt x="56013" y="26594"/>
                    <a:pt x="56054" y="26259"/>
                    <a:pt x="55971" y="25946"/>
                  </a:cubicBezTo>
                  <a:cubicBezTo>
                    <a:pt x="55699" y="25736"/>
                    <a:pt x="55448" y="25569"/>
                    <a:pt x="55238" y="25402"/>
                  </a:cubicBezTo>
                  <a:cubicBezTo>
                    <a:pt x="54799" y="25736"/>
                    <a:pt x="54339" y="26029"/>
                    <a:pt x="53962" y="26385"/>
                  </a:cubicBezTo>
                  <a:cubicBezTo>
                    <a:pt x="53293" y="27075"/>
                    <a:pt x="52497" y="27243"/>
                    <a:pt x="51577" y="27222"/>
                  </a:cubicBezTo>
                  <a:cubicBezTo>
                    <a:pt x="51221" y="27222"/>
                    <a:pt x="50949" y="27096"/>
                    <a:pt x="50698" y="26866"/>
                  </a:cubicBezTo>
                  <a:cubicBezTo>
                    <a:pt x="49568" y="25736"/>
                    <a:pt x="48857" y="24397"/>
                    <a:pt x="48919" y="22744"/>
                  </a:cubicBezTo>
                  <a:cubicBezTo>
                    <a:pt x="48919" y="22619"/>
                    <a:pt x="48940" y="22514"/>
                    <a:pt x="48919" y="22389"/>
                  </a:cubicBezTo>
                  <a:cubicBezTo>
                    <a:pt x="48899" y="22263"/>
                    <a:pt x="49003" y="22075"/>
                    <a:pt x="48731" y="21970"/>
                  </a:cubicBezTo>
                  <a:cubicBezTo>
                    <a:pt x="48606" y="22117"/>
                    <a:pt x="48480" y="22284"/>
                    <a:pt x="48375" y="22430"/>
                  </a:cubicBezTo>
                  <a:cubicBezTo>
                    <a:pt x="47685" y="23330"/>
                    <a:pt x="46492" y="23665"/>
                    <a:pt x="45446" y="23225"/>
                  </a:cubicBezTo>
                  <a:cubicBezTo>
                    <a:pt x="45049" y="23058"/>
                    <a:pt x="44672" y="22891"/>
                    <a:pt x="44316" y="22681"/>
                  </a:cubicBezTo>
                  <a:cubicBezTo>
                    <a:pt x="43563" y="22284"/>
                    <a:pt x="43103" y="21635"/>
                    <a:pt x="42789" y="20840"/>
                  </a:cubicBezTo>
                  <a:cubicBezTo>
                    <a:pt x="42684" y="20547"/>
                    <a:pt x="42559" y="20296"/>
                    <a:pt x="42412" y="20024"/>
                  </a:cubicBezTo>
                  <a:cubicBezTo>
                    <a:pt x="42161" y="19668"/>
                    <a:pt x="42036" y="19271"/>
                    <a:pt x="42098" y="18831"/>
                  </a:cubicBezTo>
                  <a:cubicBezTo>
                    <a:pt x="42119" y="18601"/>
                    <a:pt x="42119" y="18350"/>
                    <a:pt x="42098" y="18099"/>
                  </a:cubicBezTo>
                  <a:cubicBezTo>
                    <a:pt x="42098" y="17995"/>
                    <a:pt x="42015" y="17911"/>
                    <a:pt x="41952" y="17785"/>
                  </a:cubicBezTo>
                  <a:cubicBezTo>
                    <a:pt x="41826" y="17869"/>
                    <a:pt x="41722" y="17890"/>
                    <a:pt x="41680" y="17932"/>
                  </a:cubicBezTo>
                  <a:cubicBezTo>
                    <a:pt x="41052" y="18643"/>
                    <a:pt x="40278" y="19187"/>
                    <a:pt x="39588" y="19794"/>
                  </a:cubicBezTo>
                  <a:cubicBezTo>
                    <a:pt x="39378" y="19982"/>
                    <a:pt x="39169" y="20108"/>
                    <a:pt x="38876" y="20129"/>
                  </a:cubicBezTo>
                  <a:cubicBezTo>
                    <a:pt x="38081" y="20192"/>
                    <a:pt x="37328" y="20108"/>
                    <a:pt x="36616" y="19668"/>
                  </a:cubicBezTo>
                  <a:cubicBezTo>
                    <a:pt x="36282" y="19459"/>
                    <a:pt x="36093" y="19187"/>
                    <a:pt x="36093" y="18811"/>
                  </a:cubicBezTo>
                  <a:cubicBezTo>
                    <a:pt x="36135" y="17827"/>
                    <a:pt x="36135" y="16886"/>
                    <a:pt x="36156" y="15902"/>
                  </a:cubicBezTo>
                  <a:cubicBezTo>
                    <a:pt x="35675" y="16091"/>
                    <a:pt x="35298" y="16446"/>
                    <a:pt x="34901" y="16844"/>
                  </a:cubicBezTo>
                  <a:cubicBezTo>
                    <a:pt x="34106" y="17660"/>
                    <a:pt x="33206" y="18287"/>
                    <a:pt x="32264" y="18852"/>
                  </a:cubicBezTo>
                  <a:cubicBezTo>
                    <a:pt x="31678" y="19187"/>
                    <a:pt x="31051" y="19334"/>
                    <a:pt x="30381" y="19334"/>
                  </a:cubicBezTo>
                  <a:cubicBezTo>
                    <a:pt x="29816" y="19334"/>
                    <a:pt x="29377" y="19145"/>
                    <a:pt x="28958" y="18831"/>
                  </a:cubicBezTo>
                  <a:cubicBezTo>
                    <a:pt x="28707" y="18643"/>
                    <a:pt x="28540" y="18413"/>
                    <a:pt x="28540" y="18078"/>
                  </a:cubicBezTo>
                  <a:cubicBezTo>
                    <a:pt x="28498" y="16948"/>
                    <a:pt x="28645" y="15839"/>
                    <a:pt x="29377" y="14898"/>
                  </a:cubicBezTo>
                  <a:cubicBezTo>
                    <a:pt x="29691" y="14626"/>
                    <a:pt x="29963" y="14312"/>
                    <a:pt x="30130" y="13810"/>
                  </a:cubicBezTo>
                  <a:close/>
                  <a:moveTo>
                    <a:pt x="36784" y="41617"/>
                  </a:moveTo>
                  <a:cubicBezTo>
                    <a:pt x="36491" y="42371"/>
                    <a:pt x="35821" y="42580"/>
                    <a:pt x="35319" y="42998"/>
                  </a:cubicBezTo>
                  <a:cubicBezTo>
                    <a:pt x="35215" y="43082"/>
                    <a:pt x="35026" y="43124"/>
                    <a:pt x="34901" y="43124"/>
                  </a:cubicBezTo>
                  <a:cubicBezTo>
                    <a:pt x="34294" y="43145"/>
                    <a:pt x="33687" y="43187"/>
                    <a:pt x="33101" y="43124"/>
                  </a:cubicBezTo>
                  <a:cubicBezTo>
                    <a:pt x="32411" y="43040"/>
                    <a:pt x="31804" y="42705"/>
                    <a:pt x="31490" y="42078"/>
                  </a:cubicBezTo>
                  <a:cubicBezTo>
                    <a:pt x="31218" y="41534"/>
                    <a:pt x="31030" y="40906"/>
                    <a:pt x="30841" y="40425"/>
                  </a:cubicBezTo>
                  <a:cubicBezTo>
                    <a:pt x="29733" y="39797"/>
                    <a:pt x="28728" y="39232"/>
                    <a:pt x="27724" y="38625"/>
                  </a:cubicBezTo>
                  <a:cubicBezTo>
                    <a:pt x="27347" y="38395"/>
                    <a:pt x="26992" y="38102"/>
                    <a:pt x="26678" y="37788"/>
                  </a:cubicBezTo>
                  <a:cubicBezTo>
                    <a:pt x="25904" y="37035"/>
                    <a:pt x="25150" y="36240"/>
                    <a:pt x="24376" y="35487"/>
                  </a:cubicBezTo>
                  <a:cubicBezTo>
                    <a:pt x="24251" y="35382"/>
                    <a:pt x="24125" y="35277"/>
                    <a:pt x="23958" y="35194"/>
                  </a:cubicBezTo>
                  <a:cubicBezTo>
                    <a:pt x="23895" y="35298"/>
                    <a:pt x="23811" y="35382"/>
                    <a:pt x="23790" y="35466"/>
                  </a:cubicBezTo>
                  <a:cubicBezTo>
                    <a:pt x="23686" y="36010"/>
                    <a:pt x="23393" y="36491"/>
                    <a:pt x="23100" y="36930"/>
                  </a:cubicBezTo>
                  <a:cubicBezTo>
                    <a:pt x="22870" y="37286"/>
                    <a:pt x="22598" y="37684"/>
                    <a:pt x="22388" y="38081"/>
                  </a:cubicBezTo>
                  <a:cubicBezTo>
                    <a:pt x="21635" y="39630"/>
                    <a:pt x="20714" y="41094"/>
                    <a:pt x="19773" y="42517"/>
                  </a:cubicBezTo>
                  <a:cubicBezTo>
                    <a:pt x="19459" y="42998"/>
                    <a:pt x="19187" y="43500"/>
                    <a:pt x="19020" y="44065"/>
                  </a:cubicBezTo>
                  <a:cubicBezTo>
                    <a:pt x="18894" y="44568"/>
                    <a:pt x="18664" y="45028"/>
                    <a:pt x="18413" y="45467"/>
                  </a:cubicBezTo>
                  <a:cubicBezTo>
                    <a:pt x="18141" y="45990"/>
                    <a:pt x="17785" y="46513"/>
                    <a:pt x="17618" y="47099"/>
                  </a:cubicBezTo>
                  <a:cubicBezTo>
                    <a:pt x="17409" y="47706"/>
                    <a:pt x="17137" y="48271"/>
                    <a:pt x="16885" y="48857"/>
                  </a:cubicBezTo>
                  <a:cubicBezTo>
                    <a:pt x="16593" y="49485"/>
                    <a:pt x="16404" y="50133"/>
                    <a:pt x="16404" y="50866"/>
                  </a:cubicBezTo>
                  <a:cubicBezTo>
                    <a:pt x="16613" y="50970"/>
                    <a:pt x="16802" y="51075"/>
                    <a:pt x="16969" y="51158"/>
                  </a:cubicBezTo>
                  <a:cubicBezTo>
                    <a:pt x="18036" y="51619"/>
                    <a:pt x="19187" y="51786"/>
                    <a:pt x="20275" y="52037"/>
                  </a:cubicBezTo>
                  <a:cubicBezTo>
                    <a:pt x="20401" y="52058"/>
                    <a:pt x="20568" y="52058"/>
                    <a:pt x="20714" y="52037"/>
                  </a:cubicBezTo>
                  <a:cubicBezTo>
                    <a:pt x="21007" y="51995"/>
                    <a:pt x="21300" y="51933"/>
                    <a:pt x="21614" y="51849"/>
                  </a:cubicBezTo>
                  <a:cubicBezTo>
                    <a:pt x="21740" y="51828"/>
                    <a:pt x="21886" y="51786"/>
                    <a:pt x="21991" y="51682"/>
                  </a:cubicBezTo>
                  <a:cubicBezTo>
                    <a:pt x="22681" y="51158"/>
                    <a:pt x="23372" y="50635"/>
                    <a:pt x="24230" y="50259"/>
                  </a:cubicBezTo>
                  <a:cubicBezTo>
                    <a:pt x="24146" y="49840"/>
                    <a:pt x="24125" y="49443"/>
                    <a:pt x="23979" y="49087"/>
                  </a:cubicBezTo>
                  <a:cubicBezTo>
                    <a:pt x="23644" y="48125"/>
                    <a:pt x="23455" y="47120"/>
                    <a:pt x="23309" y="46116"/>
                  </a:cubicBezTo>
                  <a:cubicBezTo>
                    <a:pt x="23288" y="45907"/>
                    <a:pt x="23183" y="45697"/>
                    <a:pt x="23183" y="45488"/>
                  </a:cubicBezTo>
                  <a:cubicBezTo>
                    <a:pt x="23142" y="45091"/>
                    <a:pt x="22911" y="44819"/>
                    <a:pt x="22660" y="44651"/>
                  </a:cubicBezTo>
                  <a:cubicBezTo>
                    <a:pt x="22807" y="43961"/>
                    <a:pt x="22891" y="43772"/>
                    <a:pt x="23246" y="43542"/>
                  </a:cubicBezTo>
                  <a:cubicBezTo>
                    <a:pt x="24230" y="42894"/>
                    <a:pt x="25297" y="42559"/>
                    <a:pt x="26427" y="42371"/>
                  </a:cubicBezTo>
                  <a:cubicBezTo>
                    <a:pt x="26678" y="42308"/>
                    <a:pt x="26971" y="42350"/>
                    <a:pt x="27222" y="42371"/>
                  </a:cubicBezTo>
                  <a:cubicBezTo>
                    <a:pt x="27410" y="42391"/>
                    <a:pt x="27619" y="42496"/>
                    <a:pt x="27787" y="42622"/>
                  </a:cubicBezTo>
                  <a:cubicBezTo>
                    <a:pt x="28100" y="42831"/>
                    <a:pt x="28121" y="43187"/>
                    <a:pt x="28121" y="43521"/>
                  </a:cubicBezTo>
                  <a:cubicBezTo>
                    <a:pt x="28121" y="44337"/>
                    <a:pt x="28038" y="45132"/>
                    <a:pt x="28352" y="45928"/>
                  </a:cubicBezTo>
                  <a:cubicBezTo>
                    <a:pt x="28414" y="46053"/>
                    <a:pt x="28373" y="46221"/>
                    <a:pt x="28373" y="46367"/>
                  </a:cubicBezTo>
                  <a:cubicBezTo>
                    <a:pt x="28435" y="46848"/>
                    <a:pt x="28477" y="47329"/>
                    <a:pt x="28561" y="47811"/>
                  </a:cubicBezTo>
                  <a:cubicBezTo>
                    <a:pt x="28749" y="48731"/>
                    <a:pt x="28958" y="49631"/>
                    <a:pt x="29147" y="50552"/>
                  </a:cubicBezTo>
                  <a:cubicBezTo>
                    <a:pt x="29189" y="50866"/>
                    <a:pt x="29272" y="51200"/>
                    <a:pt x="29251" y="51556"/>
                  </a:cubicBezTo>
                  <a:cubicBezTo>
                    <a:pt x="29189" y="52665"/>
                    <a:pt x="29691" y="53711"/>
                    <a:pt x="29607" y="54841"/>
                  </a:cubicBezTo>
                  <a:cubicBezTo>
                    <a:pt x="29607" y="54904"/>
                    <a:pt x="29649" y="54946"/>
                    <a:pt x="29670" y="55029"/>
                  </a:cubicBezTo>
                  <a:cubicBezTo>
                    <a:pt x="29900" y="55469"/>
                    <a:pt x="29879" y="55971"/>
                    <a:pt x="29795" y="56431"/>
                  </a:cubicBezTo>
                  <a:cubicBezTo>
                    <a:pt x="29712" y="56912"/>
                    <a:pt x="29670" y="57373"/>
                    <a:pt x="29544" y="57854"/>
                  </a:cubicBezTo>
                  <a:cubicBezTo>
                    <a:pt x="29398" y="58377"/>
                    <a:pt x="29481" y="58775"/>
                    <a:pt x="29879" y="59151"/>
                  </a:cubicBezTo>
                  <a:cubicBezTo>
                    <a:pt x="30130" y="59423"/>
                    <a:pt x="30339" y="59674"/>
                    <a:pt x="30632" y="59925"/>
                  </a:cubicBezTo>
                  <a:cubicBezTo>
                    <a:pt x="30821" y="60072"/>
                    <a:pt x="31030" y="60218"/>
                    <a:pt x="31093" y="60449"/>
                  </a:cubicBezTo>
                  <a:cubicBezTo>
                    <a:pt x="31260" y="60783"/>
                    <a:pt x="31511" y="60930"/>
                    <a:pt x="31825" y="60993"/>
                  </a:cubicBezTo>
                  <a:cubicBezTo>
                    <a:pt x="31909" y="60972"/>
                    <a:pt x="31992" y="60972"/>
                    <a:pt x="32013" y="60909"/>
                  </a:cubicBezTo>
                  <a:cubicBezTo>
                    <a:pt x="32871" y="60093"/>
                    <a:pt x="33896" y="59570"/>
                    <a:pt x="35026" y="59214"/>
                  </a:cubicBezTo>
                  <a:cubicBezTo>
                    <a:pt x="35968" y="58900"/>
                    <a:pt x="36888" y="58503"/>
                    <a:pt x="37872" y="58398"/>
                  </a:cubicBezTo>
                  <a:cubicBezTo>
                    <a:pt x="38060" y="58377"/>
                    <a:pt x="38207" y="58314"/>
                    <a:pt x="38395" y="58273"/>
                  </a:cubicBezTo>
                  <a:cubicBezTo>
                    <a:pt x="39441" y="57959"/>
                    <a:pt x="40487" y="57708"/>
                    <a:pt x="41554" y="57582"/>
                  </a:cubicBezTo>
                  <a:cubicBezTo>
                    <a:pt x="43186" y="57394"/>
                    <a:pt x="44777" y="57164"/>
                    <a:pt x="46430" y="57226"/>
                  </a:cubicBezTo>
                  <a:cubicBezTo>
                    <a:pt x="46995" y="57247"/>
                    <a:pt x="47580" y="57226"/>
                    <a:pt x="48145" y="57226"/>
                  </a:cubicBezTo>
                  <a:cubicBezTo>
                    <a:pt x="48313" y="57226"/>
                    <a:pt x="48501" y="57164"/>
                    <a:pt x="48668" y="57122"/>
                  </a:cubicBezTo>
                  <a:cubicBezTo>
                    <a:pt x="48752" y="56599"/>
                    <a:pt x="48752" y="56159"/>
                    <a:pt x="48710" y="55594"/>
                  </a:cubicBezTo>
                  <a:cubicBezTo>
                    <a:pt x="48313" y="55762"/>
                    <a:pt x="48145" y="56034"/>
                    <a:pt x="47978" y="56327"/>
                  </a:cubicBezTo>
                  <a:cubicBezTo>
                    <a:pt x="47811" y="56536"/>
                    <a:pt x="47643" y="56745"/>
                    <a:pt x="47434" y="56912"/>
                  </a:cubicBezTo>
                  <a:cubicBezTo>
                    <a:pt x="47350" y="56954"/>
                    <a:pt x="47141" y="56933"/>
                    <a:pt x="46995" y="56850"/>
                  </a:cubicBezTo>
                  <a:cubicBezTo>
                    <a:pt x="46848" y="56745"/>
                    <a:pt x="46764" y="56557"/>
                    <a:pt x="46848" y="56389"/>
                  </a:cubicBezTo>
                  <a:cubicBezTo>
                    <a:pt x="46911" y="56285"/>
                    <a:pt x="46974" y="56180"/>
                    <a:pt x="47036" y="56076"/>
                  </a:cubicBezTo>
                  <a:cubicBezTo>
                    <a:pt x="47246" y="55762"/>
                    <a:pt x="47434" y="55427"/>
                    <a:pt x="47664" y="55050"/>
                  </a:cubicBezTo>
                  <a:cubicBezTo>
                    <a:pt x="47246" y="55260"/>
                    <a:pt x="46911" y="55427"/>
                    <a:pt x="46555" y="55573"/>
                  </a:cubicBezTo>
                  <a:cubicBezTo>
                    <a:pt x="46367" y="55657"/>
                    <a:pt x="46199" y="55594"/>
                    <a:pt x="46053" y="55469"/>
                  </a:cubicBezTo>
                  <a:cubicBezTo>
                    <a:pt x="45927" y="55343"/>
                    <a:pt x="45927" y="55050"/>
                    <a:pt x="46095" y="54904"/>
                  </a:cubicBezTo>
                  <a:cubicBezTo>
                    <a:pt x="46220" y="54757"/>
                    <a:pt x="46346" y="54653"/>
                    <a:pt x="46513" y="54548"/>
                  </a:cubicBezTo>
                  <a:cubicBezTo>
                    <a:pt x="46995" y="54276"/>
                    <a:pt x="47518" y="54025"/>
                    <a:pt x="48020" y="53753"/>
                  </a:cubicBezTo>
                  <a:cubicBezTo>
                    <a:pt x="48145" y="53690"/>
                    <a:pt x="48250" y="53586"/>
                    <a:pt x="48438" y="53481"/>
                  </a:cubicBezTo>
                  <a:cubicBezTo>
                    <a:pt x="48124" y="53272"/>
                    <a:pt x="47852" y="53355"/>
                    <a:pt x="47601" y="53376"/>
                  </a:cubicBezTo>
                  <a:cubicBezTo>
                    <a:pt x="46513" y="53544"/>
                    <a:pt x="45404" y="53753"/>
                    <a:pt x="44379" y="54171"/>
                  </a:cubicBezTo>
                  <a:cubicBezTo>
                    <a:pt x="44295" y="54213"/>
                    <a:pt x="44128" y="54234"/>
                    <a:pt x="44044" y="54213"/>
                  </a:cubicBezTo>
                  <a:cubicBezTo>
                    <a:pt x="43919" y="54171"/>
                    <a:pt x="43793" y="54067"/>
                    <a:pt x="43730" y="53920"/>
                  </a:cubicBezTo>
                  <a:cubicBezTo>
                    <a:pt x="43710" y="53858"/>
                    <a:pt x="43793" y="53669"/>
                    <a:pt x="43856" y="53648"/>
                  </a:cubicBezTo>
                  <a:cubicBezTo>
                    <a:pt x="44107" y="53481"/>
                    <a:pt x="44337" y="53355"/>
                    <a:pt x="44567" y="53272"/>
                  </a:cubicBezTo>
                  <a:cubicBezTo>
                    <a:pt x="45342" y="53083"/>
                    <a:pt x="46095" y="52937"/>
                    <a:pt x="46848" y="52770"/>
                  </a:cubicBezTo>
                  <a:cubicBezTo>
                    <a:pt x="47120" y="52728"/>
                    <a:pt x="47371" y="52644"/>
                    <a:pt x="47685" y="52560"/>
                  </a:cubicBezTo>
                  <a:cubicBezTo>
                    <a:pt x="47267" y="51912"/>
                    <a:pt x="47287" y="51221"/>
                    <a:pt x="47225" y="50552"/>
                  </a:cubicBezTo>
                  <a:cubicBezTo>
                    <a:pt x="47225" y="50468"/>
                    <a:pt x="47162" y="50363"/>
                    <a:pt x="47162" y="50301"/>
                  </a:cubicBezTo>
                  <a:cubicBezTo>
                    <a:pt x="46764" y="48355"/>
                    <a:pt x="46325" y="46388"/>
                    <a:pt x="45802" y="44484"/>
                  </a:cubicBezTo>
                  <a:cubicBezTo>
                    <a:pt x="45718" y="44191"/>
                    <a:pt x="45614" y="43919"/>
                    <a:pt x="45488" y="43647"/>
                  </a:cubicBezTo>
                  <a:cubicBezTo>
                    <a:pt x="45258" y="43145"/>
                    <a:pt x="45070" y="42663"/>
                    <a:pt x="44944" y="42140"/>
                  </a:cubicBezTo>
                  <a:cubicBezTo>
                    <a:pt x="44818" y="41575"/>
                    <a:pt x="44630" y="41031"/>
                    <a:pt x="44316" y="40508"/>
                  </a:cubicBezTo>
                  <a:cubicBezTo>
                    <a:pt x="43479" y="40780"/>
                    <a:pt x="42684" y="41052"/>
                    <a:pt x="41889" y="41241"/>
                  </a:cubicBezTo>
                  <a:cubicBezTo>
                    <a:pt x="41052" y="41450"/>
                    <a:pt x="40173" y="41638"/>
                    <a:pt x="39316" y="41722"/>
                  </a:cubicBezTo>
                  <a:cubicBezTo>
                    <a:pt x="38541" y="41659"/>
                    <a:pt x="37704" y="41617"/>
                    <a:pt x="36784" y="41617"/>
                  </a:cubicBezTo>
                  <a:close/>
                  <a:moveTo>
                    <a:pt x="28665" y="61034"/>
                  </a:moveTo>
                  <a:cubicBezTo>
                    <a:pt x="28393" y="60721"/>
                    <a:pt x="28142" y="60386"/>
                    <a:pt x="27828" y="60156"/>
                  </a:cubicBezTo>
                  <a:cubicBezTo>
                    <a:pt x="27473" y="59842"/>
                    <a:pt x="27075" y="59570"/>
                    <a:pt x="26845" y="59151"/>
                  </a:cubicBezTo>
                  <a:cubicBezTo>
                    <a:pt x="26720" y="58921"/>
                    <a:pt x="26448" y="58817"/>
                    <a:pt x="26196" y="58712"/>
                  </a:cubicBezTo>
                  <a:cubicBezTo>
                    <a:pt x="25820" y="58586"/>
                    <a:pt x="25485" y="58419"/>
                    <a:pt x="25192" y="58105"/>
                  </a:cubicBezTo>
                  <a:cubicBezTo>
                    <a:pt x="25004" y="57938"/>
                    <a:pt x="24753" y="57833"/>
                    <a:pt x="24523" y="57666"/>
                  </a:cubicBezTo>
                  <a:cubicBezTo>
                    <a:pt x="24313" y="57540"/>
                    <a:pt x="24062" y="57456"/>
                    <a:pt x="23895" y="57310"/>
                  </a:cubicBezTo>
                  <a:cubicBezTo>
                    <a:pt x="23518" y="56933"/>
                    <a:pt x="23100" y="56808"/>
                    <a:pt x="22598" y="56682"/>
                  </a:cubicBezTo>
                  <a:cubicBezTo>
                    <a:pt x="21489" y="56389"/>
                    <a:pt x="20296" y="56159"/>
                    <a:pt x="19229" y="55678"/>
                  </a:cubicBezTo>
                  <a:cubicBezTo>
                    <a:pt x="18999" y="55573"/>
                    <a:pt x="18706" y="55573"/>
                    <a:pt x="18455" y="55573"/>
                  </a:cubicBezTo>
                  <a:lnTo>
                    <a:pt x="13287" y="55573"/>
                  </a:lnTo>
                  <a:cubicBezTo>
                    <a:pt x="13035" y="55573"/>
                    <a:pt x="12743" y="55594"/>
                    <a:pt x="12491" y="55636"/>
                  </a:cubicBezTo>
                  <a:cubicBezTo>
                    <a:pt x="11466" y="55783"/>
                    <a:pt x="10462" y="55992"/>
                    <a:pt x="9458" y="56159"/>
                  </a:cubicBezTo>
                  <a:cubicBezTo>
                    <a:pt x="8035" y="56327"/>
                    <a:pt x="6758" y="56933"/>
                    <a:pt x="5419" y="57456"/>
                  </a:cubicBezTo>
                  <a:cubicBezTo>
                    <a:pt x="5273" y="58168"/>
                    <a:pt x="5001" y="58796"/>
                    <a:pt x="4561" y="59340"/>
                  </a:cubicBezTo>
                  <a:cubicBezTo>
                    <a:pt x="3871" y="60177"/>
                    <a:pt x="3411" y="61181"/>
                    <a:pt x="2825" y="62081"/>
                  </a:cubicBezTo>
                  <a:cubicBezTo>
                    <a:pt x="2406" y="62771"/>
                    <a:pt x="2239" y="63503"/>
                    <a:pt x="1988" y="64340"/>
                  </a:cubicBezTo>
                  <a:cubicBezTo>
                    <a:pt x="2260" y="64257"/>
                    <a:pt x="2490" y="64257"/>
                    <a:pt x="2657" y="64152"/>
                  </a:cubicBezTo>
                  <a:cubicBezTo>
                    <a:pt x="3243" y="63713"/>
                    <a:pt x="3955" y="63545"/>
                    <a:pt x="4666" y="63420"/>
                  </a:cubicBezTo>
                  <a:cubicBezTo>
                    <a:pt x="5064" y="63336"/>
                    <a:pt x="5419" y="63210"/>
                    <a:pt x="5796" y="63106"/>
                  </a:cubicBezTo>
                  <a:cubicBezTo>
                    <a:pt x="6800" y="62792"/>
                    <a:pt x="7805" y="62499"/>
                    <a:pt x="8851" y="62353"/>
                  </a:cubicBezTo>
                  <a:cubicBezTo>
                    <a:pt x="9499" y="62248"/>
                    <a:pt x="10148" y="62122"/>
                    <a:pt x="10818" y="62039"/>
                  </a:cubicBezTo>
                  <a:cubicBezTo>
                    <a:pt x="11864" y="61871"/>
                    <a:pt x="12910" y="61746"/>
                    <a:pt x="13956" y="61746"/>
                  </a:cubicBezTo>
                  <a:cubicBezTo>
                    <a:pt x="15797" y="61767"/>
                    <a:pt x="17681" y="61767"/>
                    <a:pt x="19543" y="61746"/>
                  </a:cubicBezTo>
                  <a:cubicBezTo>
                    <a:pt x="20547" y="61746"/>
                    <a:pt x="21530" y="61809"/>
                    <a:pt x="22493" y="61976"/>
                  </a:cubicBezTo>
                  <a:cubicBezTo>
                    <a:pt x="22744" y="62039"/>
                    <a:pt x="22974" y="62081"/>
                    <a:pt x="23204" y="62122"/>
                  </a:cubicBezTo>
                  <a:cubicBezTo>
                    <a:pt x="25987" y="62562"/>
                    <a:pt x="28728" y="63022"/>
                    <a:pt x="31427" y="63901"/>
                  </a:cubicBezTo>
                  <a:cubicBezTo>
                    <a:pt x="31553" y="63943"/>
                    <a:pt x="31699" y="63922"/>
                    <a:pt x="31867" y="63922"/>
                  </a:cubicBezTo>
                  <a:cubicBezTo>
                    <a:pt x="31365" y="62646"/>
                    <a:pt x="31030" y="61348"/>
                    <a:pt x="29753" y="60658"/>
                  </a:cubicBezTo>
                  <a:cubicBezTo>
                    <a:pt x="29481" y="60930"/>
                    <a:pt x="29126" y="61034"/>
                    <a:pt x="28665" y="61034"/>
                  </a:cubicBezTo>
                  <a:close/>
                  <a:moveTo>
                    <a:pt x="45195" y="40090"/>
                  </a:moveTo>
                  <a:cubicBezTo>
                    <a:pt x="45258" y="40257"/>
                    <a:pt x="45300" y="40404"/>
                    <a:pt x="45362" y="40529"/>
                  </a:cubicBezTo>
                  <a:cubicBezTo>
                    <a:pt x="45572" y="41115"/>
                    <a:pt x="45760" y="41659"/>
                    <a:pt x="45948" y="42245"/>
                  </a:cubicBezTo>
                  <a:cubicBezTo>
                    <a:pt x="46011" y="42391"/>
                    <a:pt x="46053" y="42580"/>
                    <a:pt x="46137" y="42726"/>
                  </a:cubicBezTo>
                  <a:cubicBezTo>
                    <a:pt x="46597" y="43459"/>
                    <a:pt x="46806" y="44275"/>
                    <a:pt x="46995" y="45091"/>
                  </a:cubicBezTo>
                  <a:cubicBezTo>
                    <a:pt x="47371" y="46513"/>
                    <a:pt x="47706" y="47936"/>
                    <a:pt x="48041" y="49380"/>
                  </a:cubicBezTo>
                  <a:cubicBezTo>
                    <a:pt x="48187" y="49945"/>
                    <a:pt x="48229" y="50552"/>
                    <a:pt x="48250" y="51158"/>
                  </a:cubicBezTo>
                  <a:cubicBezTo>
                    <a:pt x="48313" y="51975"/>
                    <a:pt x="48731" y="52623"/>
                    <a:pt x="49547" y="52937"/>
                  </a:cubicBezTo>
                  <a:cubicBezTo>
                    <a:pt x="49694" y="52979"/>
                    <a:pt x="49903" y="53042"/>
                    <a:pt x="50070" y="52958"/>
                  </a:cubicBezTo>
                  <a:cubicBezTo>
                    <a:pt x="50761" y="52707"/>
                    <a:pt x="51472" y="52498"/>
                    <a:pt x="52163" y="52121"/>
                  </a:cubicBezTo>
                  <a:cubicBezTo>
                    <a:pt x="53000" y="51682"/>
                    <a:pt x="53795" y="51138"/>
                    <a:pt x="54611" y="50614"/>
                  </a:cubicBezTo>
                  <a:cubicBezTo>
                    <a:pt x="55887" y="49778"/>
                    <a:pt x="57142" y="48878"/>
                    <a:pt x="58189" y="47748"/>
                  </a:cubicBezTo>
                  <a:cubicBezTo>
                    <a:pt x="59214" y="46660"/>
                    <a:pt x="59067" y="45404"/>
                    <a:pt x="57958" y="44568"/>
                  </a:cubicBezTo>
                  <a:cubicBezTo>
                    <a:pt x="57896" y="44505"/>
                    <a:pt x="57812" y="44463"/>
                    <a:pt x="57749" y="44400"/>
                  </a:cubicBezTo>
                  <a:cubicBezTo>
                    <a:pt x="56368" y="43396"/>
                    <a:pt x="54820" y="42622"/>
                    <a:pt x="53355" y="41743"/>
                  </a:cubicBezTo>
                  <a:cubicBezTo>
                    <a:pt x="53251" y="41680"/>
                    <a:pt x="53146" y="41638"/>
                    <a:pt x="53021" y="41575"/>
                  </a:cubicBezTo>
                  <a:cubicBezTo>
                    <a:pt x="52100" y="41262"/>
                    <a:pt x="51263" y="40801"/>
                    <a:pt x="50426" y="40299"/>
                  </a:cubicBezTo>
                  <a:cubicBezTo>
                    <a:pt x="49861" y="39964"/>
                    <a:pt x="49254" y="39692"/>
                    <a:pt x="48627" y="39462"/>
                  </a:cubicBezTo>
                  <a:cubicBezTo>
                    <a:pt x="48229" y="39337"/>
                    <a:pt x="47873" y="39127"/>
                    <a:pt x="47455" y="38939"/>
                  </a:cubicBezTo>
                  <a:cubicBezTo>
                    <a:pt x="46743" y="39378"/>
                    <a:pt x="45927" y="39630"/>
                    <a:pt x="45195" y="40090"/>
                  </a:cubicBezTo>
                  <a:close/>
                  <a:moveTo>
                    <a:pt x="33750" y="65198"/>
                  </a:moveTo>
                  <a:cubicBezTo>
                    <a:pt x="33896" y="65198"/>
                    <a:pt x="34001" y="65219"/>
                    <a:pt x="34085" y="65198"/>
                  </a:cubicBezTo>
                  <a:cubicBezTo>
                    <a:pt x="34922" y="64968"/>
                    <a:pt x="35759" y="64696"/>
                    <a:pt x="36533" y="64278"/>
                  </a:cubicBezTo>
                  <a:cubicBezTo>
                    <a:pt x="36888" y="64110"/>
                    <a:pt x="37244" y="63964"/>
                    <a:pt x="37621" y="63838"/>
                  </a:cubicBezTo>
                  <a:cubicBezTo>
                    <a:pt x="39316" y="63231"/>
                    <a:pt x="41094" y="62897"/>
                    <a:pt x="42893" y="62687"/>
                  </a:cubicBezTo>
                  <a:cubicBezTo>
                    <a:pt x="43835" y="62583"/>
                    <a:pt x="44839" y="62562"/>
                    <a:pt x="45781" y="62583"/>
                  </a:cubicBezTo>
                  <a:cubicBezTo>
                    <a:pt x="47392" y="62583"/>
                    <a:pt x="49024" y="62478"/>
                    <a:pt x="50635" y="62687"/>
                  </a:cubicBezTo>
                  <a:cubicBezTo>
                    <a:pt x="51221" y="62771"/>
                    <a:pt x="51765" y="62813"/>
                    <a:pt x="52351" y="62897"/>
                  </a:cubicBezTo>
                  <a:cubicBezTo>
                    <a:pt x="54297" y="63106"/>
                    <a:pt x="56222" y="63441"/>
                    <a:pt x="58042" y="64173"/>
                  </a:cubicBezTo>
                  <a:cubicBezTo>
                    <a:pt x="58314" y="64278"/>
                    <a:pt x="58586" y="64361"/>
                    <a:pt x="58942" y="64466"/>
                  </a:cubicBezTo>
                  <a:cubicBezTo>
                    <a:pt x="58942" y="64319"/>
                    <a:pt x="58942" y="64215"/>
                    <a:pt x="58900" y="64152"/>
                  </a:cubicBezTo>
                  <a:cubicBezTo>
                    <a:pt x="58649" y="63713"/>
                    <a:pt x="58377" y="63273"/>
                    <a:pt x="58105" y="62855"/>
                  </a:cubicBezTo>
                  <a:cubicBezTo>
                    <a:pt x="57603" y="62081"/>
                    <a:pt x="57059" y="61390"/>
                    <a:pt x="56578" y="60595"/>
                  </a:cubicBezTo>
                  <a:cubicBezTo>
                    <a:pt x="56368" y="60260"/>
                    <a:pt x="56138" y="60051"/>
                    <a:pt x="55803" y="59925"/>
                  </a:cubicBezTo>
                  <a:cubicBezTo>
                    <a:pt x="54862" y="59549"/>
                    <a:pt x="53899" y="59130"/>
                    <a:pt x="52937" y="58796"/>
                  </a:cubicBezTo>
                  <a:cubicBezTo>
                    <a:pt x="51681" y="58356"/>
                    <a:pt x="50384" y="58084"/>
                    <a:pt x="49045" y="58063"/>
                  </a:cubicBezTo>
                  <a:cubicBezTo>
                    <a:pt x="47057" y="58042"/>
                    <a:pt x="45070" y="57938"/>
                    <a:pt x="43082" y="58210"/>
                  </a:cubicBezTo>
                  <a:cubicBezTo>
                    <a:pt x="41701" y="58419"/>
                    <a:pt x="40257" y="58503"/>
                    <a:pt x="38897" y="58942"/>
                  </a:cubicBezTo>
                  <a:cubicBezTo>
                    <a:pt x="38541" y="59089"/>
                    <a:pt x="38144" y="59151"/>
                    <a:pt x="37746" y="59214"/>
                  </a:cubicBezTo>
                  <a:cubicBezTo>
                    <a:pt x="37014" y="59298"/>
                    <a:pt x="36344" y="59528"/>
                    <a:pt x="35675" y="59821"/>
                  </a:cubicBezTo>
                  <a:cubicBezTo>
                    <a:pt x="35319" y="59967"/>
                    <a:pt x="34943" y="60135"/>
                    <a:pt x="34587" y="60239"/>
                  </a:cubicBezTo>
                  <a:cubicBezTo>
                    <a:pt x="33938" y="60407"/>
                    <a:pt x="33415" y="60825"/>
                    <a:pt x="32850" y="61181"/>
                  </a:cubicBezTo>
                  <a:cubicBezTo>
                    <a:pt x="32494" y="61411"/>
                    <a:pt x="32327" y="61746"/>
                    <a:pt x="32390" y="62164"/>
                  </a:cubicBezTo>
                  <a:cubicBezTo>
                    <a:pt x="32432" y="62541"/>
                    <a:pt x="32515" y="62876"/>
                    <a:pt x="32641" y="63210"/>
                  </a:cubicBezTo>
                  <a:cubicBezTo>
                    <a:pt x="32829" y="63650"/>
                    <a:pt x="33038" y="64110"/>
                    <a:pt x="33248" y="64529"/>
                  </a:cubicBezTo>
                  <a:cubicBezTo>
                    <a:pt x="33394" y="64738"/>
                    <a:pt x="33582" y="64968"/>
                    <a:pt x="33750" y="65198"/>
                  </a:cubicBezTo>
                  <a:close/>
                  <a:moveTo>
                    <a:pt x="15484" y="49945"/>
                  </a:moveTo>
                  <a:cubicBezTo>
                    <a:pt x="15546" y="49798"/>
                    <a:pt x="15630" y="49610"/>
                    <a:pt x="15672" y="49464"/>
                  </a:cubicBezTo>
                  <a:cubicBezTo>
                    <a:pt x="15839" y="48836"/>
                    <a:pt x="15986" y="48166"/>
                    <a:pt x="16153" y="47539"/>
                  </a:cubicBezTo>
                  <a:cubicBezTo>
                    <a:pt x="16362" y="46785"/>
                    <a:pt x="16697" y="46074"/>
                    <a:pt x="17116" y="45425"/>
                  </a:cubicBezTo>
                  <a:cubicBezTo>
                    <a:pt x="17534" y="44714"/>
                    <a:pt x="17932" y="44024"/>
                    <a:pt x="18141" y="43228"/>
                  </a:cubicBezTo>
                  <a:cubicBezTo>
                    <a:pt x="18204" y="42915"/>
                    <a:pt x="18371" y="42601"/>
                    <a:pt x="18559" y="42350"/>
                  </a:cubicBezTo>
                  <a:cubicBezTo>
                    <a:pt x="20024" y="40257"/>
                    <a:pt x="21133" y="37914"/>
                    <a:pt x="22598" y="35821"/>
                  </a:cubicBezTo>
                  <a:cubicBezTo>
                    <a:pt x="22786" y="35570"/>
                    <a:pt x="22932" y="35277"/>
                    <a:pt x="22932" y="34859"/>
                  </a:cubicBezTo>
                  <a:cubicBezTo>
                    <a:pt x="22619" y="34964"/>
                    <a:pt x="22388" y="35047"/>
                    <a:pt x="22158" y="35152"/>
                  </a:cubicBezTo>
                  <a:cubicBezTo>
                    <a:pt x="20233" y="36031"/>
                    <a:pt x="18434" y="37223"/>
                    <a:pt x="16634" y="38374"/>
                  </a:cubicBezTo>
                  <a:cubicBezTo>
                    <a:pt x="16593" y="38395"/>
                    <a:pt x="16530" y="38437"/>
                    <a:pt x="16509" y="38479"/>
                  </a:cubicBezTo>
                  <a:cubicBezTo>
                    <a:pt x="15588" y="39169"/>
                    <a:pt x="14730" y="39902"/>
                    <a:pt x="13789" y="40571"/>
                  </a:cubicBezTo>
                  <a:cubicBezTo>
                    <a:pt x="12868" y="41220"/>
                    <a:pt x="12094" y="41994"/>
                    <a:pt x="11424" y="42894"/>
                  </a:cubicBezTo>
                  <a:cubicBezTo>
                    <a:pt x="10839" y="43731"/>
                    <a:pt x="10629" y="44484"/>
                    <a:pt x="11299" y="45446"/>
                  </a:cubicBezTo>
                  <a:cubicBezTo>
                    <a:pt x="11885" y="46262"/>
                    <a:pt x="12408" y="47099"/>
                    <a:pt x="12973" y="47915"/>
                  </a:cubicBezTo>
                  <a:cubicBezTo>
                    <a:pt x="13496" y="48648"/>
                    <a:pt x="14521" y="49464"/>
                    <a:pt x="15484" y="49945"/>
                  </a:cubicBezTo>
                  <a:close/>
                  <a:moveTo>
                    <a:pt x="23686" y="44275"/>
                  </a:moveTo>
                  <a:cubicBezTo>
                    <a:pt x="24041" y="46137"/>
                    <a:pt x="24418" y="47957"/>
                    <a:pt x="25087" y="49736"/>
                  </a:cubicBezTo>
                  <a:cubicBezTo>
                    <a:pt x="25276" y="49715"/>
                    <a:pt x="25464" y="49652"/>
                    <a:pt x="25611" y="49631"/>
                  </a:cubicBezTo>
                  <a:cubicBezTo>
                    <a:pt x="25799" y="49610"/>
                    <a:pt x="26008" y="49694"/>
                    <a:pt x="26029" y="49903"/>
                  </a:cubicBezTo>
                  <a:cubicBezTo>
                    <a:pt x="26050" y="50029"/>
                    <a:pt x="26008" y="50217"/>
                    <a:pt x="25904" y="50301"/>
                  </a:cubicBezTo>
                  <a:cubicBezTo>
                    <a:pt x="25694" y="50510"/>
                    <a:pt x="25464" y="50677"/>
                    <a:pt x="25213" y="50866"/>
                  </a:cubicBezTo>
                  <a:cubicBezTo>
                    <a:pt x="25318" y="51619"/>
                    <a:pt x="25360" y="52330"/>
                    <a:pt x="25611" y="53021"/>
                  </a:cubicBezTo>
                  <a:cubicBezTo>
                    <a:pt x="26029" y="54171"/>
                    <a:pt x="26301" y="55343"/>
                    <a:pt x="26322" y="56599"/>
                  </a:cubicBezTo>
                  <a:cubicBezTo>
                    <a:pt x="26992" y="56431"/>
                    <a:pt x="27598" y="56180"/>
                    <a:pt x="28289" y="56117"/>
                  </a:cubicBezTo>
                  <a:cubicBezTo>
                    <a:pt x="28456" y="56117"/>
                    <a:pt x="28645" y="55950"/>
                    <a:pt x="28854" y="55804"/>
                  </a:cubicBezTo>
                  <a:cubicBezTo>
                    <a:pt x="28770" y="55448"/>
                    <a:pt x="28624" y="55071"/>
                    <a:pt x="28624" y="54736"/>
                  </a:cubicBezTo>
                  <a:cubicBezTo>
                    <a:pt x="28624" y="53983"/>
                    <a:pt x="28561" y="53251"/>
                    <a:pt x="28393" y="52519"/>
                  </a:cubicBezTo>
                  <a:cubicBezTo>
                    <a:pt x="28352" y="52372"/>
                    <a:pt x="28352" y="52226"/>
                    <a:pt x="28352" y="52058"/>
                  </a:cubicBezTo>
                  <a:cubicBezTo>
                    <a:pt x="28414" y="51326"/>
                    <a:pt x="28247" y="50635"/>
                    <a:pt x="28121" y="49924"/>
                  </a:cubicBezTo>
                  <a:cubicBezTo>
                    <a:pt x="27912" y="48689"/>
                    <a:pt x="27515" y="47476"/>
                    <a:pt x="27598" y="46179"/>
                  </a:cubicBezTo>
                  <a:cubicBezTo>
                    <a:pt x="27598" y="45990"/>
                    <a:pt x="27556" y="45823"/>
                    <a:pt x="27494" y="45656"/>
                  </a:cubicBezTo>
                  <a:cubicBezTo>
                    <a:pt x="27347" y="45258"/>
                    <a:pt x="27347" y="44840"/>
                    <a:pt x="27347" y="44400"/>
                  </a:cubicBezTo>
                  <a:lnTo>
                    <a:pt x="27347" y="43584"/>
                  </a:lnTo>
                  <a:cubicBezTo>
                    <a:pt x="27305" y="43208"/>
                    <a:pt x="27180" y="43061"/>
                    <a:pt x="26761" y="43061"/>
                  </a:cubicBezTo>
                  <a:cubicBezTo>
                    <a:pt x="26510" y="43061"/>
                    <a:pt x="26238" y="43124"/>
                    <a:pt x="25987" y="43166"/>
                  </a:cubicBezTo>
                  <a:cubicBezTo>
                    <a:pt x="25820" y="43208"/>
                    <a:pt x="25694" y="43270"/>
                    <a:pt x="25569" y="43312"/>
                  </a:cubicBezTo>
                  <a:cubicBezTo>
                    <a:pt x="24836" y="43375"/>
                    <a:pt x="24271" y="43710"/>
                    <a:pt x="23686" y="44275"/>
                  </a:cubicBezTo>
                  <a:close/>
                  <a:moveTo>
                    <a:pt x="25067" y="54276"/>
                  </a:moveTo>
                  <a:cubicBezTo>
                    <a:pt x="24313" y="54485"/>
                    <a:pt x="23853" y="54485"/>
                    <a:pt x="23309" y="54171"/>
                  </a:cubicBezTo>
                  <a:cubicBezTo>
                    <a:pt x="22702" y="53816"/>
                    <a:pt x="22137" y="53439"/>
                    <a:pt x="21572" y="53042"/>
                  </a:cubicBezTo>
                  <a:cubicBezTo>
                    <a:pt x="21321" y="52853"/>
                    <a:pt x="21049" y="52770"/>
                    <a:pt x="20735" y="52832"/>
                  </a:cubicBezTo>
                  <a:cubicBezTo>
                    <a:pt x="20484" y="52874"/>
                    <a:pt x="20191" y="52916"/>
                    <a:pt x="19940" y="52853"/>
                  </a:cubicBezTo>
                  <a:cubicBezTo>
                    <a:pt x="18810" y="52623"/>
                    <a:pt x="17681" y="52456"/>
                    <a:pt x="16634" y="51995"/>
                  </a:cubicBezTo>
                  <a:cubicBezTo>
                    <a:pt x="16446" y="51912"/>
                    <a:pt x="16237" y="51891"/>
                    <a:pt x="16090" y="51828"/>
                  </a:cubicBezTo>
                  <a:cubicBezTo>
                    <a:pt x="15651" y="52309"/>
                    <a:pt x="15881" y="52937"/>
                    <a:pt x="15504" y="53376"/>
                  </a:cubicBezTo>
                  <a:lnTo>
                    <a:pt x="15504" y="54653"/>
                  </a:lnTo>
                  <a:cubicBezTo>
                    <a:pt x="15714" y="54695"/>
                    <a:pt x="15902" y="54715"/>
                    <a:pt x="16111" y="54715"/>
                  </a:cubicBezTo>
                  <a:lnTo>
                    <a:pt x="18643" y="54715"/>
                  </a:lnTo>
                  <a:cubicBezTo>
                    <a:pt x="18936" y="54715"/>
                    <a:pt x="19250" y="54736"/>
                    <a:pt x="19543" y="54841"/>
                  </a:cubicBezTo>
                  <a:cubicBezTo>
                    <a:pt x="20694" y="55301"/>
                    <a:pt x="21886" y="55573"/>
                    <a:pt x="23100" y="55866"/>
                  </a:cubicBezTo>
                  <a:cubicBezTo>
                    <a:pt x="23602" y="55992"/>
                    <a:pt x="24062" y="56117"/>
                    <a:pt x="24439" y="56536"/>
                  </a:cubicBezTo>
                  <a:cubicBezTo>
                    <a:pt x="24774" y="56912"/>
                    <a:pt x="25025" y="56954"/>
                    <a:pt x="25548" y="56975"/>
                  </a:cubicBezTo>
                  <a:cubicBezTo>
                    <a:pt x="25485" y="56306"/>
                    <a:pt x="25297" y="55657"/>
                    <a:pt x="25234" y="54967"/>
                  </a:cubicBezTo>
                  <a:cubicBezTo>
                    <a:pt x="25192" y="54715"/>
                    <a:pt x="25108" y="54506"/>
                    <a:pt x="25067" y="54276"/>
                  </a:cubicBezTo>
                  <a:close/>
                  <a:moveTo>
                    <a:pt x="20714" y="22953"/>
                  </a:moveTo>
                  <a:cubicBezTo>
                    <a:pt x="20777" y="22640"/>
                    <a:pt x="20798" y="22409"/>
                    <a:pt x="20840" y="22158"/>
                  </a:cubicBezTo>
                  <a:cubicBezTo>
                    <a:pt x="20924" y="21886"/>
                    <a:pt x="21007" y="21635"/>
                    <a:pt x="21112" y="21384"/>
                  </a:cubicBezTo>
                  <a:cubicBezTo>
                    <a:pt x="21468" y="20589"/>
                    <a:pt x="21510" y="19710"/>
                    <a:pt x="21447" y="18852"/>
                  </a:cubicBezTo>
                  <a:cubicBezTo>
                    <a:pt x="21405" y="18246"/>
                    <a:pt x="21007" y="17869"/>
                    <a:pt x="20401" y="17869"/>
                  </a:cubicBezTo>
                  <a:cubicBezTo>
                    <a:pt x="20170" y="17869"/>
                    <a:pt x="19940" y="17869"/>
                    <a:pt x="19689" y="17890"/>
                  </a:cubicBezTo>
                  <a:cubicBezTo>
                    <a:pt x="19438" y="17911"/>
                    <a:pt x="19208" y="18078"/>
                    <a:pt x="19208" y="18308"/>
                  </a:cubicBezTo>
                  <a:cubicBezTo>
                    <a:pt x="19166" y="19166"/>
                    <a:pt x="19020" y="20066"/>
                    <a:pt x="19438" y="20861"/>
                  </a:cubicBezTo>
                  <a:cubicBezTo>
                    <a:pt x="19752" y="21489"/>
                    <a:pt x="20150" y="22117"/>
                    <a:pt x="20505" y="22723"/>
                  </a:cubicBezTo>
                  <a:cubicBezTo>
                    <a:pt x="20568" y="22786"/>
                    <a:pt x="20610" y="22828"/>
                    <a:pt x="20714" y="22953"/>
                  </a:cubicBezTo>
                  <a:close/>
                  <a:moveTo>
                    <a:pt x="54088" y="33771"/>
                  </a:moveTo>
                  <a:cubicBezTo>
                    <a:pt x="54485" y="33792"/>
                    <a:pt x="54778" y="33792"/>
                    <a:pt x="55071" y="33792"/>
                  </a:cubicBezTo>
                  <a:cubicBezTo>
                    <a:pt x="56368" y="33792"/>
                    <a:pt x="57331" y="33080"/>
                    <a:pt x="58147" y="32160"/>
                  </a:cubicBezTo>
                  <a:cubicBezTo>
                    <a:pt x="58544" y="31720"/>
                    <a:pt x="58210" y="30884"/>
                    <a:pt x="57624" y="30863"/>
                  </a:cubicBezTo>
                  <a:cubicBezTo>
                    <a:pt x="56954" y="30842"/>
                    <a:pt x="56243" y="30758"/>
                    <a:pt x="55510" y="30863"/>
                  </a:cubicBezTo>
                  <a:cubicBezTo>
                    <a:pt x="55071" y="31804"/>
                    <a:pt x="54611" y="32746"/>
                    <a:pt x="54088" y="33771"/>
                  </a:cubicBezTo>
                  <a:close/>
                  <a:moveTo>
                    <a:pt x="35738" y="41555"/>
                  </a:moveTo>
                  <a:cubicBezTo>
                    <a:pt x="34482" y="41324"/>
                    <a:pt x="33310" y="41073"/>
                    <a:pt x="32160" y="40864"/>
                  </a:cubicBezTo>
                  <a:cubicBezTo>
                    <a:pt x="32097" y="41596"/>
                    <a:pt x="32432" y="41994"/>
                    <a:pt x="33059" y="42182"/>
                  </a:cubicBezTo>
                  <a:cubicBezTo>
                    <a:pt x="33206" y="42224"/>
                    <a:pt x="33352" y="42224"/>
                    <a:pt x="33520" y="42224"/>
                  </a:cubicBezTo>
                  <a:lnTo>
                    <a:pt x="34817" y="42224"/>
                  </a:lnTo>
                  <a:cubicBezTo>
                    <a:pt x="35110" y="41994"/>
                    <a:pt x="35361" y="41806"/>
                    <a:pt x="35738" y="41555"/>
                  </a:cubicBezTo>
                  <a:close/>
                  <a:moveTo>
                    <a:pt x="26887" y="57833"/>
                  </a:moveTo>
                  <a:cubicBezTo>
                    <a:pt x="27222" y="58482"/>
                    <a:pt x="27724" y="58984"/>
                    <a:pt x="28310" y="59402"/>
                  </a:cubicBezTo>
                  <a:cubicBezTo>
                    <a:pt x="28540" y="59256"/>
                    <a:pt x="28728" y="59130"/>
                    <a:pt x="28896" y="59005"/>
                  </a:cubicBezTo>
                  <a:lnTo>
                    <a:pt x="28896" y="57143"/>
                  </a:lnTo>
                  <a:cubicBezTo>
                    <a:pt x="28226" y="57268"/>
                    <a:pt x="27556" y="57268"/>
                    <a:pt x="26887" y="57833"/>
                  </a:cubicBezTo>
                  <a:close/>
                  <a:moveTo>
                    <a:pt x="22472" y="52707"/>
                  </a:moveTo>
                  <a:cubicBezTo>
                    <a:pt x="22974" y="52979"/>
                    <a:pt x="23435" y="53251"/>
                    <a:pt x="23937" y="53544"/>
                  </a:cubicBezTo>
                  <a:cubicBezTo>
                    <a:pt x="24041" y="53586"/>
                    <a:pt x="24167" y="53607"/>
                    <a:pt x="24271" y="53607"/>
                  </a:cubicBezTo>
                  <a:cubicBezTo>
                    <a:pt x="24460" y="53648"/>
                    <a:pt x="24690" y="53376"/>
                    <a:pt x="24690" y="53188"/>
                  </a:cubicBezTo>
                  <a:cubicBezTo>
                    <a:pt x="24669" y="52979"/>
                    <a:pt x="24564" y="52853"/>
                    <a:pt x="24355" y="52853"/>
                  </a:cubicBezTo>
                  <a:cubicBezTo>
                    <a:pt x="23853" y="52874"/>
                    <a:pt x="23435" y="52623"/>
                    <a:pt x="22974" y="52456"/>
                  </a:cubicBezTo>
                  <a:cubicBezTo>
                    <a:pt x="22765" y="52414"/>
                    <a:pt x="22639" y="52456"/>
                    <a:pt x="22472" y="52707"/>
                  </a:cubicBezTo>
                  <a:close/>
                  <a:moveTo>
                    <a:pt x="23497" y="51723"/>
                  </a:moveTo>
                  <a:cubicBezTo>
                    <a:pt x="23832" y="51912"/>
                    <a:pt x="24083" y="52142"/>
                    <a:pt x="24460" y="51891"/>
                  </a:cubicBezTo>
                  <a:cubicBezTo>
                    <a:pt x="24418" y="51682"/>
                    <a:pt x="24376" y="51451"/>
                    <a:pt x="24334" y="51242"/>
                  </a:cubicBezTo>
                  <a:cubicBezTo>
                    <a:pt x="23937" y="51263"/>
                    <a:pt x="23707" y="51389"/>
                    <a:pt x="23497" y="51723"/>
                  </a:cubicBezTo>
                  <a:close/>
                  <a:moveTo>
                    <a:pt x="12596" y="62792"/>
                  </a:moveTo>
                  <a:lnTo>
                    <a:pt x="12596" y="62750"/>
                  </a:lnTo>
                  <a:lnTo>
                    <a:pt x="12199" y="62750"/>
                  </a:lnTo>
                  <a:lnTo>
                    <a:pt x="12199" y="62792"/>
                  </a:ln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9" name="Google Shape;380;p37">
              <a:extLst>
                <a:ext uri="{FF2B5EF4-FFF2-40B4-BE49-F238E27FC236}">
                  <a16:creationId xmlns:a16="http://schemas.microsoft.com/office/drawing/2014/main" id="{CF1CC6E2-1B7C-C2D1-9E2F-6930AD84BEAB}"/>
                </a:ext>
              </a:extLst>
            </p:cNvPr>
            <p:cNvSpPr/>
            <p:nvPr/>
          </p:nvSpPr>
          <p:spPr>
            <a:xfrm>
              <a:off x="-1599125" y="1614225"/>
              <a:ext cx="429475" cy="219725"/>
            </a:xfrm>
            <a:custGeom>
              <a:avLst/>
              <a:gdLst/>
              <a:ahLst/>
              <a:cxnLst/>
              <a:rect l="l" t="t" r="r" b="b"/>
              <a:pathLst>
                <a:path w="17179" h="8789" extrusionOk="0">
                  <a:moveTo>
                    <a:pt x="16970" y="5482"/>
                  </a:moveTo>
                  <a:cubicBezTo>
                    <a:pt x="17179" y="5671"/>
                    <a:pt x="17158" y="5859"/>
                    <a:pt x="17012" y="5985"/>
                  </a:cubicBezTo>
                  <a:cubicBezTo>
                    <a:pt x="16740" y="6299"/>
                    <a:pt x="16447" y="6591"/>
                    <a:pt x="16237" y="6947"/>
                  </a:cubicBezTo>
                  <a:cubicBezTo>
                    <a:pt x="16237" y="6989"/>
                    <a:pt x="16216" y="7010"/>
                    <a:pt x="16175" y="7010"/>
                  </a:cubicBezTo>
                  <a:cubicBezTo>
                    <a:pt x="15170" y="7575"/>
                    <a:pt x="14291" y="8412"/>
                    <a:pt x="13120" y="8705"/>
                  </a:cubicBezTo>
                  <a:cubicBezTo>
                    <a:pt x="12911" y="8747"/>
                    <a:pt x="12701" y="8788"/>
                    <a:pt x="12492" y="8788"/>
                  </a:cubicBezTo>
                  <a:lnTo>
                    <a:pt x="7701" y="8788"/>
                  </a:lnTo>
                  <a:cubicBezTo>
                    <a:pt x="7449" y="8788"/>
                    <a:pt x="7157" y="8747"/>
                    <a:pt x="6885" y="8684"/>
                  </a:cubicBezTo>
                  <a:cubicBezTo>
                    <a:pt x="6529" y="8579"/>
                    <a:pt x="6131" y="8516"/>
                    <a:pt x="5755" y="8495"/>
                  </a:cubicBezTo>
                  <a:cubicBezTo>
                    <a:pt x="5399" y="8475"/>
                    <a:pt x="5043" y="8349"/>
                    <a:pt x="4708" y="8203"/>
                  </a:cubicBezTo>
                  <a:cubicBezTo>
                    <a:pt x="4353" y="8077"/>
                    <a:pt x="4039" y="7889"/>
                    <a:pt x="3725" y="7742"/>
                  </a:cubicBezTo>
                  <a:cubicBezTo>
                    <a:pt x="3160" y="7470"/>
                    <a:pt x="2763" y="7115"/>
                    <a:pt x="2365" y="6591"/>
                  </a:cubicBezTo>
                  <a:cubicBezTo>
                    <a:pt x="1905" y="5964"/>
                    <a:pt x="1403" y="5357"/>
                    <a:pt x="984" y="4708"/>
                  </a:cubicBezTo>
                  <a:cubicBezTo>
                    <a:pt x="231" y="3558"/>
                    <a:pt x="1" y="2281"/>
                    <a:pt x="126" y="921"/>
                  </a:cubicBezTo>
                  <a:cubicBezTo>
                    <a:pt x="147" y="565"/>
                    <a:pt x="356" y="314"/>
                    <a:pt x="566" y="42"/>
                  </a:cubicBezTo>
                  <a:cubicBezTo>
                    <a:pt x="628" y="1"/>
                    <a:pt x="754" y="1"/>
                    <a:pt x="796" y="1"/>
                  </a:cubicBezTo>
                  <a:cubicBezTo>
                    <a:pt x="879" y="21"/>
                    <a:pt x="963" y="105"/>
                    <a:pt x="984" y="189"/>
                  </a:cubicBezTo>
                  <a:cubicBezTo>
                    <a:pt x="1005" y="293"/>
                    <a:pt x="1005" y="419"/>
                    <a:pt x="984" y="524"/>
                  </a:cubicBezTo>
                  <a:cubicBezTo>
                    <a:pt x="545" y="1779"/>
                    <a:pt x="963" y="2909"/>
                    <a:pt x="1507" y="3976"/>
                  </a:cubicBezTo>
                  <a:cubicBezTo>
                    <a:pt x="2009" y="4918"/>
                    <a:pt x="2784" y="5650"/>
                    <a:pt x="3411" y="6487"/>
                  </a:cubicBezTo>
                  <a:cubicBezTo>
                    <a:pt x="3495" y="6571"/>
                    <a:pt x="3600" y="6633"/>
                    <a:pt x="3704" y="6696"/>
                  </a:cubicBezTo>
                  <a:cubicBezTo>
                    <a:pt x="4206" y="6926"/>
                    <a:pt x="4667" y="7156"/>
                    <a:pt x="5169" y="7366"/>
                  </a:cubicBezTo>
                  <a:cubicBezTo>
                    <a:pt x="5273" y="7428"/>
                    <a:pt x="5399" y="7470"/>
                    <a:pt x="5504" y="7470"/>
                  </a:cubicBezTo>
                  <a:cubicBezTo>
                    <a:pt x="6320" y="7575"/>
                    <a:pt x="7115" y="7742"/>
                    <a:pt x="7910" y="7763"/>
                  </a:cubicBezTo>
                  <a:cubicBezTo>
                    <a:pt x="9333" y="7826"/>
                    <a:pt x="10734" y="7763"/>
                    <a:pt x="12157" y="7763"/>
                  </a:cubicBezTo>
                  <a:cubicBezTo>
                    <a:pt x="12973" y="7763"/>
                    <a:pt x="13664" y="7470"/>
                    <a:pt x="14291" y="6989"/>
                  </a:cubicBezTo>
                  <a:cubicBezTo>
                    <a:pt x="14480" y="6822"/>
                    <a:pt x="14689" y="6696"/>
                    <a:pt x="14898" y="6591"/>
                  </a:cubicBezTo>
                  <a:cubicBezTo>
                    <a:pt x="15233" y="6403"/>
                    <a:pt x="15589" y="6257"/>
                    <a:pt x="15819" y="5901"/>
                  </a:cubicBezTo>
                  <a:cubicBezTo>
                    <a:pt x="16133" y="5629"/>
                    <a:pt x="16593" y="5566"/>
                    <a:pt x="16970" y="5482"/>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0" name="Google Shape;381;p37">
              <a:extLst>
                <a:ext uri="{FF2B5EF4-FFF2-40B4-BE49-F238E27FC236}">
                  <a16:creationId xmlns:a16="http://schemas.microsoft.com/office/drawing/2014/main" id="{346B982A-2505-2FEC-5DFF-0D82D752424D}"/>
                </a:ext>
              </a:extLst>
            </p:cNvPr>
            <p:cNvSpPr/>
            <p:nvPr/>
          </p:nvSpPr>
          <p:spPr>
            <a:xfrm>
              <a:off x="-1261200" y="1599050"/>
              <a:ext cx="39250" cy="46575"/>
            </a:xfrm>
            <a:custGeom>
              <a:avLst/>
              <a:gdLst/>
              <a:ahLst/>
              <a:cxnLst/>
              <a:rect l="l" t="t" r="r" b="b"/>
              <a:pathLst>
                <a:path w="1570" h="1863" extrusionOk="0">
                  <a:moveTo>
                    <a:pt x="1570" y="817"/>
                  </a:moveTo>
                  <a:cubicBezTo>
                    <a:pt x="1570" y="1361"/>
                    <a:pt x="1235" y="1758"/>
                    <a:pt x="774" y="1842"/>
                  </a:cubicBezTo>
                  <a:cubicBezTo>
                    <a:pt x="523" y="1863"/>
                    <a:pt x="314" y="1800"/>
                    <a:pt x="147" y="1570"/>
                  </a:cubicBezTo>
                  <a:cubicBezTo>
                    <a:pt x="21" y="1382"/>
                    <a:pt x="0" y="1152"/>
                    <a:pt x="105" y="963"/>
                  </a:cubicBezTo>
                  <a:cubicBezTo>
                    <a:pt x="293" y="712"/>
                    <a:pt x="502" y="440"/>
                    <a:pt x="754" y="231"/>
                  </a:cubicBezTo>
                  <a:cubicBezTo>
                    <a:pt x="1046" y="1"/>
                    <a:pt x="1402" y="147"/>
                    <a:pt x="1507" y="524"/>
                  </a:cubicBezTo>
                  <a:cubicBezTo>
                    <a:pt x="1549" y="628"/>
                    <a:pt x="1549" y="733"/>
                    <a:pt x="1570" y="817"/>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1" name="Google Shape;382;p37">
              <a:extLst>
                <a:ext uri="{FF2B5EF4-FFF2-40B4-BE49-F238E27FC236}">
                  <a16:creationId xmlns:a16="http://schemas.microsoft.com/office/drawing/2014/main" id="{FE17B33A-F58F-4D9E-C9E8-6CD958AF7D4A}"/>
                </a:ext>
              </a:extLst>
            </p:cNvPr>
            <p:cNvSpPr/>
            <p:nvPr/>
          </p:nvSpPr>
          <p:spPr>
            <a:xfrm>
              <a:off x="-1527450" y="1533150"/>
              <a:ext cx="41350" cy="38725"/>
            </a:xfrm>
            <a:custGeom>
              <a:avLst/>
              <a:gdLst/>
              <a:ahLst/>
              <a:cxnLst/>
              <a:rect l="l" t="t" r="r" b="b"/>
              <a:pathLst>
                <a:path w="1654" h="1549" extrusionOk="0">
                  <a:moveTo>
                    <a:pt x="649" y="21"/>
                  </a:moveTo>
                  <a:cubicBezTo>
                    <a:pt x="1151" y="0"/>
                    <a:pt x="1402" y="84"/>
                    <a:pt x="1507" y="356"/>
                  </a:cubicBezTo>
                  <a:cubicBezTo>
                    <a:pt x="1611" y="649"/>
                    <a:pt x="1653" y="963"/>
                    <a:pt x="1465" y="1235"/>
                  </a:cubicBezTo>
                  <a:cubicBezTo>
                    <a:pt x="1381" y="1339"/>
                    <a:pt x="1235" y="1402"/>
                    <a:pt x="1088" y="1444"/>
                  </a:cubicBezTo>
                  <a:cubicBezTo>
                    <a:pt x="461" y="1549"/>
                    <a:pt x="0" y="1130"/>
                    <a:pt x="0" y="461"/>
                  </a:cubicBezTo>
                  <a:cubicBezTo>
                    <a:pt x="0" y="356"/>
                    <a:pt x="126" y="189"/>
                    <a:pt x="230" y="126"/>
                  </a:cubicBezTo>
                  <a:cubicBezTo>
                    <a:pt x="440" y="21"/>
                    <a:pt x="649" y="21"/>
                    <a:pt x="649" y="21"/>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2" name="Google Shape;383;p37">
              <a:extLst>
                <a:ext uri="{FF2B5EF4-FFF2-40B4-BE49-F238E27FC236}">
                  <a16:creationId xmlns:a16="http://schemas.microsoft.com/office/drawing/2014/main" id="{78F56BE3-A348-F92F-BFD9-A39924A9E458}"/>
                </a:ext>
              </a:extLst>
            </p:cNvPr>
            <p:cNvSpPr/>
            <p:nvPr/>
          </p:nvSpPr>
          <p:spPr>
            <a:xfrm flipH="1">
              <a:off x="-590075" y="1442125"/>
              <a:ext cx="257900" cy="310750"/>
            </a:xfrm>
            <a:custGeom>
              <a:avLst/>
              <a:gdLst/>
              <a:ahLst/>
              <a:cxnLst/>
              <a:rect l="l" t="t" r="r" b="b"/>
              <a:pathLst>
                <a:path w="10316" h="12430" extrusionOk="0">
                  <a:moveTo>
                    <a:pt x="4624" y="168"/>
                  </a:moveTo>
                  <a:cubicBezTo>
                    <a:pt x="3934" y="1110"/>
                    <a:pt x="3453" y="2114"/>
                    <a:pt x="3118" y="3223"/>
                  </a:cubicBezTo>
                  <a:cubicBezTo>
                    <a:pt x="3034" y="3516"/>
                    <a:pt x="2929" y="3830"/>
                    <a:pt x="2929" y="4144"/>
                  </a:cubicBezTo>
                  <a:cubicBezTo>
                    <a:pt x="2909" y="5294"/>
                    <a:pt x="2909" y="6403"/>
                    <a:pt x="2888" y="7554"/>
                  </a:cubicBezTo>
                  <a:cubicBezTo>
                    <a:pt x="2888" y="7993"/>
                    <a:pt x="2992" y="8370"/>
                    <a:pt x="3327" y="8663"/>
                  </a:cubicBezTo>
                  <a:cubicBezTo>
                    <a:pt x="3536" y="8830"/>
                    <a:pt x="3725" y="9040"/>
                    <a:pt x="3892" y="9228"/>
                  </a:cubicBezTo>
                  <a:cubicBezTo>
                    <a:pt x="4352" y="9730"/>
                    <a:pt x="4813" y="10170"/>
                    <a:pt x="5566" y="10065"/>
                  </a:cubicBezTo>
                  <a:cubicBezTo>
                    <a:pt x="5629" y="10065"/>
                    <a:pt x="5712" y="10065"/>
                    <a:pt x="5775" y="10086"/>
                  </a:cubicBezTo>
                  <a:cubicBezTo>
                    <a:pt x="7114" y="10609"/>
                    <a:pt x="8432" y="10462"/>
                    <a:pt x="9730" y="9960"/>
                  </a:cubicBezTo>
                  <a:cubicBezTo>
                    <a:pt x="9855" y="9918"/>
                    <a:pt x="10002" y="9877"/>
                    <a:pt x="10127" y="9835"/>
                  </a:cubicBezTo>
                  <a:cubicBezTo>
                    <a:pt x="10148" y="9835"/>
                    <a:pt x="10169" y="9835"/>
                    <a:pt x="10315" y="9877"/>
                  </a:cubicBezTo>
                  <a:cubicBezTo>
                    <a:pt x="10211" y="9981"/>
                    <a:pt x="10148" y="10086"/>
                    <a:pt x="10064" y="10149"/>
                  </a:cubicBezTo>
                  <a:cubicBezTo>
                    <a:pt x="9018" y="10902"/>
                    <a:pt x="7867" y="11446"/>
                    <a:pt x="6696" y="11948"/>
                  </a:cubicBezTo>
                  <a:cubicBezTo>
                    <a:pt x="5838" y="12325"/>
                    <a:pt x="4896" y="12429"/>
                    <a:pt x="3955" y="12157"/>
                  </a:cubicBezTo>
                  <a:cubicBezTo>
                    <a:pt x="3515" y="12032"/>
                    <a:pt x="3097" y="11948"/>
                    <a:pt x="2637" y="11843"/>
                  </a:cubicBezTo>
                  <a:cubicBezTo>
                    <a:pt x="1988" y="11697"/>
                    <a:pt x="1444" y="11341"/>
                    <a:pt x="1067" y="10755"/>
                  </a:cubicBezTo>
                  <a:cubicBezTo>
                    <a:pt x="712" y="10170"/>
                    <a:pt x="230" y="9646"/>
                    <a:pt x="105" y="8914"/>
                  </a:cubicBezTo>
                  <a:cubicBezTo>
                    <a:pt x="84" y="8684"/>
                    <a:pt x="0" y="8454"/>
                    <a:pt x="21" y="8224"/>
                  </a:cubicBezTo>
                  <a:cubicBezTo>
                    <a:pt x="168" y="6696"/>
                    <a:pt x="272" y="5148"/>
                    <a:pt x="795" y="3725"/>
                  </a:cubicBezTo>
                  <a:cubicBezTo>
                    <a:pt x="1318" y="2260"/>
                    <a:pt x="2260" y="1047"/>
                    <a:pt x="3620" y="231"/>
                  </a:cubicBezTo>
                  <a:cubicBezTo>
                    <a:pt x="3955" y="84"/>
                    <a:pt x="4269" y="1"/>
                    <a:pt x="4624" y="168"/>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33" name="Google Shape;384;p37">
              <a:extLst>
                <a:ext uri="{FF2B5EF4-FFF2-40B4-BE49-F238E27FC236}">
                  <a16:creationId xmlns:a16="http://schemas.microsoft.com/office/drawing/2014/main" id="{A7AA9944-44ED-A8B5-08D7-735FD662DF97}"/>
                </a:ext>
              </a:extLst>
            </p:cNvPr>
            <p:cNvSpPr/>
            <p:nvPr/>
          </p:nvSpPr>
          <p:spPr>
            <a:xfrm flipH="1">
              <a:off x="-640300" y="1431675"/>
              <a:ext cx="339000" cy="350475"/>
            </a:xfrm>
            <a:custGeom>
              <a:avLst/>
              <a:gdLst/>
              <a:ahLst/>
              <a:cxnLst/>
              <a:rect l="l" t="t" r="r" b="b"/>
              <a:pathLst>
                <a:path w="13560" h="14019" extrusionOk="0">
                  <a:moveTo>
                    <a:pt x="7324" y="523"/>
                  </a:moveTo>
                  <a:cubicBezTo>
                    <a:pt x="6424" y="1172"/>
                    <a:pt x="6382" y="1214"/>
                    <a:pt x="6006" y="2197"/>
                  </a:cubicBezTo>
                  <a:cubicBezTo>
                    <a:pt x="5524" y="3327"/>
                    <a:pt x="5169" y="4478"/>
                    <a:pt x="5273" y="5733"/>
                  </a:cubicBezTo>
                  <a:cubicBezTo>
                    <a:pt x="5315" y="6298"/>
                    <a:pt x="5294" y="6905"/>
                    <a:pt x="5273" y="7512"/>
                  </a:cubicBezTo>
                  <a:cubicBezTo>
                    <a:pt x="5232" y="7930"/>
                    <a:pt x="5336" y="8244"/>
                    <a:pt x="5692" y="8537"/>
                  </a:cubicBezTo>
                  <a:cubicBezTo>
                    <a:pt x="5901" y="8704"/>
                    <a:pt x="6068" y="8914"/>
                    <a:pt x="6278" y="9102"/>
                  </a:cubicBezTo>
                  <a:cubicBezTo>
                    <a:pt x="6382" y="9186"/>
                    <a:pt x="6529" y="9290"/>
                    <a:pt x="6633" y="9311"/>
                  </a:cubicBezTo>
                  <a:cubicBezTo>
                    <a:pt x="7575" y="9437"/>
                    <a:pt x="8517" y="9834"/>
                    <a:pt x="9479" y="9625"/>
                  </a:cubicBezTo>
                  <a:cubicBezTo>
                    <a:pt x="10211" y="9479"/>
                    <a:pt x="10923" y="9186"/>
                    <a:pt x="11634" y="8976"/>
                  </a:cubicBezTo>
                  <a:cubicBezTo>
                    <a:pt x="12136" y="8809"/>
                    <a:pt x="12639" y="8663"/>
                    <a:pt x="13141" y="8537"/>
                  </a:cubicBezTo>
                  <a:cubicBezTo>
                    <a:pt x="13245" y="8495"/>
                    <a:pt x="13371" y="8579"/>
                    <a:pt x="13559" y="8600"/>
                  </a:cubicBezTo>
                  <a:cubicBezTo>
                    <a:pt x="13329" y="9792"/>
                    <a:pt x="12722" y="10671"/>
                    <a:pt x="11927" y="11466"/>
                  </a:cubicBezTo>
                  <a:cubicBezTo>
                    <a:pt x="11383" y="12010"/>
                    <a:pt x="10776" y="12450"/>
                    <a:pt x="10065" y="12764"/>
                  </a:cubicBezTo>
                  <a:cubicBezTo>
                    <a:pt x="9270" y="13119"/>
                    <a:pt x="8496" y="13621"/>
                    <a:pt x="7596" y="13810"/>
                  </a:cubicBezTo>
                  <a:cubicBezTo>
                    <a:pt x="7073" y="13914"/>
                    <a:pt x="6571" y="14019"/>
                    <a:pt x="6048" y="13977"/>
                  </a:cubicBezTo>
                  <a:cubicBezTo>
                    <a:pt x="4771" y="13810"/>
                    <a:pt x="3516" y="13601"/>
                    <a:pt x="2386" y="12952"/>
                  </a:cubicBezTo>
                  <a:cubicBezTo>
                    <a:pt x="1988" y="12722"/>
                    <a:pt x="1654" y="12429"/>
                    <a:pt x="1423" y="12031"/>
                  </a:cubicBezTo>
                  <a:cubicBezTo>
                    <a:pt x="1172" y="11634"/>
                    <a:pt x="900" y="11299"/>
                    <a:pt x="691" y="10901"/>
                  </a:cubicBezTo>
                  <a:cubicBezTo>
                    <a:pt x="210" y="10127"/>
                    <a:pt x="1" y="9269"/>
                    <a:pt x="126" y="8328"/>
                  </a:cubicBezTo>
                  <a:cubicBezTo>
                    <a:pt x="294" y="6926"/>
                    <a:pt x="503" y="5566"/>
                    <a:pt x="900" y="4248"/>
                  </a:cubicBezTo>
                  <a:cubicBezTo>
                    <a:pt x="1047" y="3745"/>
                    <a:pt x="1214" y="3264"/>
                    <a:pt x="1549" y="2846"/>
                  </a:cubicBezTo>
                  <a:cubicBezTo>
                    <a:pt x="1779" y="2574"/>
                    <a:pt x="1988" y="2218"/>
                    <a:pt x="2198" y="1904"/>
                  </a:cubicBezTo>
                  <a:cubicBezTo>
                    <a:pt x="2595" y="1339"/>
                    <a:pt x="3139" y="921"/>
                    <a:pt x="3746" y="544"/>
                  </a:cubicBezTo>
                  <a:cubicBezTo>
                    <a:pt x="4562" y="21"/>
                    <a:pt x="5441" y="0"/>
                    <a:pt x="6341" y="84"/>
                  </a:cubicBezTo>
                  <a:cubicBezTo>
                    <a:pt x="6445" y="84"/>
                    <a:pt x="6550" y="105"/>
                    <a:pt x="6613" y="168"/>
                  </a:cubicBezTo>
                  <a:cubicBezTo>
                    <a:pt x="6843" y="230"/>
                    <a:pt x="7052" y="377"/>
                    <a:pt x="7324" y="523"/>
                  </a:cubicBezTo>
                  <a:close/>
                  <a:moveTo>
                    <a:pt x="5859" y="586"/>
                  </a:moveTo>
                  <a:cubicBezTo>
                    <a:pt x="5483" y="419"/>
                    <a:pt x="5169" y="481"/>
                    <a:pt x="4876" y="649"/>
                  </a:cubicBezTo>
                  <a:cubicBezTo>
                    <a:pt x="3516" y="1486"/>
                    <a:pt x="2595" y="2699"/>
                    <a:pt x="2051" y="4143"/>
                  </a:cubicBezTo>
                  <a:cubicBezTo>
                    <a:pt x="1528" y="5566"/>
                    <a:pt x="1403" y="7114"/>
                    <a:pt x="1298" y="8642"/>
                  </a:cubicBezTo>
                  <a:cubicBezTo>
                    <a:pt x="1256" y="8872"/>
                    <a:pt x="1340" y="9102"/>
                    <a:pt x="1361" y="9332"/>
                  </a:cubicBezTo>
                  <a:cubicBezTo>
                    <a:pt x="1465" y="10044"/>
                    <a:pt x="1967" y="10567"/>
                    <a:pt x="2344" y="11173"/>
                  </a:cubicBezTo>
                  <a:cubicBezTo>
                    <a:pt x="2700" y="11780"/>
                    <a:pt x="3244" y="12115"/>
                    <a:pt x="3913" y="12261"/>
                  </a:cubicBezTo>
                  <a:cubicBezTo>
                    <a:pt x="4353" y="12366"/>
                    <a:pt x="4792" y="12471"/>
                    <a:pt x="5211" y="12575"/>
                  </a:cubicBezTo>
                  <a:cubicBezTo>
                    <a:pt x="6152" y="12847"/>
                    <a:pt x="7094" y="12764"/>
                    <a:pt x="7952" y="12366"/>
                  </a:cubicBezTo>
                  <a:cubicBezTo>
                    <a:pt x="9144" y="11864"/>
                    <a:pt x="10295" y="11299"/>
                    <a:pt x="11341" y="10567"/>
                  </a:cubicBezTo>
                  <a:cubicBezTo>
                    <a:pt x="11404" y="10504"/>
                    <a:pt x="11467" y="10399"/>
                    <a:pt x="11571" y="10295"/>
                  </a:cubicBezTo>
                  <a:cubicBezTo>
                    <a:pt x="11467" y="10274"/>
                    <a:pt x="11404" y="10253"/>
                    <a:pt x="11383" y="10253"/>
                  </a:cubicBezTo>
                  <a:cubicBezTo>
                    <a:pt x="11258" y="10274"/>
                    <a:pt x="11132" y="10336"/>
                    <a:pt x="10986" y="10378"/>
                  </a:cubicBezTo>
                  <a:cubicBezTo>
                    <a:pt x="9688" y="10880"/>
                    <a:pt x="8370" y="11027"/>
                    <a:pt x="7052" y="10504"/>
                  </a:cubicBezTo>
                  <a:cubicBezTo>
                    <a:pt x="6989" y="10483"/>
                    <a:pt x="6905" y="10462"/>
                    <a:pt x="6843" y="10483"/>
                  </a:cubicBezTo>
                  <a:cubicBezTo>
                    <a:pt x="6068" y="10588"/>
                    <a:pt x="5608" y="10148"/>
                    <a:pt x="5169" y="9646"/>
                  </a:cubicBezTo>
                  <a:cubicBezTo>
                    <a:pt x="4980" y="9437"/>
                    <a:pt x="4792" y="9269"/>
                    <a:pt x="4583" y="9081"/>
                  </a:cubicBezTo>
                  <a:cubicBezTo>
                    <a:pt x="4248" y="8788"/>
                    <a:pt x="4123" y="8432"/>
                    <a:pt x="4144" y="7972"/>
                  </a:cubicBezTo>
                  <a:cubicBezTo>
                    <a:pt x="4164" y="6821"/>
                    <a:pt x="4144" y="5712"/>
                    <a:pt x="4185" y="4562"/>
                  </a:cubicBezTo>
                  <a:cubicBezTo>
                    <a:pt x="4185" y="4248"/>
                    <a:pt x="4290" y="3955"/>
                    <a:pt x="4374" y="3641"/>
                  </a:cubicBezTo>
                  <a:cubicBezTo>
                    <a:pt x="4688" y="2532"/>
                    <a:pt x="5190" y="1528"/>
                    <a:pt x="5859" y="586"/>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
        <p:nvSpPr>
          <p:cNvPr id="34" name="Bong bóng Ý nghĩ: Hình đám mây 33">
            <a:extLst>
              <a:ext uri="{FF2B5EF4-FFF2-40B4-BE49-F238E27FC236}">
                <a16:creationId xmlns:a16="http://schemas.microsoft.com/office/drawing/2014/main" id="{6512E2BA-8608-138D-7B4E-EB7302CE9A9A}"/>
              </a:ext>
            </a:extLst>
          </p:cNvPr>
          <p:cNvSpPr/>
          <p:nvPr/>
        </p:nvSpPr>
        <p:spPr>
          <a:xfrm>
            <a:off x="3964615" y="1348318"/>
            <a:ext cx="5735638" cy="2841335"/>
          </a:xfrm>
          <a:prstGeom prst="cloudCallout">
            <a:avLst>
              <a:gd name="adj1" fmla="val -46407"/>
              <a:gd name="adj2" fmla="val 59009"/>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vi-VN" sz="3200">
                <a:solidFill>
                  <a:schemeClr val="tx1"/>
                </a:solidFill>
                <a:latin typeface="+mj-lt"/>
              </a:rPr>
              <a:t>Để tìm kiếm thông tin trên Internet, tìm kiếm Website, các em cần phải biết gì?</a:t>
            </a:r>
            <a:endParaRPr lang="en-US" sz="3200">
              <a:solidFill>
                <a:schemeClr val="tx1"/>
              </a:solidFill>
              <a:latin typeface="+mj-lt"/>
            </a:endParaRPr>
          </a:p>
        </p:txBody>
      </p:sp>
      <p:sp>
        <p:nvSpPr>
          <p:cNvPr id="39" name="Hình chữ nhật 38">
            <a:extLst>
              <a:ext uri="{FF2B5EF4-FFF2-40B4-BE49-F238E27FC236}">
                <a16:creationId xmlns:a16="http://schemas.microsoft.com/office/drawing/2014/main" id="{83601148-9BE8-4DF6-2522-B8033743BAC1}"/>
              </a:ext>
            </a:extLst>
          </p:cNvPr>
          <p:cNvSpPr/>
          <p:nvPr/>
        </p:nvSpPr>
        <p:spPr>
          <a:xfrm>
            <a:off x="4738885" y="4724572"/>
            <a:ext cx="5215752" cy="919628"/>
          </a:xfrm>
          <a:custGeom>
            <a:avLst/>
            <a:gdLst>
              <a:gd name="connsiteX0" fmla="*/ 0 w 5215752"/>
              <a:gd name="connsiteY0" fmla="*/ 0 h 919628"/>
              <a:gd name="connsiteX1" fmla="*/ 527370 w 5215752"/>
              <a:gd name="connsiteY1" fmla="*/ 0 h 919628"/>
              <a:gd name="connsiteX2" fmla="*/ 1106898 w 5215752"/>
              <a:gd name="connsiteY2" fmla="*/ 0 h 919628"/>
              <a:gd name="connsiteX3" fmla="*/ 1790742 w 5215752"/>
              <a:gd name="connsiteY3" fmla="*/ 0 h 919628"/>
              <a:gd name="connsiteX4" fmla="*/ 2474585 w 5215752"/>
              <a:gd name="connsiteY4" fmla="*/ 0 h 919628"/>
              <a:gd name="connsiteX5" fmla="*/ 2949798 w 5215752"/>
              <a:gd name="connsiteY5" fmla="*/ 0 h 919628"/>
              <a:gd name="connsiteX6" fmla="*/ 3581483 w 5215752"/>
              <a:gd name="connsiteY6" fmla="*/ 0 h 919628"/>
              <a:gd name="connsiteX7" fmla="*/ 4004538 w 5215752"/>
              <a:gd name="connsiteY7" fmla="*/ 0 h 919628"/>
              <a:gd name="connsiteX8" fmla="*/ 4636224 w 5215752"/>
              <a:gd name="connsiteY8" fmla="*/ 0 h 919628"/>
              <a:gd name="connsiteX9" fmla="*/ 5215752 w 5215752"/>
              <a:gd name="connsiteY9" fmla="*/ 0 h 919628"/>
              <a:gd name="connsiteX10" fmla="*/ 5215752 w 5215752"/>
              <a:gd name="connsiteY10" fmla="*/ 432225 h 919628"/>
              <a:gd name="connsiteX11" fmla="*/ 5215752 w 5215752"/>
              <a:gd name="connsiteY11" fmla="*/ 919628 h 919628"/>
              <a:gd name="connsiteX12" fmla="*/ 4688382 w 5215752"/>
              <a:gd name="connsiteY12" fmla="*/ 919628 h 919628"/>
              <a:gd name="connsiteX13" fmla="*/ 4004538 w 5215752"/>
              <a:gd name="connsiteY13" fmla="*/ 919628 h 919628"/>
              <a:gd name="connsiteX14" fmla="*/ 3477168 w 5215752"/>
              <a:gd name="connsiteY14" fmla="*/ 919628 h 919628"/>
              <a:gd name="connsiteX15" fmla="*/ 2793325 w 5215752"/>
              <a:gd name="connsiteY15" fmla="*/ 919628 h 919628"/>
              <a:gd name="connsiteX16" fmla="*/ 2318112 w 5215752"/>
              <a:gd name="connsiteY16" fmla="*/ 919628 h 919628"/>
              <a:gd name="connsiteX17" fmla="*/ 1634269 w 5215752"/>
              <a:gd name="connsiteY17" fmla="*/ 919628 h 919628"/>
              <a:gd name="connsiteX18" fmla="*/ 1054741 w 5215752"/>
              <a:gd name="connsiteY18" fmla="*/ 919628 h 919628"/>
              <a:gd name="connsiteX19" fmla="*/ 0 w 5215752"/>
              <a:gd name="connsiteY19" fmla="*/ 919628 h 919628"/>
              <a:gd name="connsiteX20" fmla="*/ 0 w 5215752"/>
              <a:gd name="connsiteY20" fmla="*/ 487403 h 919628"/>
              <a:gd name="connsiteX21" fmla="*/ 0 w 5215752"/>
              <a:gd name="connsiteY21" fmla="*/ 0 h 91962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Lst>
            <a:rect l="l" t="t" r="r" b="b"/>
            <a:pathLst>
              <a:path w="5215752" h="919628" fill="none" extrusionOk="0">
                <a:moveTo>
                  <a:pt x="0" y="0"/>
                </a:moveTo>
                <a:cubicBezTo>
                  <a:pt x="148274" y="-61222"/>
                  <a:pt x="339687" y="51268"/>
                  <a:pt x="527370" y="0"/>
                </a:cubicBezTo>
                <a:cubicBezTo>
                  <a:pt x="715053" y="-51268"/>
                  <a:pt x="936631" y="218"/>
                  <a:pt x="1106898" y="0"/>
                </a:cubicBezTo>
                <a:cubicBezTo>
                  <a:pt x="1277165" y="-218"/>
                  <a:pt x="1602465" y="45517"/>
                  <a:pt x="1790742" y="0"/>
                </a:cubicBezTo>
                <a:cubicBezTo>
                  <a:pt x="1979019" y="-45517"/>
                  <a:pt x="2251653" y="54674"/>
                  <a:pt x="2474585" y="0"/>
                </a:cubicBezTo>
                <a:cubicBezTo>
                  <a:pt x="2697517" y="-54674"/>
                  <a:pt x="2788322" y="6504"/>
                  <a:pt x="2949798" y="0"/>
                </a:cubicBezTo>
                <a:cubicBezTo>
                  <a:pt x="3111274" y="-6504"/>
                  <a:pt x="3308227" y="2893"/>
                  <a:pt x="3581483" y="0"/>
                </a:cubicBezTo>
                <a:cubicBezTo>
                  <a:pt x="3854740" y="-2893"/>
                  <a:pt x="3866247" y="26977"/>
                  <a:pt x="4004538" y="0"/>
                </a:cubicBezTo>
                <a:cubicBezTo>
                  <a:pt x="4142829" y="-26977"/>
                  <a:pt x="4444556" y="57558"/>
                  <a:pt x="4636224" y="0"/>
                </a:cubicBezTo>
                <a:cubicBezTo>
                  <a:pt x="4827892" y="-57558"/>
                  <a:pt x="4958361" y="5673"/>
                  <a:pt x="5215752" y="0"/>
                </a:cubicBezTo>
                <a:cubicBezTo>
                  <a:pt x="5223625" y="116778"/>
                  <a:pt x="5215192" y="309751"/>
                  <a:pt x="5215752" y="432225"/>
                </a:cubicBezTo>
                <a:cubicBezTo>
                  <a:pt x="5216312" y="554700"/>
                  <a:pt x="5190021" y="742639"/>
                  <a:pt x="5215752" y="919628"/>
                </a:cubicBezTo>
                <a:cubicBezTo>
                  <a:pt x="5018923" y="946105"/>
                  <a:pt x="4873332" y="896445"/>
                  <a:pt x="4688382" y="919628"/>
                </a:cubicBezTo>
                <a:cubicBezTo>
                  <a:pt x="4503432" y="942811"/>
                  <a:pt x="4174545" y="881895"/>
                  <a:pt x="4004538" y="919628"/>
                </a:cubicBezTo>
                <a:cubicBezTo>
                  <a:pt x="3834531" y="957361"/>
                  <a:pt x="3604949" y="909592"/>
                  <a:pt x="3477168" y="919628"/>
                </a:cubicBezTo>
                <a:cubicBezTo>
                  <a:pt x="3349387" y="929664"/>
                  <a:pt x="2970627" y="903328"/>
                  <a:pt x="2793325" y="919628"/>
                </a:cubicBezTo>
                <a:cubicBezTo>
                  <a:pt x="2616023" y="935928"/>
                  <a:pt x="2546922" y="891061"/>
                  <a:pt x="2318112" y="919628"/>
                </a:cubicBezTo>
                <a:cubicBezTo>
                  <a:pt x="2089302" y="948195"/>
                  <a:pt x="1871711" y="863738"/>
                  <a:pt x="1634269" y="919628"/>
                </a:cubicBezTo>
                <a:cubicBezTo>
                  <a:pt x="1396827" y="975518"/>
                  <a:pt x="1223540" y="891048"/>
                  <a:pt x="1054741" y="919628"/>
                </a:cubicBezTo>
                <a:cubicBezTo>
                  <a:pt x="885942" y="948208"/>
                  <a:pt x="387174" y="807748"/>
                  <a:pt x="0" y="919628"/>
                </a:cubicBezTo>
                <a:cubicBezTo>
                  <a:pt x="-45395" y="752315"/>
                  <a:pt x="42329" y="622044"/>
                  <a:pt x="0" y="487403"/>
                </a:cubicBezTo>
                <a:cubicBezTo>
                  <a:pt x="-42329" y="352762"/>
                  <a:pt x="26380" y="188576"/>
                  <a:pt x="0" y="0"/>
                </a:cubicBezTo>
                <a:close/>
              </a:path>
              <a:path w="5215752" h="919628" stroke="0" extrusionOk="0">
                <a:moveTo>
                  <a:pt x="0" y="0"/>
                </a:moveTo>
                <a:cubicBezTo>
                  <a:pt x="208067" y="-7145"/>
                  <a:pt x="246463" y="2173"/>
                  <a:pt x="475213" y="0"/>
                </a:cubicBezTo>
                <a:cubicBezTo>
                  <a:pt x="703963" y="-2173"/>
                  <a:pt x="787351" y="43038"/>
                  <a:pt x="1054741" y="0"/>
                </a:cubicBezTo>
                <a:cubicBezTo>
                  <a:pt x="1322131" y="-43038"/>
                  <a:pt x="1428482" y="28768"/>
                  <a:pt x="1634269" y="0"/>
                </a:cubicBezTo>
                <a:cubicBezTo>
                  <a:pt x="1840056" y="-28768"/>
                  <a:pt x="1913647" y="46195"/>
                  <a:pt x="2057324" y="0"/>
                </a:cubicBezTo>
                <a:cubicBezTo>
                  <a:pt x="2201001" y="-46195"/>
                  <a:pt x="2332846" y="31326"/>
                  <a:pt x="2584695" y="0"/>
                </a:cubicBezTo>
                <a:cubicBezTo>
                  <a:pt x="2836544" y="-31326"/>
                  <a:pt x="2956966" y="29693"/>
                  <a:pt x="3164223" y="0"/>
                </a:cubicBezTo>
                <a:cubicBezTo>
                  <a:pt x="3371480" y="-29693"/>
                  <a:pt x="3557290" y="10128"/>
                  <a:pt x="3795908" y="0"/>
                </a:cubicBezTo>
                <a:cubicBezTo>
                  <a:pt x="4034527" y="-10128"/>
                  <a:pt x="4113253" y="17032"/>
                  <a:pt x="4323279" y="0"/>
                </a:cubicBezTo>
                <a:cubicBezTo>
                  <a:pt x="4533305" y="-17032"/>
                  <a:pt x="5003942" y="91881"/>
                  <a:pt x="5215752" y="0"/>
                </a:cubicBezTo>
                <a:cubicBezTo>
                  <a:pt x="5242746" y="93782"/>
                  <a:pt x="5166905" y="244744"/>
                  <a:pt x="5215752" y="450618"/>
                </a:cubicBezTo>
                <a:cubicBezTo>
                  <a:pt x="5264599" y="656492"/>
                  <a:pt x="5181753" y="701350"/>
                  <a:pt x="5215752" y="919628"/>
                </a:cubicBezTo>
                <a:cubicBezTo>
                  <a:pt x="5011016" y="958651"/>
                  <a:pt x="4920672" y="892467"/>
                  <a:pt x="4740539" y="919628"/>
                </a:cubicBezTo>
                <a:cubicBezTo>
                  <a:pt x="4560406" y="946789"/>
                  <a:pt x="4492429" y="906106"/>
                  <a:pt x="4317484" y="919628"/>
                </a:cubicBezTo>
                <a:cubicBezTo>
                  <a:pt x="4142540" y="933150"/>
                  <a:pt x="4078704" y="915946"/>
                  <a:pt x="3842271" y="919628"/>
                </a:cubicBezTo>
                <a:cubicBezTo>
                  <a:pt x="3605838" y="923310"/>
                  <a:pt x="3509611" y="897066"/>
                  <a:pt x="3210585" y="919628"/>
                </a:cubicBezTo>
                <a:cubicBezTo>
                  <a:pt x="2911559" y="942190"/>
                  <a:pt x="2837350" y="891294"/>
                  <a:pt x="2735372" y="919628"/>
                </a:cubicBezTo>
                <a:cubicBezTo>
                  <a:pt x="2633394" y="947962"/>
                  <a:pt x="2361612" y="864172"/>
                  <a:pt x="2208002" y="919628"/>
                </a:cubicBezTo>
                <a:cubicBezTo>
                  <a:pt x="2054392" y="975084"/>
                  <a:pt x="1868055" y="860409"/>
                  <a:pt x="1628474" y="919628"/>
                </a:cubicBezTo>
                <a:cubicBezTo>
                  <a:pt x="1388893" y="978847"/>
                  <a:pt x="1408778" y="901469"/>
                  <a:pt x="1205418" y="919628"/>
                </a:cubicBezTo>
                <a:cubicBezTo>
                  <a:pt x="1002058" y="937787"/>
                  <a:pt x="863143" y="890166"/>
                  <a:pt x="678048" y="919628"/>
                </a:cubicBezTo>
                <a:cubicBezTo>
                  <a:pt x="492953" y="949090"/>
                  <a:pt x="250804" y="902355"/>
                  <a:pt x="0" y="919628"/>
                </a:cubicBezTo>
                <a:cubicBezTo>
                  <a:pt x="-48417" y="823232"/>
                  <a:pt x="9455" y="558976"/>
                  <a:pt x="0" y="441421"/>
                </a:cubicBezTo>
                <a:cubicBezTo>
                  <a:pt x="-9455" y="323866"/>
                  <a:pt x="30616" y="185711"/>
                  <a:pt x="0" y="0"/>
                </a:cubicBezTo>
                <a:close/>
              </a:path>
            </a:pathLst>
          </a:custGeom>
          <a:ln w="38100">
            <a:prstDash val="dash"/>
            <a:extLst>
              <a:ext uri="{C807C97D-BFC1-408E-A445-0C87EB9F89A2}">
                <ask:lineSketchStyleProps xmlns:ask="http://schemas.microsoft.com/office/drawing/2018/sketchyshapes" sd="995446869">
                  <a:prstGeom prst="rect">
                    <a:avLst/>
                  </a:prstGeom>
                  <ask:type>
                    <ask:lineSketchScribble/>
                  </ask:type>
                </ask:lineSketchStyleProps>
              </a:ext>
            </a:extLst>
          </a:ln>
        </p:spPr>
        <p:style>
          <a:lnRef idx="2">
            <a:schemeClr val="accent2"/>
          </a:lnRef>
          <a:fillRef idx="1">
            <a:schemeClr val="lt1"/>
          </a:fillRef>
          <a:effectRef idx="0">
            <a:schemeClr val="accent2"/>
          </a:effectRef>
          <a:fontRef idx="minor">
            <a:schemeClr val="dk1"/>
          </a:fontRef>
        </p:style>
        <p:txBody>
          <a:bodyPr rtlCol="0" anchor="ctr"/>
          <a:lstStyle/>
          <a:p>
            <a:pPr algn="ctr"/>
            <a:r>
              <a:rPr lang="vi-VN" sz="3200">
                <a:solidFill>
                  <a:schemeClr val="tx1"/>
                </a:solidFill>
                <a:latin typeface="+mj-lt"/>
              </a:rPr>
              <a:t>Địa chỉ Website hoặc </a:t>
            </a:r>
          </a:p>
          <a:p>
            <a:pPr algn="ctr"/>
            <a:r>
              <a:rPr lang="vi-VN" sz="3200">
                <a:solidFill>
                  <a:schemeClr val="tx1"/>
                </a:solidFill>
                <a:latin typeface="+mj-lt"/>
              </a:rPr>
              <a:t>Thông tin cần tìm kiếm </a:t>
            </a:r>
            <a:endParaRPr lang="en-US" sz="3200">
              <a:solidFill>
                <a:schemeClr val="tx1"/>
              </a:solidFill>
              <a:latin typeface="+mj-lt"/>
            </a:endParaRPr>
          </a:p>
        </p:txBody>
      </p:sp>
    </p:spTree>
    <p:custDataLst>
      <p:tags r:id="rId1"/>
    </p:custDataLst>
    <p:extLst>
      <p:ext uri="{BB962C8B-B14F-4D97-AF65-F5344CB8AC3E}">
        <p14:creationId xmlns:p14="http://schemas.microsoft.com/office/powerpoint/2010/main" val="533603652"/>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39"/>
                                        </p:tgtEl>
                                        <p:attrNameLst>
                                          <p:attrName>style.visibility</p:attrName>
                                        </p:attrNameLst>
                                      </p:cBhvr>
                                      <p:to>
                                        <p:strVal val="visible"/>
                                      </p:to>
                                    </p:set>
                                    <p:anim calcmode="lin" valueType="num">
                                      <p:cBhvr additive="base">
                                        <p:cTn id="7" dur="500" fill="hold"/>
                                        <p:tgtEl>
                                          <p:spTgt spid="39"/>
                                        </p:tgtEl>
                                        <p:attrNameLst>
                                          <p:attrName>ppt_x</p:attrName>
                                        </p:attrNameLst>
                                      </p:cBhvr>
                                      <p:tavLst>
                                        <p:tav tm="0">
                                          <p:val>
                                            <p:strVal val="#ppt_x"/>
                                          </p:val>
                                        </p:tav>
                                        <p:tav tm="100000">
                                          <p:val>
                                            <p:strVal val="#ppt_x"/>
                                          </p:val>
                                        </p:tav>
                                      </p:tavLst>
                                    </p:anim>
                                    <p:anim calcmode="lin" valueType="num">
                                      <p:cBhvr additive="base">
                                        <p:cTn id="8" dur="500" fill="hold"/>
                                        <p:tgtEl>
                                          <p:spTgt spid="39"/>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9"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358"/>
        <p:cNvGrpSpPr/>
        <p:nvPr/>
      </p:nvGrpSpPr>
      <p:grpSpPr>
        <a:xfrm>
          <a:off x="0" y="0"/>
          <a:ext cx="0" cy="0"/>
          <a:chOff x="0" y="0"/>
          <a:chExt cx="0" cy="0"/>
        </a:xfrm>
      </p:grpSpPr>
      <p:sp>
        <p:nvSpPr>
          <p:cNvPr id="6" name="Rectangle 5">
            <a:extLst>
              <a:ext uri="{FF2B5EF4-FFF2-40B4-BE49-F238E27FC236}">
                <a16:creationId xmlns:a16="http://schemas.microsoft.com/office/drawing/2014/main" id="{88B54ABD-8F1B-4B9A-A322-AB0A1ADD05C1}"/>
              </a:ext>
            </a:extLst>
          </p:cNvPr>
          <p:cNvSpPr/>
          <p:nvPr/>
        </p:nvSpPr>
        <p:spPr>
          <a:xfrm>
            <a:off x="-137738" y="162580"/>
            <a:ext cx="10719089" cy="923330"/>
          </a:xfrm>
          <a:prstGeom prst="rect">
            <a:avLst/>
          </a:prstGeom>
          <a:noFill/>
        </p:spPr>
        <p:txBody>
          <a:bodyPr wrap="square" lIns="91440" tIns="45720" rIns="91440" bIns="45720">
            <a:spAutoFit/>
          </a:bodyPr>
          <a:lstStyle/>
          <a:p>
            <a:pPr algn="ctr"/>
            <a:r>
              <a:rPr lang="en-US" sz="5400" b="1" cap="none" spc="0" err="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Bài</a:t>
            </a:r>
            <a:r>
              <a:rPr lang="en-US"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 </a:t>
            </a:r>
            <a:r>
              <a:rPr lang="vi-VN"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1: Thông tin trên web</a:t>
            </a:r>
            <a:endParaRPr lang="en-US" sz="5400" b="1" cap="none" spc="0" dirty="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endParaRPr>
          </a:p>
        </p:txBody>
      </p:sp>
      <p:sp>
        <p:nvSpPr>
          <p:cNvPr id="3" name="TextBox 45">
            <a:extLst>
              <a:ext uri="{FF2B5EF4-FFF2-40B4-BE49-F238E27FC236}">
                <a16:creationId xmlns:a16="http://schemas.microsoft.com/office/drawing/2014/main" id="{B4C1637E-D907-45C7-B4B5-787D545C7F63}"/>
              </a:ext>
            </a:extLst>
          </p:cNvPr>
          <p:cNvSpPr txBox="1"/>
          <p:nvPr/>
        </p:nvSpPr>
        <p:spPr>
          <a:xfrm>
            <a:off x="486402" y="913223"/>
            <a:ext cx="4138899" cy="657923"/>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nvGrpSpPr>
          <p:cNvPr id="4" name="Group 6">
            <a:extLst>
              <a:ext uri="{FF2B5EF4-FFF2-40B4-BE49-F238E27FC236}">
                <a16:creationId xmlns:a16="http://schemas.microsoft.com/office/drawing/2014/main" id="{AFC2AB11-164D-BB7E-D061-B6C017F745A6}"/>
              </a:ext>
            </a:extLst>
          </p:cNvPr>
          <p:cNvGrpSpPr/>
          <p:nvPr/>
        </p:nvGrpSpPr>
        <p:grpSpPr>
          <a:xfrm>
            <a:off x="218412" y="913223"/>
            <a:ext cx="4896089" cy="657923"/>
            <a:chOff x="293561" y="1124296"/>
            <a:chExt cx="3713701" cy="1077218"/>
          </a:xfrm>
        </p:grpSpPr>
        <p:sp>
          <p:nvSpPr>
            <p:cNvPr id="5" name="Rectangle: Rounded Corners 44">
              <a:extLst>
                <a:ext uri="{FF2B5EF4-FFF2-40B4-BE49-F238E27FC236}">
                  <a16:creationId xmlns:a16="http://schemas.microsoft.com/office/drawing/2014/main" id="{F7631F67-4393-009F-58D6-4FB8B18AB418}"/>
                </a:ext>
              </a:extLst>
            </p:cNvPr>
            <p:cNvSpPr/>
            <p:nvPr/>
          </p:nvSpPr>
          <p:spPr>
            <a:xfrm>
              <a:off x="293561" y="1198683"/>
              <a:ext cx="3713701" cy="809738"/>
            </a:xfrm>
            <a:prstGeom prst="roundRect">
              <a:avLst>
                <a:gd name="adj" fmla="val 46278"/>
              </a:avLst>
            </a:prstGeom>
            <a:solidFill>
              <a:srgbClr val="FF8C65"/>
            </a:solidFill>
            <a:ln>
              <a:noFill/>
            </a:ln>
            <a:effectLst>
              <a:outerShdw blurRad="149987" dist="250190" dir="8460000" algn="ctr">
                <a:srgbClr val="000000">
                  <a:alpha val="28000"/>
                </a:srgbClr>
              </a:outerShdw>
              <a:reflection endPos="0" dist="254000" dir="5400000" sy="-100000" algn="bl" rotWithShape="0"/>
              <a:softEdge rad="0"/>
            </a:effectLst>
            <a:scene3d>
              <a:camera prst="orthographicFront">
                <a:rot lat="0" lon="0" rev="0"/>
              </a:camera>
              <a:lightRig rig="contrasting" dir="t">
                <a:rot lat="0" lon="0" rev="1500000"/>
              </a:lightRig>
            </a:scene3d>
            <a:sp3d prstMaterial="metal">
              <a:bevelT w="88900" h="889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8" name="TextBox 45">
              <a:extLst>
                <a:ext uri="{FF2B5EF4-FFF2-40B4-BE49-F238E27FC236}">
                  <a16:creationId xmlns:a16="http://schemas.microsoft.com/office/drawing/2014/main" id="{1561AF78-ACC1-D542-CF7C-9090F06EC148}"/>
                </a:ext>
              </a:extLst>
            </p:cNvPr>
            <p:cNvSpPr txBox="1"/>
            <p:nvPr/>
          </p:nvSpPr>
          <p:spPr>
            <a:xfrm>
              <a:off x="496832" y="1124296"/>
              <a:ext cx="3139370" cy="1077218"/>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pic>
        <p:nvPicPr>
          <p:cNvPr id="7" name="Hình ảnh 6" descr="Ảnh có chứa văn bản, phim hoạt hình, thiết kế đồ họa, Đồ họa&#10;&#10;Mô tả được tạo tự động">
            <a:extLst>
              <a:ext uri="{FF2B5EF4-FFF2-40B4-BE49-F238E27FC236}">
                <a16:creationId xmlns:a16="http://schemas.microsoft.com/office/drawing/2014/main" id="{1056F610-D944-A98E-1589-237AD12A7536}"/>
              </a:ext>
            </a:extLst>
          </p:cNvPr>
          <p:cNvPicPr>
            <a:picLocks noChangeAspect="1"/>
          </p:cNvPicPr>
          <p:nvPr/>
        </p:nvPicPr>
        <p:blipFill>
          <a:blip r:embed="rId4"/>
          <a:stretch>
            <a:fillRect/>
          </a:stretch>
        </p:blipFill>
        <p:spPr>
          <a:xfrm>
            <a:off x="795707" y="1881986"/>
            <a:ext cx="4318794" cy="3845278"/>
          </a:xfrm>
          <a:prstGeom prst="rect">
            <a:avLst/>
          </a:prstGeom>
        </p:spPr>
      </p:pic>
      <p:sp>
        <p:nvSpPr>
          <p:cNvPr id="9" name="Hình chữ nhật 8">
            <a:extLst>
              <a:ext uri="{FF2B5EF4-FFF2-40B4-BE49-F238E27FC236}">
                <a16:creationId xmlns:a16="http://schemas.microsoft.com/office/drawing/2014/main" id="{012E9EFB-3943-23C2-14C6-46A93C84151E}"/>
              </a:ext>
            </a:extLst>
          </p:cNvPr>
          <p:cNvSpPr/>
          <p:nvPr/>
        </p:nvSpPr>
        <p:spPr>
          <a:xfrm>
            <a:off x="5114501" y="3240036"/>
            <a:ext cx="5215752" cy="919628"/>
          </a:xfrm>
          <a:custGeom>
            <a:avLst/>
            <a:gdLst>
              <a:gd name="connsiteX0" fmla="*/ 0 w 5215752"/>
              <a:gd name="connsiteY0" fmla="*/ 0 h 919628"/>
              <a:gd name="connsiteX1" fmla="*/ 527370 w 5215752"/>
              <a:gd name="connsiteY1" fmla="*/ 0 h 919628"/>
              <a:gd name="connsiteX2" fmla="*/ 1106898 w 5215752"/>
              <a:gd name="connsiteY2" fmla="*/ 0 h 919628"/>
              <a:gd name="connsiteX3" fmla="*/ 1790742 w 5215752"/>
              <a:gd name="connsiteY3" fmla="*/ 0 h 919628"/>
              <a:gd name="connsiteX4" fmla="*/ 2474585 w 5215752"/>
              <a:gd name="connsiteY4" fmla="*/ 0 h 919628"/>
              <a:gd name="connsiteX5" fmla="*/ 2949798 w 5215752"/>
              <a:gd name="connsiteY5" fmla="*/ 0 h 919628"/>
              <a:gd name="connsiteX6" fmla="*/ 3581483 w 5215752"/>
              <a:gd name="connsiteY6" fmla="*/ 0 h 919628"/>
              <a:gd name="connsiteX7" fmla="*/ 4004538 w 5215752"/>
              <a:gd name="connsiteY7" fmla="*/ 0 h 919628"/>
              <a:gd name="connsiteX8" fmla="*/ 4636224 w 5215752"/>
              <a:gd name="connsiteY8" fmla="*/ 0 h 919628"/>
              <a:gd name="connsiteX9" fmla="*/ 5215752 w 5215752"/>
              <a:gd name="connsiteY9" fmla="*/ 0 h 919628"/>
              <a:gd name="connsiteX10" fmla="*/ 5215752 w 5215752"/>
              <a:gd name="connsiteY10" fmla="*/ 432225 h 919628"/>
              <a:gd name="connsiteX11" fmla="*/ 5215752 w 5215752"/>
              <a:gd name="connsiteY11" fmla="*/ 919628 h 919628"/>
              <a:gd name="connsiteX12" fmla="*/ 4688382 w 5215752"/>
              <a:gd name="connsiteY12" fmla="*/ 919628 h 919628"/>
              <a:gd name="connsiteX13" fmla="*/ 4004538 w 5215752"/>
              <a:gd name="connsiteY13" fmla="*/ 919628 h 919628"/>
              <a:gd name="connsiteX14" fmla="*/ 3477168 w 5215752"/>
              <a:gd name="connsiteY14" fmla="*/ 919628 h 919628"/>
              <a:gd name="connsiteX15" fmla="*/ 2793325 w 5215752"/>
              <a:gd name="connsiteY15" fmla="*/ 919628 h 919628"/>
              <a:gd name="connsiteX16" fmla="*/ 2318112 w 5215752"/>
              <a:gd name="connsiteY16" fmla="*/ 919628 h 919628"/>
              <a:gd name="connsiteX17" fmla="*/ 1634269 w 5215752"/>
              <a:gd name="connsiteY17" fmla="*/ 919628 h 919628"/>
              <a:gd name="connsiteX18" fmla="*/ 1054741 w 5215752"/>
              <a:gd name="connsiteY18" fmla="*/ 919628 h 919628"/>
              <a:gd name="connsiteX19" fmla="*/ 0 w 5215752"/>
              <a:gd name="connsiteY19" fmla="*/ 919628 h 919628"/>
              <a:gd name="connsiteX20" fmla="*/ 0 w 5215752"/>
              <a:gd name="connsiteY20" fmla="*/ 487403 h 919628"/>
              <a:gd name="connsiteX21" fmla="*/ 0 w 5215752"/>
              <a:gd name="connsiteY21" fmla="*/ 0 h 91962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Lst>
            <a:rect l="l" t="t" r="r" b="b"/>
            <a:pathLst>
              <a:path w="5215752" h="919628" fill="none" extrusionOk="0">
                <a:moveTo>
                  <a:pt x="0" y="0"/>
                </a:moveTo>
                <a:cubicBezTo>
                  <a:pt x="148274" y="-61222"/>
                  <a:pt x="339687" y="51268"/>
                  <a:pt x="527370" y="0"/>
                </a:cubicBezTo>
                <a:cubicBezTo>
                  <a:pt x="715053" y="-51268"/>
                  <a:pt x="936631" y="218"/>
                  <a:pt x="1106898" y="0"/>
                </a:cubicBezTo>
                <a:cubicBezTo>
                  <a:pt x="1277165" y="-218"/>
                  <a:pt x="1602465" y="45517"/>
                  <a:pt x="1790742" y="0"/>
                </a:cubicBezTo>
                <a:cubicBezTo>
                  <a:pt x="1979019" y="-45517"/>
                  <a:pt x="2251653" y="54674"/>
                  <a:pt x="2474585" y="0"/>
                </a:cubicBezTo>
                <a:cubicBezTo>
                  <a:pt x="2697517" y="-54674"/>
                  <a:pt x="2788322" y="6504"/>
                  <a:pt x="2949798" y="0"/>
                </a:cubicBezTo>
                <a:cubicBezTo>
                  <a:pt x="3111274" y="-6504"/>
                  <a:pt x="3308227" y="2893"/>
                  <a:pt x="3581483" y="0"/>
                </a:cubicBezTo>
                <a:cubicBezTo>
                  <a:pt x="3854740" y="-2893"/>
                  <a:pt x="3866247" y="26977"/>
                  <a:pt x="4004538" y="0"/>
                </a:cubicBezTo>
                <a:cubicBezTo>
                  <a:pt x="4142829" y="-26977"/>
                  <a:pt x="4444556" y="57558"/>
                  <a:pt x="4636224" y="0"/>
                </a:cubicBezTo>
                <a:cubicBezTo>
                  <a:pt x="4827892" y="-57558"/>
                  <a:pt x="4958361" y="5673"/>
                  <a:pt x="5215752" y="0"/>
                </a:cubicBezTo>
                <a:cubicBezTo>
                  <a:pt x="5223625" y="116778"/>
                  <a:pt x="5215192" y="309751"/>
                  <a:pt x="5215752" y="432225"/>
                </a:cubicBezTo>
                <a:cubicBezTo>
                  <a:pt x="5216312" y="554700"/>
                  <a:pt x="5190021" y="742639"/>
                  <a:pt x="5215752" y="919628"/>
                </a:cubicBezTo>
                <a:cubicBezTo>
                  <a:pt x="5018923" y="946105"/>
                  <a:pt x="4873332" y="896445"/>
                  <a:pt x="4688382" y="919628"/>
                </a:cubicBezTo>
                <a:cubicBezTo>
                  <a:pt x="4503432" y="942811"/>
                  <a:pt x="4174545" y="881895"/>
                  <a:pt x="4004538" y="919628"/>
                </a:cubicBezTo>
                <a:cubicBezTo>
                  <a:pt x="3834531" y="957361"/>
                  <a:pt x="3604949" y="909592"/>
                  <a:pt x="3477168" y="919628"/>
                </a:cubicBezTo>
                <a:cubicBezTo>
                  <a:pt x="3349387" y="929664"/>
                  <a:pt x="2970627" y="903328"/>
                  <a:pt x="2793325" y="919628"/>
                </a:cubicBezTo>
                <a:cubicBezTo>
                  <a:pt x="2616023" y="935928"/>
                  <a:pt x="2546922" y="891061"/>
                  <a:pt x="2318112" y="919628"/>
                </a:cubicBezTo>
                <a:cubicBezTo>
                  <a:pt x="2089302" y="948195"/>
                  <a:pt x="1871711" y="863738"/>
                  <a:pt x="1634269" y="919628"/>
                </a:cubicBezTo>
                <a:cubicBezTo>
                  <a:pt x="1396827" y="975518"/>
                  <a:pt x="1223540" y="891048"/>
                  <a:pt x="1054741" y="919628"/>
                </a:cubicBezTo>
                <a:cubicBezTo>
                  <a:pt x="885942" y="948208"/>
                  <a:pt x="387174" y="807748"/>
                  <a:pt x="0" y="919628"/>
                </a:cubicBezTo>
                <a:cubicBezTo>
                  <a:pt x="-45395" y="752315"/>
                  <a:pt x="42329" y="622044"/>
                  <a:pt x="0" y="487403"/>
                </a:cubicBezTo>
                <a:cubicBezTo>
                  <a:pt x="-42329" y="352762"/>
                  <a:pt x="26380" y="188576"/>
                  <a:pt x="0" y="0"/>
                </a:cubicBezTo>
                <a:close/>
              </a:path>
              <a:path w="5215752" h="919628" stroke="0" extrusionOk="0">
                <a:moveTo>
                  <a:pt x="0" y="0"/>
                </a:moveTo>
                <a:cubicBezTo>
                  <a:pt x="208067" y="-7145"/>
                  <a:pt x="246463" y="2173"/>
                  <a:pt x="475213" y="0"/>
                </a:cubicBezTo>
                <a:cubicBezTo>
                  <a:pt x="703963" y="-2173"/>
                  <a:pt x="787351" y="43038"/>
                  <a:pt x="1054741" y="0"/>
                </a:cubicBezTo>
                <a:cubicBezTo>
                  <a:pt x="1322131" y="-43038"/>
                  <a:pt x="1428482" y="28768"/>
                  <a:pt x="1634269" y="0"/>
                </a:cubicBezTo>
                <a:cubicBezTo>
                  <a:pt x="1840056" y="-28768"/>
                  <a:pt x="1913647" y="46195"/>
                  <a:pt x="2057324" y="0"/>
                </a:cubicBezTo>
                <a:cubicBezTo>
                  <a:pt x="2201001" y="-46195"/>
                  <a:pt x="2332846" y="31326"/>
                  <a:pt x="2584695" y="0"/>
                </a:cubicBezTo>
                <a:cubicBezTo>
                  <a:pt x="2836544" y="-31326"/>
                  <a:pt x="2956966" y="29693"/>
                  <a:pt x="3164223" y="0"/>
                </a:cubicBezTo>
                <a:cubicBezTo>
                  <a:pt x="3371480" y="-29693"/>
                  <a:pt x="3557290" y="10128"/>
                  <a:pt x="3795908" y="0"/>
                </a:cubicBezTo>
                <a:cubicBezTo>
                  <a:pt x="4034527" y="-10128"/>
                  <a:pt x="4113253" y="17032"/>
                  <a:pt x="4323279" y="0"/>
                </a:cubicBezTo>
                <a:cubicBezTo>
                  <a:pt x="4533305" y="-17032"/>
                  <a:pt x="5003942" y="91881"/>
                  <a:pt x="5215752" y="0"/>
                </a:cubicBezTo>
                <a:cubicBezTo>
                  <a:pt x="5242746" y="93782"/>
                  <a:pt x="5166905" y="244744"/>
                  <a:pt x="5215752" y="450618"/>
                </a:cubicBezTo>
                <a:cubicBezTo>
                  <a:pt x="5264599" y="656492"/>
                  <a:pt x="5181753" y="701350"/>
                  <a:pt x="5215752" y="919628"/>
                </a:cubicBezTo>
                <a:cubicBezTo>
                  <a:pt x="5011016" y="958651"/>
                  <a:pt x="4920672" y="892467"/>
                  <a:pt x="4740539" y="919628"/>
                </a:cubicBezTo>
                <a:cubicBezTo>
                  <a:pt x="4560406" y="946789"/>
                  <a:pt x="4492429" y="906106"/>
                  <a:pt x="4317484" y="919628"/>
                </a:cubicBezTo>
                <a:cubicBezTo>
                  <a:pt x="4142540" y="933150"/>
                  <a:pt x="4078704" y="915946"/>
                  <a:pt x="3842271" y="919628"/>
                </a:cubicBezTo>
                <a:cubicBezTo>
                  <a:pt x="3605838" y="923310"/>
                  <a:pt x="3509611" y="897066"/>
                  <a:pt x="3210585" y="919628"/>
                </a:cubicBezTo>
                <a:cubicBezTo>
                  <a:pt x="2911559" y="942190"/>
                  <a:pt x="2837350" y="891294"/>
                  <a:pt x="2735372" y="919628"/>
                </a:cubicBezTo>
                <a:cubicBezTo>
                  <a:pt x="2633394" y="947962"/>
                  <a:pt x="2361612" y="864172"/>
                  <a:pt x="2208002" y="919628"/>
                </a:cubicBezTo>
                <a:cubicBezTo>
                  <a:pt x="2054392" y="975084"/>
                  <a:pt x="1868055" y="860409"/>
                  <a:pt x="1628474" y="919628"/>
                </a:cubicBezTo>
                <a:cubicBezTo>
                  <a:pt x="1388893" y="978847"/>
                  <a:pt x="1408778" y="901469"/>
                  <a:pt x="1205418" y="919628"/>
                </a:cubicBezTo>
                <a:cubicBezTo>
                  <a:pt x="1002058" y="937787"/>
                  <a:pt x="863143" y="890166"/>
                  <a:pt x="678048" y="919628"/>
                </a:cubicBezTo>
                <a:cubicBezTo>
                  <a:pt x="492953" y="949090"/>
                  <a:pt x="250804" y="902355"/>
                  <a:pt x="0" y="919628"/>
                </a:cubicBezTo>
                <a:cubicBezTo>
                  <a:pt x="-48417" y="823232"/>
                  <a:pt x="9455" y="558976"/>
                  <a:pt x="0" y="441421"/>
                </a:cubicBezTo>
                <a:cubicBezTo>
                  <a:pt x="-9455" y="323866"/>
                  <a:pt x="30616" y="185711"/>
                  <a:pt x="0" y="0"/>
                </a:cubicBezTo>
                <a:close/>
              </a:path>
            </a:pathLst>
          </a:custGeom>
          <a:ln w="38100">
            <a:prstDash val="dash"/>
            <a:extLst>
              <a:ext uri="{C807C97D-BFC1-408E-A445-0C87EB9F89A2}">
                <ask:lineSketchStyleProps xmlns:ask="http://schemas.microsoft.com/office/drawing/2018/sketchyshapes" sd="995446869">
                  <a:prstGeom prst="rect">
                    <a:avLst/>
                  </a:prstGeom>
                  <ask:type>
                    <ask:lineSketchScribble/>
                  </ask:type>
                </ask:lineSketchStyleProps>
              </a:ext>
            </a:extLst>
          </a:ln>
        </p:spPr>
        <p:style>
          <a:lnRef idx="2">
            <a:schemeClr val="accent2"/>
          </a:lnRef>
          <a:fillRef idx="1">
            <a:schemeClr val="lt1"/>
          </a:fillRef>
          <a:effectRef idx="0">
            <a:schemeClr val="accent2"/>
          </a:effectRef>
          <a:fontRef idx="minor">
            <a:schemeClr val="dk1"/>
          </a:fontRef>
        </p:style>
        <p:txBody>
          <a:bodyPr rtlCol="0" anchor="ctr"/>
          <a:lstStyle/>
          <a:p>
            <a:pPr algn="ctr"/>
            <a:r>
              <a:rPr lang="vi-VN" sz="3200">
                <a:solidFill>
                  <a:schemeClr val="tx1"/>
                </a:solidFill>
                <a:latin typeface="+mj-lt"/>
              </a:rPr>
              <a:t>Báo thiếu niên tiền phong và nhi đồng</a:t>
            </a:r>
            <a:endParaRPr lang="en-US" sz="3200">
              <a:solidFill>
                <a:schemeClr val="tx1"/>
              </a:solidFill>
              <a:latin typeface="+mj-lt"/>
            </a:endParaRPr>
          </a:p>
        </p:txBody>
      </p:sp>
    </p:spTree>
    <p:custDataLst>
      <p:tags r:id="rId1"/>
    </p:custDataLst>
    <p:extLst>
      <p:ext uri="{BB962C8B-B14F-4D97-AF65-F5344CB8AC3E}">
        <p14:creationId xmlns:p14="http://schemas.microsoft.com/office/powerpoint/2010/main" val="1233036247"/>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500" fill="hold"/>
                                        <p:tgtEl>
                                          <p:spTgt spid="9"/>
                                        </p:tgtEl>
                                        <p:attrNameLst>
                                          <p:attrName>ppt_x</p:attrName>
                                        </p:attrNameLst>
                                      </p:cBhvr>
                                      <p:tavLst>
                                        <p:tav tm="0">
                                          <p:val>
                                            <p:strVal val="#ppt_x"/>
                                          </p:val>
                                        </p:tav>
                                        <p:tav tm="100000">
                                          <p:val>
                                            <p:strVal val="#ppt_x"/>
                                          </p:val>
                                        </p:tav>
                                      </p:tavLst>
                                    </p:anim>
                                    <p:anim calcmode="lin" valueType="num">
                                      <p:cBhvr additive="base">
                                        <p:cTn id="8" dur="500" fill="hold"/>
                                        <p:tgtEl>
                                          <p:spTgt spid="9"/>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358"/>
        <p:cNvGrpSpPr/>
        <p:nvPr/>
      </p:nvGrpSpPr>
      <p:grpSpPr>
        <a:xfrm>
          <a:off x="0" y="0"/>
          <a:ext cx="0" cy="0"/>
          <a:chOff x="0" y="0"/>
          <a:chExt cx="0" cy="0"/>
        </a:xfrm>
      </p:grpSpPr>
      <p:sp>
        <p:nvSpPr>
          <p:cNvPr id="6" name="Rectangle 5">
            <a:extLst>
              <a:ext uri="{FF2B5EF4-FFF2-40B4-BE49-F238E27FC236}">
                <a16:creationId xmlns:a16="http://schemas.microsoft.com/office/drawing/2014/main" id="{88B54ABD-8F1B-4B9A-A322-AB0A1ADD05C1}"/>
              </a:ext>
            </a:extLst>
          </p:cNvPr>
          <p:cNvSpPr/>
          <p:nvPr/>
        </p:nvSpPr>
        <p:spPr>
          <a:xfrm>
            <a:off x="-63125" y="189883"/>
            <a:ext cx="10719089" cy="923330"/>
          </a:xfrm>
          <a:prstGeom prst="rect">
            <a:avLst/>
          </a:prstGeom>
          <a:noFill/>
        </p:spPr>
        <p:txBody>
          <a:bodyPr wrap="square" lIns="91440" tIns="45720" rIns="91440" bIns="45720">
            <a:spAutoFit/>
          </a:bodyPr>
          <a:lstStyle/>
          <a:p>
            <a:pPr algn="ctr"/>
            <a:r>
              <a:rPr lang="en-US" sz="5400" b="1" cap="none" spc="0" err="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Bài</a:t>
            </a:r>
            <a:r>
              <a:rPr lang="en-US"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 </a:t>
            </a:r>
            <a:r>
              <a:rPr lang="vi-VN"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1: Thông tin trên web</a:t>
            </a:r>
            <a:endParaRPr lang="en-US" sz="5400" b="1" cap="none" spc="0" dirty="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endParaRPr>
          </a:p>
        </p:txBody>
      </p:sp>
      <p:grpSp>
        <p:nvGrpSpPr>
          <p:cNvPr id="4" name="Group 6">
            <a:extLst>
              <a:ext uri="{FF2B5EF4-FFF2-40B4-BE49-F238E27FC236}">
                <a16:creationId xmlns:a16="http://schemas.microsoft.com/office/drawing/2014/main" id="{AFC2AB11-164D-BB7E-D061-B6C017F745A6}"/>
              </a:ext>
            </a:extLst>
          </p:cNvPr>
          <p:cNvGrpSpPr/>
          <p:nvPr/>
        </p:nvGrpSpPr>
        <p:grpSpPr>
          <a:xfrm>
            <a:off x="293025" y="940526"/>
            <a:ext cx="4896089" cy="657923"/>
            <a:chOff x="293561" y="1124296"/>
            <a:chExt cx="3713701" cy="1077218"/>
          </a:xfrm>
        </p:grpSpPr>
        <p:sp>
          <p:nvSpPr>
            <p:cNvPr id="5" name="Rectangle: Rounded Corners 44">
              <a:extLst>
                <a:ext uri="{FF2B5EF4-FFF2-40B4-BE49-F238E27FC236}">
                  <a16:creationId xmlns:a16="http://schemas.microsoft.com/office/drawing/2014/main" id="{F7631F67-4393-009F-58D6-4FB8B18AB418}"/>
                </a:ext>
              </a:extLst>
            </p:cNvPr>
            <p:cNvSpPr/>
            <p:nvPr/>
          </p:nvSpPr>
          <p:spPr>
            <a:xfrm>
              <a:off x="293561" y="1198683"/>
              <a:ext cx="3713701" cy="809738"/>
            </a:xfrm>
            <a:prstGeom prst="roundRect">
              <a:avLst>
                <a:gd name="adj" fmla="val 46278"/>
              </a:avLst>
            </a:prstGeom>
            <a:solidFill>
              <a:srgbClr val="FF8C65"/>
            </a:solidFill>
            <a:ln>
              <a:noFill/>
            </a:ln>
            <a:effectLst>
              <a:outerShdw blurRad="149987" dist="250190" dir="8460000" algn="ctr">
                <a:srgbClr val="000000">
                  <a:alpha val="28000"/>
                </a:srgbClr>
              </a:outerShdw>
              <a:reflection endPos="0" dist="254000" dir="5400000" sy="-100000" algn="bl" rotWithShape="0"/>
              <a:softEdge rad="0"/>
            </a:effectLst>
            <a:scene3d>
              <a:camera prst="orthographicFront">
                <a:rot lat="0" lon="0" rev="0"/>
              </a:camera>
              <a:lightRig rig="contrasting" dir="t">
                <a:rot lat="0" lon="0" rev="1500000"/>
              </a:lightRig>
            </a:scene3d>
            <a:sp3d prstMaterial="metal">
              <a:bevelT w="88900" h="889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8" name="TextBox 45">
              <a:extLst>
                <a:ext uri="{FF2B5EF4-FFF2-40B4-BE49-F238E27FC236}">
                  <a16:creationId xmlns:a16="http://schemas.microsoft.com/office/drawing/2014/main" id="{1561AF78-ACC1-D542-CF7C-9090F06EC148}"/>
                </a:ext>
              </a:extLst>
            </p:cNvPr>
            <p:cNvSpPr txBox="1"/>
            <p:nvPr/>
          </p:nvSpPr>
          <p:spPr>
            <a:xfrm>
              <a:off x="496832" y="1124296"/>
              <a:ext cx="3139370" cy="1077218"/>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sp>
        <p:nvSpPr>
          <p:cNvPr id="7" name="Hình chữ nhật: Góc Tròn 6">
            <a:extLst>
              <a:ext uri="{FF2B5EF4-FFF2-40B4-BE49-F238E27FC236}">
                <a16:creationId xmlns:a16="http://schemas.microsoft.com/office/drawing/2014/main" id="{C0734B32-C886-A35F-77BC-7C682B2F044F}"/>
              </a:ext>
            </a:extLst>
          </p:cNvPr>
          <p:cNvSpPr/>
          <p:nvPr/>
        </p:nvSpPr>
        <p:spPr>
          <a:xfrm>
            <a:off x="458672" y="3453544"/>
            <a:ext cx="10460036" cy="1668941"/>
          </a:xfrm>
          <a:custGeom>
            <a:avLst/>
            <a:gdLst>
              <a:gd name="connsiteX0" fmla="*/ 0 w 10460036"/>
              <a:gd name="connsiteY0" fmla="*/ 278162 h 1668941"/>
              <a:gd name="connsiteX1" fmla="*/ 278162 w 10460036"/>
              <a:gd name="connsiteY1" fmla="*/ 0 h 1668941"/>
              <a:gd name="connsiteX2" fmla="*/ 563622 w 10460036"/>
              <a:gd name="connsiteY2" fmla="*/ 0 h 1668941"/>
              <a:gd name="connsiteX3" fmla="*/ 948119 w 10460036"/>
              <a:gd name="connsiteY3" fmla="*/ 0 h 1668941"/>
              <a:gd name="connsiteX4" fmla="*/ 1431653 w 10460036"/>
              <a:gd name="connsiteY4" fmla="*/ 0 h 1668941"/>
              <a:gd name="connsiteX5" fmla="*/ 1816150 w 10460036"/>
              <a:gd name="connsiteY5" fmla="*/ 0 h 1668941"/>
              <a:gd name="connsiteX6" fmla="*/ 2497759 w 10460036"/>
              <a:gd name="connsiteY6" fmla="*/ 0 h 1668941"/>
              <a:gd name="connsiteX7" fmla="*/ 3278404 w 10460036"/>
              <a:gd name="connsiteY7" fmla="*/ 0 h 1668941"/>
              <a:gd name="connsiteX8" fmla="*/ 3860975 w 10460036"/>
              <a:gd name="connsiteY8" fmla="*/ 0 h 1668941"/>
              <a:gd name="connsiteX9" fmla="*/ 4542584 w 10460036"/>
              <a:gd name="connsiteY9" fmla="*/ 0 h 1668941"/>
              <a:gd name="connsiteX10" fmla="*/ 4927081 w 10460036"/>
              <a:gd name="connsiteY10" fmla="*/ 0 h 1668941"/>
              <a:gd name="connsiteX11" fmla="*/ 5509652 w 10460036"/>
              <a:gd name="connsiteY11" fmla="*/ 0 h 1668941"/>
              <a:gd name="connsiteX12" fmla="*/ 6191261 w 10460036"/>
              <a:gd name="connsiteY12" fmla="*/ 0 h 1668941"/>
              <a:gd name="connsiteX13" fmla="*/ 6971906 w 10460036"/>
              <a:gd name="connsiteY13" fmla="*/ 0 h 1668941"/>
              <a:gd name="connsiteX14" fmla="*/ 7257366 w 10460036"/>
              <a:gd name="connsiteY14" fmla="*/ 0 h 1668941"/>
              <a:gd name="connsiteX15" fmla="*/ 7641863 w 10460036"/>
              <a:gd name="connsiteY15" fmla="*/ 0 h 1668941"/>
              <a:gd name="connsiteX16" fmla="*/ 7927323 w 10460036"/>
              <a:gd name="connsiteY16" fmla="*/ 0 h 1668941"/>
              <a:gd name="connsiteX17" fmla="*/ 8410857 w 10460036"/>
              <a:gd name="connsiteY17" fmla="*/ 0 h 1668941"/>
              <a:gd name="connsiteX18" fmla="*/ 8696317 w 10460036"/>
              <a:gd name="connsiteY18" fmla="*/ 0 h 1668941"/>
              <a:gd name="connsiteX19" fmla="*/ 9179851 w 10460036"/>
              <a:gd name="connsiteY19" fmla="*/ 0 h 1668941"/>
              <a:gd name="connsiteX20" fmla="*/ 9564348 w 10460036"/>
              <a:gd name="connsiteY20" fmla="*/ 0 h 1668941"/>
              <a:gd name="connsiteX21" fmla="*/ 10181874 w 10460036"/>
              <a:gd name="connsiteY21" fmla="*/ 0 h 1668941"/>
              <a:gd name="connsiteX22" fmla="*/ 10460036 w 10460036"/>
              <a:gd name="connsiteY22" fmla="*/ 278162 h 1668941"/>
              <a:gd name="connsiteX23" fmla="*/ 10460036 w 10460036"/>
              <a:gd name="connsiteY23" fmla="*/ 834471 h 1668941"/>
              <a:gd name="connsiteX24" fmla="*/ 10460036 w 10460036"/>
              <a:gd name="connsiteY24" fmla="*/ 1390779 h 1668941"/>
              <a:gd name="connsiteX25" fmla="*/ 10181874 w 10460036"/>
              <a:gd name="connsiteY25" fmla="*/ 1668941 h 1668941"/>
              <a:gd name="connsiteX26" fmla="*/ 9698340 w 10460036"/>
              <a:gd name="connsiteY26" fmla="*/ 1668941 h 1668941"/>
              <a:gd name="connsiteX27" fmla="*/ 9016731 w 10460036"/>
              <a:gd name="connsiteY27" fmla="*/ 1668941 h 1668941"/>
              <a:gd name="connsiteX28" fmla="*/ 8731271 w 10460036"/>
              <a:gd name="connsiteY28" fmla="*/ 1668941 h 1668941"/>
              <a:gd name="connsiteX29" fmla="*/ 8148700 w 10460036"/>
              <a:gd name="connsiteY29" fmla="*/ 1668941 h 1668941"/>
              <a:gd name="connsiteX30" fmla="*/ 7467092 w 10460036"/>
              <a:gd name="connsiteY30" fmla="*/ 1668941 h 1668941"/>
              <a:gd name="connsiteX31" fmla="*/ 6785483 w 10460036"/>
              <a:gd name="connsiteY31" fmla="*/ 1668941 h 1668941"/>
              <a:gd name="connsiteX32" fmla="*/ 6103875 w 10460036"/>
              <a:gd name="connsiteY32" fmla="*/ 1668941 h 1668941"/>
              <a:gd name="connsiteX33" fmla="*/ 5620341 w 10460036"/>
              <a:gd name="connsiteY33" fmla="*/ 1668941 h 1668941"/>
              <a:gd name="connsiteX34" fmla="*/ 5037769 w 10460036"/>
              <a:gd name="connsiteY34" fmla="*/ 1668941 h 1668941"/>
              <a:gd name="connsiteX35" fmla="*/ 4257124 w 10460036"/>
              <a:gd name="connsiteY35" fmla="*/ 1668941 h 1668941"/>
              <a:gd name="connsiteX36" fmla="*/ 3476478 w 10460036"/>
              <a:gd name="connsiteY36" fmla="*/ 1668941 h 1668941"/>
              <a:gd name="connsiteX37" fmla="*/ 3091981 w 10460036"/>
              <a:gd name="connsiteY37" fmla="*/ 1668941 h 1668941"/>
              <a:gd name="connsiteX38" fmla="*/ 2707484 w 10460036"/>
              <a:gd name="connsiteY38" fmla="*/ 1668941 h 1668941"/>
              <a:gd name="connsiteX39" fmla="*/ 2422024 w 10460036"/>
              <a:gd name="connsiteY39" fmla="*/ 1668941 h 1668941"/>
              <a:gd name="connsiteX40" fmla="*/ 2037527 w 10460036"/>
              <a:gd name="connsiteY40" fmla="*/ 1668941 h 1668941"/>
              <a:gd name="connsiteX41" fmla="*/ 1454956 w 10460036"/>
              <a:gd name="connsiteY41" fmla="*/ 1668941 h 1668941"/>
              <a:gd name="connsiteX42" fmla="*/ 278162 w 10460036"/>
              <a:gd name="connsiteY42" fmla="*/ 1668941 h 1668941"/>
              <a:gd name="connsiteX43" fmla="*/ 0 w 10460036"/>
              <a:gd name="connsiteY43" fmla="*/ 1390779 h 1668941"/>
              <a:gd name="connsiteX44" fmla="*/ 0 w 10460036"/>
              <a:gd name="connsiteY44" fmla="*/ 867849 h 1668941"/>
              <a:gd name="connsiteX45" fmla="*/ 0 w 10460036"/>
              <a:gd name="connsiteY45" fmla="*/ 278162 h 16689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Lst>
            <a:rect l="l" t="t" r="r" b="b"/>
            <a:pathLst>
              <a:path w="10460036" h="1668941" extrusionOk="0">
                <a:moveTo>
                  <a:pt x="0" y="278162"/>
                </a:moveTo>
                <a:cubicBezTo>
                  <a:pt x="15089" y="113189"/>
                  <a:pt x="149884" y="22765"/>
                  <a:pt x="278162" y="0"/>
                </a:cubicBezTo>
                <a:cubicBezTo>
                  <a:pt x="401058" y="-25118"/>
                  <a:pt x="492813" y="27192"/>
                  <a:pt x="563622" y="0"/>
                </a:cubicBezTo>
                <a:cubicBezTo>
                  <a:pt x="634431" y="-27192"/>
                  <a:pt x="757953" y="24833"/>
                  <a:pt x="948119" y="0"/>
                </a:cubicBezTo>
                <a:cubicBezTo>
                  <a:pt x="1138285" y="-24833"/>
                  <a:pt x="1266125" y="52515"/>
                  <a:pt x="1431653" y="0"/>
                </a:cubicBezTo>
                <a:cubicBezTo>
                  <a:pt x="1597181" y="-52515"/>
                  <a:pt x="1684388" y="16398"/>
                  <a:pt x="1816150" y="0"/>
                </a:cubicBezTo>
                <a:cubicBezTo>
                  <a:pt x="1947912" y="-16398"/>
                  <a:pt x="2186229" y="38922"/>
                  <a:pt x="2497759" y="0"/>
                </a:cubicBezTo>
                <a:cubicBezTo>
                  <a:pt x="2809289" y="-38922"/>
                  <a:pt x="3053117" y="15246"/>
                  <a:pt x="3278404" y="0"/>
                </a:cubicBezTo>
                <a:cubicBezTo>
                  <a:pt x="3503692" y="-15246"/>
                  <a:pt x="3658077" y="53935"/>
                  <a:pt x="3860975" y="0"/>
                </a:cubicBezTo>
                <a:cubicBezTo>
                  <a:pt x="4063873" y="-53935"/>
                  <a:pt x="4360161" y="21323"/>
                  <a:pt x="4542584" y="0"/>
                </a:cubicBezTo>
                <a:cubicBezTo>
                  <a:pt x="4725007" y="-21323"/>
                  <a:pt x="4754652" y="14292"/>
                  <a:pt x="4927081" y="0"/>
                </a:cubicBezTo>
                <a:cubicBezTo>
                  <a:pt x="5099510" y="-14292"/>
                  <a:pt x="5219793" y="7115"/>
                  <a:pt x="5509652" y="0"/>
                </a:cubicBezTo>
                <a:cubicBezTo>
                  <a:pt x="5799511" y="-7115"/>
                  <a:pt x="6051078" y="72964"/>
                  <a:pt x="6191261" y="0"/>
                </a:cubicBezTo>
                <a:cubicBezTo>
                  <a:pt x="6331444" y="-72964"/>
                  <a:pt x="6616601" y="88409"/>
                  <a:pt x="6971906" y="0"/>
                </a:cubicBezTo>
                <a:cubicBezTo>
                  <a:pt x="7327212" y="-88409"/>
                  <a:pt x="7182808" y="29679"/>
                  <a:pt x="7257366" y="0"/>
                </a:cubicBezTo>
                <a:cubicBezTo>
                  <a:pt x="7331924" y="-29679"/>
                  <a:pt x="7560457" y="10405"/>
                  <a:pt x="7641863" y="0"/>
                </a:cubicBezTo>
                <a:cubicBezTo>
                  <a:pt x="7723269" y="-10405"/>
                  <a:pt x="7810566" y="583"/>
                  <a:pt x="7927323" y="0"/>
                </a:cubicBezTo>
                <a:cubicBezTo>
                  <a:pt x="8044080" y="-583"/>
                  <a:pt x="8264872" y="49732"/>
                  <a:pt x="8410857" y="0"/>
                </a:cubicBezTo>
                <a:cubicBezTo>
                  <a:pt x="8556842" y="-49732"/>
                  <a:pt x="8571195" y="19883"/>
                  <a:pt x="8696317" y="0"/>
                </a:cubicBezTo>
                <a:cubicBezTo>
                  <a:pt x="8821439" y="-19883"/>
                  <a:pt x="9038035" y="34467"/>
                  <a:pt x="9179851" y="0"/>
                </a:cubicBezTo>
                <a:cubicBezTo>
                  <a:pt x="9321667" y="-34467"/>
                  <a:pt x="9408709" y="32734"/>
                  <a:pt x="9564348" y="0"/>
                </a:cubicBezTo>
                <a:cubicBezTo>
                  <a:pt x="9719987" y="-32734"/>
                  <a:pt x="10051922" y="63626"/>
                  <a:pt x="10181874" y="0"/>
                </a:cubicBezTo>
                <a:cubicBezTo>
                  <a:pt x="10316490" y="17873"/>
                  <a:pt x="10448263" y="81506"/>
                  <a:pt x="10460036" y="278162"/>
                </a:cubicBezTo>
                <a:cubicBezTo>
                  <a:pt x="10486253" y="518811"/>
                  <a:pt x="10407773" y="604881"/>
                  <a:pt x="10460036" y="834471"/>
                </a:cubicBezTo>
                <a:cubicBezTo>
                  <a:pt x="10512299" y="1064061"/>
                  <a:pt x="10435787" y="1222820"/>
                  <a:pt x="10460036" y="1390779"/>
                </a:cubicBezTo>
                <a:cubicBezTo>
                  <a:pt x="10447952" y="1504192"/>
                  <a:pt x="10307152" y="1674924"/>
                  <a:pt x="10181874" y="1668941"/>
                </a:cubicBezTo>
                <a:cubicBezTo>
                  <a:pt x="9968851" y="1711478"/>
                  <a:pt x="9795654" y="1637087"/>
                  <a:pt x="9698340" y="1668941"/>
                </a:cubicBezTo>
                <a:cubicBezTo>
                  <a:pt x="9601026" y="1700795"/>
                  <a:pt x="9168773" y="1637238"/>
                  <a:pt x="9016731" y="1668941"/>
                </a:cubicBezTo>
                <a:cubicBezTo>
                  <a:pt x="8864689" y="1700644"/>
                  <a:pt x="8842493" y="1654005"/>
                  <a:pt x="8731271" y="1668941"/>
                </a:cubicBezTo>
                <a:cubicBezTo>
                  <a:pt x="8620049" y="1683877"/>
                  <a:pt x="8393811" y="1627164"/>
                  <a:pt x="8148700" y="1668941"/>
                </a:cubicBezTo>
                <a:cubicBezTo>
                  <a:pt x="7903589" y="1710718"/>
                  <a:pt x="7746462" y="1620564"/>
                  <a:pt x="7467092" y="1668941"/>
                </a:cubicBezTo>
                <a:cubicBezTo>
                  <a:pt x="7187722" y="1717318"/>
                  <a:pt x="7123949" y="1665486"/>
                  <a:pt x="6785483" y="1668941"/>
                </a:cubicBezTo>
                <a:cubicBezTo>
                  <a:pt x="6447017" y="1672396"/>
                  <a:pt x="6352537" y="1618152"/>
                  <a:pt x="6103875" y="1668941"/>
                </a:cubicBezTo>
                <a:cubicBezTo>
                  <a:pt x="5855213" y="1719730"/>
                  <a:pt x="5858982" y="1612934"/>
                  <a:pt x="5620341" y="1668941"/>
                </a:cubicBezTo>
                <a:cubicBezTo>
                  <a:pt x="5381700" y="1724948"/>
                  <a:pt x="5270931" y="1657588"/>
                  <a:pt x="5037769" y="1668941"/>
                </a:cubicBezTo>
                <a:cubicBezTo>
                  <a:pt x="4804607" y="1680294"/>
                  <a:pt x="4636873" y="1639246"/>
                  <a:pt x="4257124" y="1668941"/>
                </a:cubicBezTo>
                <a:cubicBezTo>
                  <a:pt x="3877375" y="1698636"/>
                  <a:pt x="3834486" y="1616067"/>
                  <a:pt x="3476478" y="1668941"/>
                </a:cubicBezTo>
                <a:cubicBezTo>
                  <a:pt x="3118470" y="1721815"/>
                  <a:pt x="3177837" y="1625696"/>
                  <a:pt x="3091981" y="1668941"/>
                </a:cubicBezTo>
                <a:cubicBezTo>
                  <a:pt x="3006125" y="1712186"/>
                  <a:pt x="2856641" y="1642730"/>
                  <a:pt x="2707484" y="1668941"/>
                </a:cubicBezTo>
                <a:cubicBezTo>
                  <a:pt x="2558327" y="1695152"/>
                  <a:pt x="2562611" y="1658900"/>
                  <a:pt x="2422024" y="1668941"/>
                </a:cubicBezTo>
                <a:cubicBezTo>
                  <a:pt x="2281437" y="1678982"/>
                  <a:pt x="2164823" y="1639519"/>
                  <a:pt x="2037527" y="1668941"/>
                </a:cubicBezTo>
                <a:cubicBezTo>
                  <a:pt x="1910231" y="1698363"/>
                  <a:pt x="1620970" y="1636167"/>
                  <a:pt x="1454956" y="1668941"/>
                </a:cubicBezTo>
                <a:cubicBezTo>
                  <a:pt x="1288942" y="1701715"/>
                  <a:pt x="793866" y="1612726"/>
                  <a:pt x="278162" y="1668941"/>
                </a:cubicBezTo>
                <a:cubicBezTo>
                  <a:pt x="136901" y="1666255"/>
                  <a:pt x="-4122" y="1582803"/>
                  <a:pt x="0" y="1390779"/>
                </a:cubicBezTo>
                <a:cubicBezTo>
                  <a:pt x="-6294" y="1231088"/>
                  <a:pt x="15150" y="979440"/>
                  <a:pt x="0" y="867849"/>
                </a:cubicBezTo>
                <a:cubicBezTo>
                  <a:pt x="-15150" y="756258"/>
                  <a:pt x="57640" y="520379"/>
                  <a:pt x="0" y="278162"/>
                </a:cubicBezTo>
                <a:close/>
              </a:path>
            </a:pathLst>
          </a:custGeom>
          <a:noFill/>
          <a:ln w="57150">
            <a:noFill/>
            <a:prstDash val="lgDashDotDot"/>
            <a:extLst>
              <a:ext uri="{C807C97D-BFC1-408E-A445-0C87EB9F89A2}">
                <ask:lineSketchStyleProps xmlns:ask="http://schemas.microsoft.com/office/drawing/2018/sketchyshapes" sd="2745233706">
                  <a:prstGeom prst="roundRect">
                    <a:avLst/>
                  </a:prstGeom>
                  <ask:type>
                    <ask:lineSketchScribble/>
                  </ask:type>
                </ask:lineSketchStyleProps>
              </a:ext>
            </a:extLst>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vi-VN" sz="3600">
                <a:solidFill>
                  <a:schemeClr val="tx1"/>
                </a:solidFill>
                <a:latin typeface="+mj-lt"/>
              </a:rPr>
              <a:t>- Website:.................................................có liên quan và…………………..............</a:t>
            </a:r>
          </a:p>
        </p:txBody>
      </p:sp>
      <p:sp>
        <p:nvSpPr>
          <p:cNvPr id="9" name="Hình chữ nhật: Góc Tròn 8">
            <a:extLst>
              <a:ext uri="{FF2B5EF4-FFF2-40B4-BE49-F238E27FC236}">
                <a16:creationId xmlns:a16="http://schemas.microsoft.com/office/drawing/2014/main" id="{5899379D-D94C-4CFA-EBA4-8482B9C27650}"/>
              </a:ext>
            </a:extLst>
          </p:cNvPr>
          <p:cNvSpPr/>
          <p:nvPr/>
        </p:nvSpPr>
        <p:spPr>
          <a:xfrm>
            <a:off x="458672" y="4811234"/>
            <a:ext cx="10341091" cy="1668941"/>
          </a:xfrm>
          <a:custGeom>
            <a:avLst/>
            <a:gdLst>
              <a:gd name="connsiteX0" fmla="*/ 0 w 10341091"/>
              <a:gd name="connsiteY0" fmla="*/ 278162 h 1668941"/>
              <a:gd name="connsiteX1" fmla="*/ 278162 w 10341091"/>
              <a:gd name="connsiteY1" fmla="*/ 0 h 1668941"/>
              <a:gd name="connsiteX2" fmla="*/ 560194 w 10341091"/>
              <a:gd name="connsiteY2" fmla="*/ 0 h 1668941"/>
              <a:gd name="connsiteX3" fmla="*/ 940073 w 10341091"/>
              <a:gd name="connsiteY3" fmla="*/ 0 h 1668941"/>
              <a:gd name="connsiteX4" fmla="*/ 1417800 w 10341091"/>
              <a:gd name="connsiteY4" fmla="*/ 0 h 1668941"/>
              <a:gd name="connsiteX5" fmla="*/ 1797679 w 10341091"/>
              <a:gd name="connsiteY5" fmla="*/ 0 h 1668941"/>
              <a:gd name="connsiteX6" fmla="*/ 2471101 w 10341091"/>
              <a:gd name="connsiteY6" fmla="*/ 0 h 1668941"/>
              <a:gd name="connsiteX7" fmla="*/ 3242371 w 10341091"/>
              <a:gd name="connsiteY7" fmla="*/ 0 h 1668941"/>
              <a:gd name="connsiteX8" fmla="*/ 3817945 w 10341091"/>
              <a:gd name="connsiteY8" fmla="*/ 0 h 1668941"/>
              <a:gd name="connsiteX9" fmla="*/ 4491368 w 10341091"/>
              <a:gd name="connsiteY9" fmla="*/ 0 h 1668941"/>
              <a:gd name="connsiteX10" fmla="*/ 4871247 w 10341091"/>
              <a:gd name="connsiteY10" fmla="*/ 0 h 1668941"/>
              <a:gd name="connsiteX11" fmla="*/ 5446821 w 10341091"/>
              <a:gd name="connsiteY11" fmla="*/ 0 h 1668941"/>
              <a:gd name="connsiteX12" fmla="*/ 6120243 w 10341091"/>
              <a:gd name="connsiteY12" fmla="*/ 0 h 1668941"/>
              <a:gd name="connsiteX13" fmla="*/ 6891513 w 10341091"/>
              <a:gd name="connsiteY13" fmla="*/ 0 h 1668941"/>
              <a:gd name="connsiteX14" fmla="*/ 7173545 w 10341091"/>
              <a:gd name="connsiteY14" fmla="*/ 0 h 1668941"/>
              <a:gd name="connsiteX15" fmla="*/ 7553424 w 10341091"/>
              <a:gd name="connsiteY15" fmla="*/ 0 h 1668941"/>
              <a:gd name="connsiteX16" fmla="*/ 7835456 w 10341091"/>
              <a:gd name="connsiteY16" fmla="*/ 0 h 1668941"/>
              <a:gd name="connsiteX17" fmla="*/ 8313182 w 10341091"/>
              <a:gd name="connsiteY17" fmla="*/ 0 h 1668941"/>
              <a:gd name="connsiteX18" fmla="*/ 8595214 w 10341091"/>
              <a:gd name="connsiteY18" fmla="*/ 0 h 1668941"/>
              <a:gd name="connsiteX19" fmla="*/ 9072941 w 10341091"/>
              <a:gd name="connsiteY19" fmla="*/ 0 h 1668941"/>
              <a:gd name="connsiteX20" fmla="*/ 9452820 w 10341091"/>
              <a:gd name="connsiteY20" fmla="*/ 0 h 1668941"/>
              <a:gd name="connsiteX21" fmla="*/ 10062929 w 10341091"/>
              <a:gd name="connsiteY21" fmla="*/ 0 h 1668941"/>
              <a:gd name="connsiteX22" fmla="*/ 10341091 w 10341091"/>
              <a:gd name="connsiteY22" fmla="*/ 278162 h 1668941"/>
              <a:gd name="connsiteX23" fmla="*/ 10341091 w 10341091"/>
              <a:gd name="connsiteY23" fmla="*/ 834471 h 1668941"/>
              <a:gd name="connsiteX24" fmla="*/ 10341091 w 10341091"/>
              <a:gd name="connsiteY24" fmla="*/ 1390779 h 1668941"/>
              <a:gd name="connsiteX25" fmla="*/ 10062929 w 10341091"/>
              <a:gd name="connsiteY25" fmla="*/ 1668941 h 1668941"/>
              <a:gd name="connsiteX26" fmla="*/ 9585202 w 10341091"/>
              <a:gd name="connsiteY26" fmla="*/ 1668941 h 1668941"/>
              <a:gd name="connsiteX27" fmla="*/ 8911780 w 10341091"/>
              <a:gd name="connsiteY27" fmla="*/ 1668941 h 1668941"/>
              <a:gd name="connsiteX28" fmla="*/ 8629748 w 10341091"/>
              <a:gd name="connsiteY28" fmla="*/ 1668941 h 1668941"/>
              <a:gd name="connsiteX29" fmla="*/ 8054174 w 10341091"/>
              <a:gd name="connsiteY29" fmla="*/ 1668941 h 1668941"/>
              <a:gd name="connsiteX30" fmla="*/ 7380752 w 10341091"/>
              <a:gd name="connsiteY30" fmla="*/ 1668941 h 1668941"/>
              <a:gd name="connsiteX31" fmla="*/ 6707329 w 10341091"/>
              <a:gd name="connsiteY31" fmla="*/ 1668941 h 1668941"/>
              <a:gd name="connsiteX32" fmla="*/ 6033907 w 10341091"/>
              <a:gd name="connsiteY32" fmla="*/ 1668941 h 1668941"/>
              <a:gd name="connsiteX33" fmla="*/ 5556180 w 10341091"/>
              <a:gd name="connsiteY33" fmla="*/ 1668941 h 1668941"/>
              <a:gd name="connsiteX34" fmla="*/ 4980606 w 10341091"/>
              <a:gd name="connsiteY34" fmla="*/ 1668941 h 1668941"/>
              <a:gd name="connsiteX35" fmla="*/ 4209336 w 10341091"/>
              <a:gd name="connsiteY35" fmla="*/ 1668941 h 1668941"/>
              <a:gd name="connsiteX36" fmla="*/ 3438066 w 10341091"/>
              <a:gd name="connsiteY36" fmla="*/ 1668941 h 1668941"/>
              <a:gd name="connsiteX37" fmla="*/ 3058187 w 10341091"/>
              <a:gd name="connsiteY37" fmla="*/ 1668941 h 1668941"/>
              <a:gd name="connsiteX38" fmla="*/ 2678308 w 10341091"/>
              <a:gd name="connsiteY38" fmla="*/ 1668941 h 1668941"/>
              <a:gd name="connsiteX39" fmla="*/ 2396276 w 10341091"/>
              <a:gd name="connsiteY39" fmla="*/ 1668941 h 1668941"/>
              <a:gd name="connsiteX40" fmla="*/ 2016397 w 10341091"/>
              <a:gd name="connsiteY40" fmla="*/ 1668941 h 1668941"/>
              <a:gd name="connsiteX41" fmla="*/ 1440823 w 10341091"/>
              <a:gd name="connsiteY41" fmla="*/ 1668941 h 1668941"/>
              <a:gd name="connsiteX42" fmla="*/ 278162 w 10341091"/>
              <a:gd name="connsiteY42" fmla="*/ 1668941 h 1668941"/>
              <a:gd name="connsiteX43" fmla="*/ 0 w 10341091"/>
              <a:gd name="connsiteY43" fmla="*/ 1390779 h 1668941"/>
              <a:gd name="connsiteX44" fmla="*/ 0 w 10341091"/>
              <a:gd name="connsiteY44" fmla="*/ 867849 h 1668941"/>
              <a:gd name="connsiteX45" fmla="*/ 0 w 10341091"/>
              <a:gd name="connsiteY45" fmla="*/ 278162 h 16689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Lst>
            <a:rect l="l" t="t" r="r" b="b"/>
            <a:pathLst>
              <a:path w="10341091" h="1668941" extrusionOk="0">
                <a:moveTo>
                  <a:pt x="0" y="278162"/>
                </a:moveTo>
                <a:cubicBezTo>
                  <a:pt x="15089" y="113189"/>
                  <a:pt x="149884" y="22765"/>
                  <a:pt x="278162" y="0"/>
                </a:cubicBezTo>
                <a:cubicBezTo>
                  <a:pt x="357608" y="-30530"/>
                  <a:pt x="497347" y="15216"/>
                  <a:pt x="560194" y="0"/>
                </a:cubicBezTo>
                <a:cubicBezTo>
                  <a:pt x="623041" y="-15216"/>
                  <a:pt x="810674" y="3850"/>
                  <a:pt x="940073" y="0"/>
                </a:cubicBezTo>
                <a:cubicBezTo>
                  <a:pt x="1069472" y="-3850"/>
                  <a:pt x="1199363" y="40478"/>
                  <a:pt x="1417800" y="0"/>
                </a:cubicBezTo>
                <a:cubicBezTo>
                  <a:pt x="1636237" y="-40478"/>
                  <a:pt x="1654666" y="23929"/>
                  <a:pt x="1797679" y="0"/>
                </a:cubicBezTo>
                <a:cubicBezTo>
                  <a:pt x="1940692" y="-23929"/>
                  <a:pt x="2304698" y="64248"/>
                  <a:pt x="2471101" y="0"/>
                </a:cubicBezTo>
                <a:cubicBezTo>
                  <a:pt x="2637504" y="-64248"/>
                  <a:pt x="2910481" y="63639"/>
                  <a:pt x="3242371" y="0"/>
                </a:cubicBezTo>
                <a:cubicBezTo>
                  <a:pt x="3574261" y="-63639"/>
                  <a:pt x="3653806" y="33071"/>
                  <a:pt x="3817945" y="0"/>
                </a:cubicBezTo>
                <a:cubicBezTo>
                  <a:pt x="3982084" y="-33071"/>
                  <a:pt x="4346810" y="34259"/>
                  <a:pt x="4491368" y="0"/>
                </a:cubicBezTo>
                <a:cubicBezTo>
                  <a:pt x="4635926" y="-34259"/>
                  <a:pt x="4701060" y="20197"/>
                  <a:pt x="4871247" y="0"/>
                </a:cubicBezTo>
                <a:cubicBezTo>
                  <a:pt x="5041434" y="-20197"/>
                  <a:pt x="5316791" y="34742"/>
                  <a:pt x="5446821" y="0"/>
                </a:cubicBezTo>
                <a:cubicBezTo>
                  <a:pt x="5576851" y="-34742"/>
                  <a:pt x="5962831" y="30191"/>
                  <a:pt x="6120243" y="0"/>
                </a:cubicBezTo>
                <a:cubicBezTo>
                  <a:pt x="6277655" y="-30191"/>
                  <a:pt x="6632967" y="50103"/>
                  <a:pt x="6891513" y="0"/>
                </a:cubicBezTo>
                <a:cubicBezTo>
                  <a:pt x="7150059" y="-50103"/>
                  <a:pt x="7114131" y="22184"/>
                  <a:pt x="7173545" y="0"/>
                </a:cubicBezTo>
                <a:cubicBezTo>
                  <a:pt x="7232959" y="-22184"/>
                  <a:pt x="7368822" y="45546"/>
                  <a:pt x="7553424" y="0"/>
                </a:cubicBezTo>
                <a:cubicBezTo>
                  <a:pt x="7738026" y="-45546"/>
                  <a:pt x="7778689" y="5877"/>
                  <a:pt x="7835456" y="0"/>
                </a:cubicBezTo>
                <a:cubicBezTo>
                  <a:pt x="7892223" y="-5877"/>
                  <a:pt x="8090298" y="10709"/>
                  <a:pt x="8313182" y="0"/>
                </a:cubicBezTo>
                <a:cubicBezTo>
                  <a:pt x="8536066" y="-10709"/>
                  <a:pt x="8482145" y="4132"/>
                  <a:pt x="8595214" y="0"/>
                </a:cubicBezTo>
                <a:cubicBezTo>
                  <a:pt x="8708283" y="-4132"/>
                  <a:pt x="8945592" y="8175"/>
                  <a:pt x="9072941" y="0"/>
                </a:cubicBezTo>
                <a:cubicBezTo>
                  <a:pt x="9200290" y="-8175"/>
                  <a:pt x="9311331" y="30229"/>
                  <a:pt x="9452820" y="0"/>
                </a:cubicBezTo>
                <a:cubicBezTo>
                  <a:pt x="9594309" y="-30229"/>
                  <a:pt x="9925052" y="32530"/>
                  <a:pt x="10062929" y="0"/>
                </a:cubicBezTo>
                <a:cubicBezTo>
                  <a:pt x="10197545" y="17873"/>
                  <a:pt x="10329318" y="81506"/>
                  <a:pt x="10341091" y="278162"/>
                </a:cubicBezTo>
                <a:cubicBezTo>
                  <a:pt x="10367308" y="518811"/>
                  <a:pt x="10288828" y="604881"/>
                  <a:pt x="10341091" y="834471"/>
                </a:cubicBezTo>
                <a:cubicBezTo>
                  <a:pt x="10393354" y="1064061"/>
                  <a:pt x="10316842" y="1222820"/>
                  <a:pt x="10341091" y="1390779"/>
                </a:cubicBezTo>
                <a:cubicBezTo>
                  <a:pt x="10329007" y="1504192"/>
                  <a:pt x="10188207" y="1674924"/>
                  <a:pt x="10062929" y="1668941"/>
                </a:cubicBezTo>
                <a:cubicBezTo>
                  <a:pt x="9965262" y="1700456"/>
                  <a:pt x="9759447" y="1612542"/>
                  <a:pt x="9585202" y="1668941"/>
                </a:cubicBezTo>
                <a:cubicBezTo>
                  <a:pt x="9410957" y="1725340"/>
                  <a:pt x="9129813" y="1645745"/>
                  <a:pt x="8911780" y="1668941"/>
                </a:cubicBezTo>
                <a:cubicBezTo>
                  <a:pt x="8693747" y="1692137"/>
                  <a:pt x="8686214" y="1647103"/>
                  <a:pt x="8629748" y="1668941"/>
                </a:cubicBezTo>
                <a:cubicBezTo>
                  <a:pt x="8573282" y="1690779"/>
                  <a:pt x="8175339" y="1638894"/>
                  <a:pt x="8054174" y="1668941"/>
                </a:cubicBezTo>
                <a:cubicBezTo>
                  <a:pt x="7933009" y="1698988"/>
                  <a:pt x="7619349" y="1590790"/>
                  <a:pt x="7380752" y="1668941"/>
                </a:cubicBezTo>
                <a:cubicBezTo>
                  <a:pt x="7142155" y="1747092"/>
                  <a:pt x="6991507" y="1656749"/>
                  <a:pt x="6707329" y="1668941"/>
                </a:cubicBezTo>
                <a:cubicBezTo>
                  <a:pt x="6423151" y="1681133"/>
                  <a:pt x="6255639" y="1618383"/>
                  <a:pt x="6033907" y="1668941"/>
                </a:cubicBezTo>
                <a:cubicBezTo>
                  <a:pt x="5812175" y="1719499"/>
                  <a:pt x="5766458" y="1630644"/>
                  <a:pt x="5556180" y="1668941"/>
                </a:cubicBezTo>
                <a:cubicBezTo>
                  <a:pt x="5345902" y="1707238"/>
                  <a:pt x="5261219" y="1619991"/>
                  <a:pt x="4980606" y="1668941"/>
                </a:cubicBezTo>
                <a:cubicBezTo>
                  <a:pt x="4699993" y="1717891"/>
                  <a:pt x="4469168" y="1598462"/>
                  <a:pt x="4209336" y="1668941"/>
                </a:cubicBezTo>
                <a:cubicBezTo>
                  <a:pt x="3949504" y="1739420"/>
                  <a:pt x="3768546" y="1654146"/>
                  <a:pt x="3438066" y="1668941"/>
                </a:cubicBezTo>
                <a:cubicBezTo>
                  <a:pt x="3107586" y="1683736"/>
                  <a:pt x="3244423" y="1632299"/>
                  <a:pt x="3058187" y="1668941"/>
                </a:cubicBezTo>
                <a:cubicBezTo>
                  <a:pt x="2871951" y="1705583"/>
                  <a:pt x="2848244" y="1625127"/>
                  <a:pt x="2678308" y="1668941"/>
                </a:cubicBezTo>
                <a:cubicBezTo>
                  <a:pt x="2508372" y="1712755"/>
                  <a:pt x="2473664" y="1652666"/>
                  <a:pt x="2396276" y="1668941"/>
                </a:cubicBezTo>
                <a:cubicBezTo>
                  <a:pt x="2318888" y="1685216"/>
                  <a:pt x="2103260" y="1624500"/>
                  <a:pt x="2016397" y="1668941"/>
                </a:cubicBezTo>
                <a:cubicBezTo>
                  <a:pt x="1929534" y="1713382"/>
                  <a:pt x="1591729" y="1601910"/>
                  <a:pt x="1440823" y="1668941"/>
                </a:cubicBezTo>
                <a:cubicBezTo>
                  <a:pt x="1289917" y="1735972"/>
                  <a:pt x="789582" y="1666979"/>
                  <a:pt x="278162" y="1668941"/>
                </a:cubicBezTo>
                <a:cubicBezTo>
                  <a:pt x="136901" y="1666255"/>
                  <a:pt x="-4122" y="1582803"/>
                  <a:pt x="0" y="1390779"/>
                </a:cubicBezTo>
                <a:cubicBezTo>
                  <a:pt x="-6294" y="1231088"/>
                  <a:pt x="15150" y="979440"/>
                  <a:pt x="0" y="867849"/>
                </a:cubicBezTo>
                <a:cubicBezTo>
                  <a:pt x="-15150" y="756258"/>
                  <a:pt x="57640" y="520379"/>
                  <a:pt x="0" y="278162"/>
                </a:cubicBezTo>
                <a:close/>
              </a:path>
            </a:pathLst>
          </a:custGeom>
          <a:noFill/>
          <a:ln w="57150">
            <a:noFill/>
            <a:prstDash val="lgDashDotDot"/>
            <a:extLst>
              <a:ext uri="{C807C97D-BFC1-408E-A445-0C87EB9F89A2}">
                <ask:lineSketchStyleProps xmlns:ask="http://schemas.microsoft.com/office/drawing/2018/sketchyshapes" sd="2745233706">
                  <a:prstGeom prst="roundRect">
                    <a:avLst/>
                  </a:prstGeom>
                  <ask:type>
                    <ask:lineSketchScribble/>
                  </ask:type>
                </ask:lineSketchStyleProps>
              </a:ext>
            </a:extLst>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just"/>
            <a:r>
              <a:rPr lang="vi-VN" sz="3600">
                <a:solidFill>
                  <a:schemeClr val="tx1"/>
                </a:solidFill>
                <a:latin typeface="+mj-lt"/>
              </a:rPr>
              <a:t>- Địa chỉ Website là dòng chữ bắt đầu bằng ……………………...được dùng để…………………..</a:t>
            </a:r>
            <a:endParaRPr lang="en-US" sz="3600">
              <a:solidFill>
                <a:schemeClr val="tx1"/>
              </a:solidFill>
              <a:latin typeface="+mj-lt"/>
            </a:endParaRPr>
          </a:p>
        </p:txBody>
      </p:sp>
      <p:sp>
        <p:nvSpPr>
          <p:cNvPr id="11" name="Hộp Văn bản 10">
            <a:extLst>
              <a:ext uri="{FF2B5EF4-FFF2-40B4-BE49-F238E27FC236}">
                <a16:creationId xmlns:a16="http://schemas.microsoft.com/office/drawing/2014/main" id="{79490933-852B-5409-53E6-7A1D8BA35FDF}"/>
              </a:ext>
            </a:extLst>
          </p:cNvPr>
          <p:cNvSpPr txBox="1"/>
          <p:nvPr/>
        </p:nvSpPr>
        <p:spPr>
          <a:xfrm>
            <a:off x="457671" y="3092248"/>
            <a:ext cx="4590247" cy="584775"/>
          </a:xfrm>
          <a:prstGeom prst="rect">
            <a:avLst/>
          </a:prstGeom>
          <a:noFill/>
        </p:spPr>
        <p:txBody>
          <a:bodyPr wrap="square">
            <a:spAutoFit/>
          </a:bodyPr>
          <a:lstStyle/>
          <a:p>
            <a:r>
              <a:rPr lang="vi-VN" sz="3200">
                <a:solidFill>
                  <a:srgbClr val="FF0070"/>
                </a:solidFill>
                <a:latin typeface="+mj-lt"/>
              </a:rPr>
              <a:t>tập hợp các trang Web</a:t>
            </a:r>
            <a:endParaRPr lang="en-US" sz="2800">
              <a:solidFill>
                <a:srgbClr val="FF0070"/>
              </a:solidFill>
            </a:endParaRPr>
          </a:p>
        </p:txBody>
      </p:sp>
      <p:sp>
        <p:nvSpPr>
          <p:cNvPr id="13" name="Hộp Văn bản 12">
            <a:extLst>
              <a:ext uri="{FF2B5EF4-FFF2-40B4-BE49-F238E27FC236}">
                <a16:creationId xmlns:a16="http://schemas.microsoft.com/office/drawing/2014/main" id="{73105498-9EF9-852F-DB37-81409B315BDB}"/>
              </a:ext>
            </a:extLst>
          </p:cNvPr>
          <p:cNvSpPr txBox="1"/>
          <p:nvPr/>
        </p:nvSpPr>
        <p:spPr>
          <a:xfrm>
            <a:off x="5684904" y="2420048"/>
            <a:ext cx="4782278" cy="584775"/>
          </a:xfrm>
          <a:prstGeom prst="rect">
            <a:avLst/>
          </a:prstGeom>
          <a:noFill/>
        </p:spPr>
        <p:txBody>
          <a:bodyPr wrap="square">
            <a:spAutoFit/>
          </a:bodyPr>
          <a:lstStyle/>
          <a:p>
            <a:r>
              <a:rPr lang="vi-VN" sz="3200">
                <a:solidFill>
                  <a:srgbClr val="FF0070"/>
                </a:solidFill>
                <a:latin typeface="+mj-lt"/>
              </a:rPr>
              <a:t>được gắn cùng một địa chỉ.</a:t>
            </a:r>
            <a:endParaRPr lang="en-US" sz="2800">
              <a:solidFill>
                <a:srgbClr val="FF0070"/>
              </a:solidFill>
            </a:endParaRPr>
          </a:p>
        </p:txBody>
      </p:sp>
      <p:sp>
        <p:nvSpPr>
          <p:cNvPr id="15" name="Hộp Văn bản 14">
            <a:extLst>
              <a:ext uri="{FF2B5EF4-FFF2-40B4-BE49-F238E27FC236}">
                <a16:creationId xmlns:a16="http://schemas.microsoft.com/office/drawing/2014/main" id="{6AB1BEE5-4AB7-3B79-4E8A-200FCF848DA5}"/>
              </a:ext>
            </a:extLst>
          </p:cNvPr>
          <p:cNvSpPr txBox="1"/>
          <p:nvPr/>
        </p:nvSpPr>
        <p:spPr>
          <a:xfrm>
            <a:off x="789916" y="2440271"/>
            <a:ext cx="3778367" cy="584775"/>
          </a:xfrm>
          <a:prstGeom prst="rect">
            <a:avLst/>
          </a:prstGeom>
          <a:noFill/>
          <a:ln>
            <a:noFill/>
          </a:ln>
        </p:spPr>
        <p:style>
          <a:lnRef idx="2">
            <a:schemeClr val="accent1"/>
          </a:lnRef>
          <a:fillRef idx="1">
            <a:schemeClr val="lt1"/>
          </a:fillRef>
          <a:effectRef idx="0">
            <a:schemeClr val="accent1"/>
          </a:effectRef>
          <a:fontRef idx="minor">
            <a:schemeClr val="dk1"/>
          </a:fontRef>
        </p:style>
        <p:txBody>
          <a:bodyPr wrap="square">
            <a:spAutoFit/>
          </a:bodyPr>
          <a:lstStyle/>
          <a:p>
            <a:r>
              <a:rPr lang="vi-VN" sz="3200">
                <a:solidFill>
                  <a:srgbClr val="FF0070"/>
                </a:solidFill>
                <a:latin typeface="+mj-lt"/>
              </a:rPr>
              <a:t>http:// hoặc https:// </a:t>
            </a:r>
            <a:endParaRPr lang="en-US" sz="2800">
              <a:solidFill>
                <a:srgbClr val="FF0070"/>
              </a:solidFill>
            </a:endParaRPr>
          </a:p>
        </p:txBody>
      </p:sp>
      <p:sp>
        <p:nvSpPr>
          <p:cNvPr id="17" name="Hộp Văn bản 16">
            <a:extLst>
              <a:ext uri="{FF2B5EF4-FFF2-40B4-BE49-F238E27FC236}">
                <a16:creationId xmlns:a16="http://schemas.microsoft.com/office/drawing/2014/main" id="{71657321-E7F7-82BE-CA83-4C8600BDD589}"/>
              </a:ext>
            </a:extLst>
          </p:cNvPr>
          <p:cNvSpPr txBox="1"/>
          <p:nvPr/>
        </p:nvSpPr>
        <p:spPr>
          <a:xfrm>
            <a:off x="6181725" y="3092249"/>
            <a:ext cx="4160367" cy="584775"/>
          </a:xfrm>
          <a:prstGeom prst="rect">
            <a:avLst/>
          </a:prstGeom>
          <a:noFill/>
        </p:spPr>
        <p:txBody>
          <a:bodyPr wrap="square">
            <a:spAutoFit/>
          </a:bodyPr>
          <a:lstStyle/>
          <a:p>
            <a:r>
              <a:rPr lang="vi-VN" sz="3200">
                <a:solidFill>
                  <a:srgbClr val="FF0070"/>
                </a:solidFill>
                <a:latin typeface="+mj-lt"/>
              </a:rPr>
              <a:t>truy cập tới Website</a:t>
            </a:r>
            <a:endParaRPr lang="en-US" sz="2800">
              <a:solidFill>
                <a:srgbClr val="FF0070"/>
              </a:solidFill>
            </a:endParaRPr>
          </a:p>
        </p:txBody>
      </p:sp>
      <p:sp>
        <p:nvSpPr>
          <p:cNvPr id="18" name="Rectangle: Rounded Corners 123">
            <a:extLst>
              <a:ext uri="{FF2B5EF4-FFF2-40B4-BE49-F238E27FC236}">
                <a16:creationId xmlns:a16="http://schemas.microsoft.com/office/drawing/2014/main" id="{E04D2357-B71E-4714-790D-591363A55F3A}"/>
              </a:ext>
            </a:extLst>
          </p:cNvPr>
          <p:cNvSpPr/>
          <p:nvPr/>
        </p:nvSpPr>
        <p:spPr>
          <a:xfrm>
            <a:off x="1136545" y="1392687"/>
            <a:ext cx="8375020" cy="923330"/>
          </a:xfrm>
          <a:prstGeom prst="roundRect">
            <a:avLst/>
          </a:prstGeom>
          <a:noFill/>
          <a:ln>
            <a:noFill/>
          </a:ln>
          <a:effectLst>
            <a:glow rad="63500">
              <a:schemeClr val="accent1">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3200" b="1">
                <a:solidFill>
                  <a:srgbClr val="002060"/>
                </a:solidFill>
                <a:latin typeface="Times New Roman" panose="02020603050405020304" pitchFamily="18" charset="0"/>
                <a:cs typeface="Times New Roman" panose="02020603050405020304" pitchFamily="18" charset="0"/>
              </a:rPr>
              <a:t>Điền cụm từ thích hợp vào chỗ trống:</a:t>
            </a:r>
          </a:p>
        </p:txBody>
      </p:sp>
    </p:spTree>
    <p:custDataLst>
      <p:tags r:id="rId1"/>
    </p:custDataLst>
    <p:extLst>
      <p:ext uri="{BB962C8B-B14F-4D97-AF65-F5344CB8AC3E}">
        <p14:creationId xmlns:p14="http://schemas.microsoft.com/office/powerpoint/2010/main" val="3967616277"/>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0" presetClass="path" presetSubtype="0" accel="50000" decel="50000" fill="hold" grpId="0" nodeType="clickEffect">
                                  <p:stCondLst>
                                    <p:cond delay="0"/>
                                  </p:stCondLst>
                                  <p:childTnLst>
                                    <p:animMotion origin="layout" path="M 0.05321 -0.01886 L 0.16213 -0.01886 C 0.21108 -0.01886 0.2715 0.00662 0.2715 0.02769 L 0.2715 0.07448 " pathEditMode="relative" rAng="0" ptsTypes="AAAA">
                                      <p:cBhvr>
                                        <p:cTn id="6" dur="2000" fill="hold"/>
                                        <p:tgtEl>
                                          <p:spTgt spid="11"/>
                                        </p:tgtEl>
                                        <p:attrNameLst>
                                          <p:attrName>ppt_x</p:attrName>
                                          <p:attrName>ppt_y</p:attrName>
                                        </p:attrNameLst>
                                      </p:cBhvr>
                                      <p:rCtr x="10907" y="4655"/>
                                    </p:animMotion>
                                  </p:childTnLst>
                                </p:cTn>
                              </p:par>
                            </p:childTnLst>
                          </p:cTn>
                        </p:par>
                      </p:childTnLst>
                    </p:cTn>
                  </p:par>
                  <p:par>
                    <p:cTn id="7" fill="hold">
                      <p:stCondLst>
                        <p:cond delay="indefinite"/>
                      </p:stCondLst>
                      <p:childTnLst>
                        <p:par>
                          <p:cTn id="8" fill="hold">
                            <p:stCondLst>
                              <p:cond delay="0"/>
                            </p:stCondLst>
                            <p:childTnLst>
                              <p:par>
                                <p:cTn id="9" presetID="50" presetClass="path" presetSubtype="0" accel="50000" decel="50000" fill="hold" grpId="0" nodeType="clickEffect">
                                  <p:stCondLst>
                                    <p:cond delay="0"/>
                                  </p:stCondLst>
                                  <p:childTnLst>
                                    <p:animMotion origin="layout" path="M 1.65809E-6 -2.07741E-6 L -0.20726 -2.07741E-6 C -0.30002 -2.07741E-6 -0.41438 0.07423 -0.41438 0.13425 L -0.41438 0.26948 " pathEditMode="relative" rAng="0" ptsTypes="AAAA">
                                      <p:cBhvr>
                                        <p:cTn id="10" dur="2000" fill="hold"/>
                                        <p:tgtEl>
                                          <p:spTgt spid="13"/>
                                        </p:tgtEl>
                                        <p:attrNameLst>
                                          <p:attrName>ppt_x</p:attrName>
                                          <p:attrName>ppt_y</p:attrName>
                                        </p:attrNameLst>
                                      </p:cBhvr>
                                      <p:rCtr x="-20726" y="13474"/>
                                    </p:animMotion>
                                  </p:childTnLst>
                                </p:cTn>
                              </p:par>
                            </p:childTnLst>
                          </p:cTn>
                        </p:par>
                      </p:childTnLst>
                    </p:cTn>
                  </p:par>
                  <p:par>
                    <p:cTn id="11" fill="hold">
                      <p:stCondLst>
                        <p:cond delay="indefinite"/>
                      </p:stCondLst>
                      <p:childTnLst>
                        <p:par>
                          <p:cTn id="12" fill="hold">
                            <p:stCondLst>
                              <p:cond delay="0"/>
                            </p:stCondLst>
                            <p:childTnLst>
                              <p:par>
                                <p:cTn id="13" presetID="50" presetClass="path" presetSubtype="0" accel="50000" decel="50000" fill="hold" grpId="0" nodeType="clickEffect">
                                  <p:stCondLst>
                                    <p:cond delay="0"/>
                                  </p:stCondLst>
                                  <p:childTnLst>
                                    <p:animMotion origin="layout" path="M 4.17316E-6 2.94463E-6 L 0.00514 2.94463E-6 C 0.00749 2.94463E-6 0.01043 0.13253 0.01043 0.23959 L 0.01043 0.48015 " pathEditMode="relative" rAng="0" ptsTypes="AAAA">
                                      <p:cBhvr>
                                        <p:cTn id="14" dur="2000" fill="hold"/>
                                        <p:tgtEl>
                                          <p:spTgt spid="15"/>
                                        </p:tgtEl>
                                        <p:attrNameLst>
                                          <p:attrName>ppt_x</p:attrName>
                                          <p:attrName>ppt_y</p:attrName>
                                        </p:attrNameLst>
                                      </p:cBhvr>
                                      <p:rCtr x="514" y="24008"/>
                                    </p:animMotion>
                                  </p:childTnLst>
                                </p:cTn>
                              </p:par>
                            </p:childTnLst>
                          </p:cTn>
                        </p:par>
                      </p:childTnLst>
                    </p:cTn>
                  </p:par>
                  <p:par>
                    <p:cTn id="15" fill="hold">
                      <p:stCondLst>
                        <p:cond delay="indefinite"/>
                      </p:stCondLst>
                      <p:childTnLst>
                        <p:par>
                          <p:cTn id="16" fill="hold">
                            <p:stCondLst>
                              <p:cond delay="0"/>
                            </p:stCondLst>
                            <p:childTnLst>
                              <p:par>
                                <p:cTn id="17" presetID="50" presetClass="path" presetSubtype="0" accel="50000" decel="50000" fill="hold" grpId="0" nodeType="clickEffect">
                                  <p:stCondLst>
                                    <p:cond delay="0"/>
                                  </p:stCondLst>
                                  <p:childTnLst>
                                    <p:animMotion origin="layout" path="M 0.00264 -2.99363E-6 L 0.0438 -2.99363E-6 C 0.06232 -2.99363E-6 0.08525 0.10534 0.08525 0.19084 L 0.08525 0.38266 " pathEditMode="relative" rAng="0" ptsTypes="AAAA">
                                      <p:cBhvr>
                                        <p:cTn id="18" dur="2000" fill="hold"/>
                                        <p:tgtEl>
                                          <p:spTgt spid="17"/>
                                        </p:tgtEl>
                                        <p:attrNameLst>
                                          <p:attrName>ppt_x</p:attrName>
                                          <p:attrName>ppt_y</p:attrName>
                                        </p:attrNameLst>
                                      </p:cBhvr>
                                      <p:rCtr x="4131" y="19133"/>
                                    </p:animMotion>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p:bldP spid="13" grpId="0"/>
      <p:bldP spid="15" grpId="0" animBg="1"/>
      <p:bldP spid="17" grpId="0"/>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358"/>
        <p:cNvGrpSpPr/>
        <p:nvPr/>
      </p:nvGrpSpPr>
      <p:grpSpPr>
        <a:xfrm>
          <a:off x="0" y="0"/>
          <a:ext cx="0" cy="0"/>
          <a:chOff x="0" y="0"/>
          <a:chExt cx="0" cy="0"/>
        </a:xfrm>
      </p:grpSpPr>
      <p:sp>
        <p:nvSpPr>
          <p:cNvPr id="6" name="Rectangle 5">
            <a:extLst>
              <a:ext uri="{FF2B5EF4-FFF2-40B4-BE49-F238E27FC236}">
                <a16:creationId xmlns:a16="http://schemas.microsoft.com/office/drawing/2014/main" id="{88B54ABD-8F1B-4B9A-A322-AB0A1ADD05C1}"/>
              </a:ext>
            </a:extLst>
          </p:cNvPr>
          <p:cNvSpPr/>
          <p:nvPr/>
        </p:nvSpPr>
        <p:spPr>
          <a:xfrm>
            <a:off x="-137738" y="162580"/>
            <a:ext cx="10719089" cy="923330"/>
          </a:xfrm>
          <a:prstGeom prst="rect">
            <a:avLst/>
          </a:prstGeom>
          <a:noFill/>
        </p:spPr>
        <p:txBody>
          <a:bodyPr wrap="square" lIns="91440" tIns="45720" rIns="91440" bIns="45720">
            <a:spAutoFit/>
          </a:bodyPr>
          <a:lstStyle/>
          <a:p>
            <a:pPr algn="ctr"/>
            <a:r>
              <a:rPr lang="en-US" sz="5400" b="1" cap="none" spc="0" err="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Bài</a:t>
            </a:r>
            <a:r>
              <a:rPr lang="en-US"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 </a:t>
            </a:r>
            <a:r>
              <a:rPr lang="vi-VN"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1: Thông tin trên web</a:t>
            </a:r>
            <a:endParaRPr lang="en-US" sz="5400" b="1" cap="none" spc="0" dirty="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endParaRPr>
          </a:p>
        </p:txBody>
      </p:sp>
      <p:sp>
        <p:nvSpPr>
          <p:cNvPr id="3" name="TextBox 45">
            <a:extLst>
              <a:ext uri="{FF2B5EF4-FFF2-40B4-BE49-F238E27FC236}">
                <a16:creationId xmlns:a16="http://schemas.microsoft.com/office/drawing/2014/main" id="{B4C1637E-D907-45C7-B4B5-787D545C7F63}"/>
              </a:ext>
            </a:extLst>
          </p:cNvPr>
          <p:cNvSpPr txBox="1"/>
          <p:nvPr/>
        </p:nvSpPr>
        <p:spPr>
          <a:xfrm>
            <a:off x="486402" y="913223"/>
            <a:ext cx="4138899" cy="657923"/>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nvGrpSpPr>
          <p:cNvPr id="4" name="Group 6">
            <a:extLst>
              <a:ext uri="{FF2B5EF4-FFF2-40B4-BE49-F238E27FC236}">
                <a16:creationId xmlns:a16="http://schemas.microsoft.com/office/drawing/2014/main" id="{AFC2AB11-164D-BB7E-D061-B6C017F745A6}"/>
              </a:ext>
            </a:extLst>
          </p:cNvPr>
          <p:cNvGrpSpPr/>
          <p:nvPr/>
        </p:nvGrpSpPr>
        <p:grpSpPr>
          <a:xfrm>
            <a:off x="218412" y="913223"/>
            <a:ext cx="4896089" cy="657923"/>
            <a:chOff x="293561" y="1124296"/>
            <a:chExt cx="3713701" cy="1077218"/>
          </a:xfrm>
        </p:grpSpPr>
        <p:sp>
          <p:nvSpPr>
            <p:cNvPr id="5" name="Rectangle: Rounded Corners 44">
              <a:extLst>
                <a:ext uri="{FF2B5EF4-FFF2-40B4-BE49-F238E27FC236}">
                  <a16:creationId xmlns:a16="http://schemas.microsoft.com/office/drawing/2014/main" id="{F7631F67-4393-009F-58D6-4FB8B18AB418}"/>
                </a:ext>
              </a:extLst>
            </p:cNvPr>
            <p:cNvSpPr/>
            <p:nvPr/>
          </p:nvSpPr>
          <p:spPr>
            <a:xfrm>
              <a:off x="293561" y="1198683"/>
              <a:ext cx="3713701" cy="809738"/>
            </a:xfrm>
            <a:prstGeom prst="roundRect">
              <a:avLst>
                <a:gd name="adj" fmla="val 46278"/>
              </a:avLst>
            </a:prstGeom>
            <a:solidFill>
              <a:srgbClr val="FF8C65"/>
            </a:solidFill>
            <a:ln>
              <a:noFill/>
            </a:ln>
            <a:effectLst>
              <a:outerShdw blurRad="149987" dist="250190" dir="8460000" algn="ctr">
                <a:srgbClr val="000000">
                  <a:alpha val="28000"/>
                </a:srgbClr>
              </a:outerShdw>
              <a:reflection endPos="0" dist="254000" dir="5400000" sy="-100000" algn="bl" rotWithShape="0"/>
              <a:softEdge rad="0"/>
            </a:effectLst>
            <a:scene3d>
              <a:camera prst="orthographicFront">
                <a:rot lat="0" lon="0" rev="0"/>
              </a:camera>
              <a:lightRig rig="contrasting" dir="t">
                <a:rot lat="0" lon="0" rev="1500000"/>
              </a:lightRig>
            </a:scene3d>
            <a:sp3d prstMaterial="metal">
              <a:bevelT w="88900" h="889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8" name="TextBox 45">
              <a:extLst>
                <a:ext uri="{FF2B5EF4-FFF2-40B4-BE49-F238E27FC236}">
                  <a16:creationId xmlns:a16="http://schemas.microsoft.com/office/drawing/2014/main" id="{1561AF78-ACC1-D542-CF7C-9090F06EC148}"/>
                </a:ext>
              </a:extLst>
            </p:cNvPr>
            <p:cNvSpPr txBox="1"/>
            <p:nvPr/>
          </p:nvSpPr>
          <p:spPr>
            <a:xfrm>
              <a:off x="496832" y="1124296"/>
              <a:ext cx="3139370" cy="1077218"/>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grpSp>
        <p:nvGrpSpPr>
          <p:cNvPr id="10" name="Google Shape;361;p37">
            <a:extLst>
              <a:ext uri="{FF2B5EF4-FFF2-40B4-BE49-F238E27FC236}">
                <a16:creationId xmlns:a16="http://schemas.microsoft.com/office/drawing/2014/main" id="{F763D0B9-DA51-4B22-70B6-B2953AFFE3C0}"/>
              </a:ext>
            </a:extLst>
          </p:cNvPr>
          <p:cNvGrpSpPr/>
          <p:nvPr/>
        </p:nvGrpSpPr>
        <p:grpSpPr>
          <a:xfrm>
            <a:off x="1012887" y="3589674"/>
            <a:ext cx="2678487" cy="2327559"/>
            <a:chOff x="-2314175" y="910675"/>
            <a:chExt cx="2012875" cy="1733025"/>
          </a:xfrm>
        </p:grpSpPr>
        <p:sp>
          <p:nvSpPr>
            <p:cNvPr id="11" name="Google Shape;362;p37">
              <a:extLst>
                <a:ext uri="{FF2B5EF4-FFF2-40B4-BE49-F238E27FC236}">
                  <a16:creationId xmlns:a16="http://schemas.microsoft.com/office/drawing/2014/main" id="{DA389E55-C16D-5F1D-A0E9-F4C57016ACB8}"/>
                </a:ext>
              </a:extLst>
            </p:cNvPr>
            <p:cNvSpPr/>
            <p:nvPr/>
          </p:nvSpPr>
          <p:spPr>
            <a:xfrm>
              <a:off x="-2265025" y="2299475"/>
              <a:ext cx="747525" cy="219200"/>
            </a:xfrm>
            <a:custGeom>
              <a:avLst/>
              <a:gdLst/>
              <a:ahLst/>
              <a:cxnLst/>
              <a:rect l="l" t="t" r="r" b="b"/>
              <a:pathLst>
                <a:path w="29901" h="8768" extrusionOk="0">
                  <a:moveTo>
                    <a:pt x="2700" y="7847"/>
                  </a:moveTo>
                  <a:cubicBezTo>
                    <a:pt x="3098" y="7763"/>
                    <a:pt x="3453" y="7638"/>
                    <a:pt x="3830" y="7533"/>
                  </a:cubicBezTo>
                  <a:cubicBezTo>
                    <a:pt x="4834" y="7219"/>
                    <a:pt x="5839" y="6926"/>
                    <a:pt x="6885" y="6780"/>
                  </a:cubicBezTo>
                  <a:cubicBezTo>
                    <a:pt x="7533" y="6675"/>
                    <a:pt x="8182" y="6529"/>
                    <a:pt x="8852" y="6466"/>
                  </a:cubicBezTo>
                  <a:cubicBezTo>
                    <a:pt x="9898" y="6298"/>
                    <a:pt x="10944" y="6173"/>
                    <a:pt x="11990" y="6173"/>
                  </a:cubicBezTo>
                  <a:cubicBezTo>
                    <a:pt x="13831" y="6194"/>
                    <a:pt x="15715" y="6194"/>
                    <a:pt x="17577" y="6173"/>
                  </a:cubicBezTo>
                  <a:cubicBezTo>
                    <a:pt x="18560" y="6173"/>
                    <a:pt x="19564" y="6215"/>
                    <a:pt x="20527" y="6403"/>
                  </a:cubicBezTo>
                  <a:cubicBezTo>
                    <a:pt x="20757" y="6466"/>
                    <a:pt x="21008" y="6508"/>
                    <a:pt x="21238" y="6529"/>
                  </a:cubicBezTo>
                  <a:cubicBezTo>
                    <a:pt x="24021" y="6989"/>
                    <a:pt x="26762" y="7449"/>
                    <a:pt x="29440" y="8307"/>
                  </a:cubicBezTo>
                  <a:cubicBezTo>
                    <a:pt x="29587" y="8370"/>
                    <a:pt x="29733" y="8349"/>
                    <a:pt x="29901" y="8349"/>
                  </a:cubicBezTo>
                  <a:cubicBezTo>
                    <a:pt x="29399" y="7052"/>
                    <a:pt x="29064" y="5775"/>
                    <a:pt x="27767" y="5064"/>
                  </a:cubicBezTo>
                  <a:cubicBezTo>
                    <a:pt x="27495" y="5357"/>
                    <a:pt x="27118" y="5462"/>
                    <a:pt x="26679" y="5462"/>
                  </a:cubicBezTo>
                  <a:cubicBezTo>
                    <a:pt x="26386" y="5148"/>
                    <a:pt x="26155" y="4813"/>
                    <a:pt x="25842" y="4583"/>
                  </a:cubicBezTo>
                  <a:cubicBezTo>
                    <a:pt x="25465" y="4269"/>
                    <a:pt x="25088" y="3997"/>
                    <a:pt x="24837" y="3578"/>
                  </a:cubicBezTo>
                  <a:cubicBezTo>
                    <a:pt x="24712" y="3348"/>
                    <a:pt x="24461" y="3244"/>
                    <a:pt x="24189" y="3139"/>
                  </a:cubicBezTo>
                  <a:cubicBezTo>
                    <a:pt x="23833" y="3013"/>
                    <a:pt x="23477" y="2846"/>
                    <a:pt x="23205" y="2532"/>
                  </a:cubicBezTo>
                  <a:cubicBezTo>
                    <a:pt x="23017" y="2344"/>
                    <a:pt x="22745" y="2239"/>
                    <a:pt x="22515" y="2093"/>
                  </a:cubicBezTo>
                  <a:cubicBezTo>
                    <a:pt x="22305" y="1967"/>
                    <a:pt x="22075" y="1884"/>
                    <a:pt x="21887" y="1716"/>
                  </a:cubicBezTo>
                  <a:cubicBezTo>
                    <a:pt x="21531" y="1360"/>
                    <a:pt x="21113" y="1235"/>
                    <a:pt x="20611" y="1088"/>
                  </a:cubicBezTo>
                  <a:cubicBezTo>
                    <a:pt x="19481" y="816"/>
                    <a:pt x="18309" y="565"/>
                    <a:pt x="17242" y="105"/>
                  </a:cubicBezTo>
                  <a:cubicBezTo>
                    <a:pt x="17012" y="0"/>
                    <a:pt x="16719" y="0"/>
                    <a:pt x="16447" y="0"/>
                  </a:cubicBezTo>
                  <a:lnTo>
                    <a:pt x="11300" y="0"/>
                  </a:lnTo>
                  <a:cubicBezTo>
                    <a:pt x="11049" y="0"/>
                    <a:pt x="10756" y="21"/>
                    <a:pt x="10484" y="42"/>
                  </a:cubicBezTo>
                  <a:cubicBezTo>
                    <a:pt x="9479" y="210"/>
                    <a:pt x="8475" y="419"/>
                    <a:pt x="7450" y="565"/>
                  </a:cubicBezTo>
                  <a:cubicBezTo>
                    <a:pt x="6048" y="754"/>
                    <a:pt x="4751" y="1360"/>
                    <a:pt x="3432" y="1884"/>
                  </a:cubicBezTo>
                  <a:cubicBezTo>
                    <a:pt x="3265" y="2595"/>
                    <a:pt x="3014" y="3223"/>
                    <a:pt x="2575" y="3767"/>
                  </a:cubicBezTo>
                  <a:cubicBezTo>
                    <a:pt x="1884" y="4604"/>
                    <a:pt x="1424" y="5587"/>
                    <a:pt x="838" y="6508"/>
                  </a:cubicBezTo>
                  <a:cubicBezTo>
                    <a:pt x="419" y="7198"/>
                    <a:pt x="231" y="7930"/>
                    <a:pt x="1" y="8767"/>
                  </a:cubicBezTo>
                  <a:cubicBezTo>
                    <a:pt x="273" y="8684"/>
                    <a:pt x="503" y="8684"/>
                    <a:pt x="650" y="8579"/>
                  </a:cubicBezTo>
                  <a:cubicBezTo>
                    <a:pt x="1319" y="8161"/>
                    <a:pt x="1989" y="7993"/>
                    <a:pt x="2700" y="7847"/>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2" name="Google Shape;363;p37">
              <a:extLst>
                <a:ext uri="{FF2B5EF4-FFF2-40B4-BE49-F238E27FC236}">
                  <a16:creationId xmlns:a16="http://schemas.microsoft.com/office/drawing/2014/main" id="{3B39FC1C-CCF0-64A3-E8AE-D97F0A261FBD}"/>
                </a:ext>
              </a:extLst>
            </p:cNvPr>
            <p:cNvSpPr/>
            <p:nvPr/>
          </p:nvSpPr>
          <p:spPr>
            <a:xfrm>
              <a:off x="-1461025" y="2493025"/>
              <a:ext cx="621975" cy="109875"/>
            </a:xfrm>
            <a:custGeom>
              <a:avLst/>
              <a:gdLst/>
              <a:ahLst/>
              <a:cxnLst/>
              <a:rect l="l" t="t" r="r" b="b"/>
              <a:pathLst>
                <a:path w="24879" h="4395" extrusionOk="0">
                  <a:moveTo>
                    <a:pt x="24000" y="1779"/>
                  </a:moveTo>
                  <a:cubicBezTo>
                    <a:pt x="22765" y="1402"/>
                    <a:pt x="21636" y="879"/>
                    <a:pt x="20401" y="753"/>
                  </a:cubicBezTo>
                  <a:cubicBezTo>
                    <a:pt x="19439" y="649"/>
                    <a:pt x="18497" y="523"/>
                    <a:pt x="17555" y="356"/>
                  </a:cubicBezTo>
                  <a:cubicBezTo>
                    <a:pt x="16363" y="188"/>
                    <a:pt x="15170" y="84"/>
                    <a:pt x="13977" y="105"/>
                  </a:cubicBezTo>
                  <a:cubicBezTo>
                    <a:pt x="12910" y="126"/>
                    <a:pt x="11822" y="105"/>
                    <a:pt x="10734" y="105"/>
                  </a:cubicBezTo>
                  <a:cubicBezTo>
                    <a:pt x="9249" y="0"/>
                    <a:pt x="7826" y="42"/>
                    <a:pt x="6319" y="209"/>
                  </a:cubicBezTo>
                  <a:cubicBezTo>
                    <a:pt x="5629" y="293"/>
                    <a:pt x="4980" y="419"/>
                    <a:pt x="4353" y="649"/>
                  </a:cubicBezTo>
                  <a:cubicBezTo>
                    <a:pt x="3662" y="921"/>
                    <a:pt x="3369" y="1088"/>
                    <a:pt x="3034" y="1758"/>
                  </a:cubicBezTo>
                  <a:cubicBezTo>
                    <a:pt x="2993" y="1821"/>
                    <a:pt x="3097" y="1967"/>
                    <a:pt x="3181" y="1883"/>
                  </a:cubicBezTo>
                  <a:cubicBezTo>
                    <a:pt x="4332" y="1151"/>
                    <a:pt x="6026" y="1339"/>
                    <a:pt x="7366" y="1256"/>
                  </a:cubicBezTo>
                  <a:cubicBezTo>
                    <a:pt x="8726" y="1172"/>
                    <a:pt x="10086" y="1297"/>
                    <a:pt x="11446" y="1402"/>
                  </a:cubicBezTo>
                  <a:cubicBezTo>
                    <a:pt x="12387" y="1486"/>
                    <a:pt x="13266" y="1695"/>
                    <a:pt x="14187" y="1883"/>
                  </a:cubicBezTo>
                  <a:cubicBezTo>
                    <a:pt x="13057" y="1800"/>
                    <a:pt x="11927" y="1695"/>
                    <a:pt x="10818" y="1611"/>
                  </a:cubicBezTo>
                  <a:cubicBezTo>
                    <a:pt x="9186" y="1507"/>
                    <a:pt x="7575" y="1381"/>
                    <a:pt x="5943" y="1695"/>
                  </a:cubicBezTo>
                  <a:cubicBezTo>
                    <a:pt x="5692" y="1758"/>
                    <a:pt x="5399" y="1758"/>
                    <a:pt x="5127" y="1758"/>
                  </a:cubicBezTo>
                  <a:cubicBezTo>
                    <a:pt x="3537" y="1674"/>
                    <a:pt x="2051" y="2134"/>
                    <a:pt x="524" y="2511"/>
                  </a:cubicBezTo>
                  <a:cubicBezTo>
                    <a:pt x="377" y="2532"/>
                    <a:pt x="252" y="2657"/>
                    <a:pt x="0" y="2804"/>
                  </a:cubicBezTo>
                  <a:cubicBezTo>
                    <a:pt x="210" y="2909"/>
                    <a:pt x="314" y="2971"/>
                    <a:pt x="419" y="2971"/>
                  </a:cubicBezTo>
                  <a:cubicBezTo>
                    <a:pt x="670" y="2950"/>
                    <a:pt x="900" y="2929"/>
                    <a:pt x="1130" y="2825"/>
                  </a:cubicBezTo>
                  <a:cubicBezTo>
                    <a:pt x="1528" y="2657"/>
                    <a:pt x="1946" y="2616"/>
                    <a:pt x="2365" y="2616"/>
                  </a:cubicBezTo>
                  <a:cubicBezTo>
                    <a:pt x="5796" y="2595"/>
                    <a:pt x="9228" y="2532"/>
                    <a:pt x="12680" y="2511"/>
                  </a:cubicBezTo>
                  <a:cubicBezTo>
                    <a:pt x="13350" y="2511"/>
                    <a:pt x="14061" y="2532"/>
                    <a:pt x="14731" y="2637"/>
                  </a:cubicBezTo>
                  <a:cubicBezTo>
                    <a:pt x="15589" y="2762"/>
                    <a:pt x="16467" y="2825"/>
                    <a:pt x="17346" y="2804"/>
                  </a:cubicBezTo>
                  <a:cubicBezTo>
                    <a:pt x="17576" y="2804"/>
                    <a:pt x="17848" y="2804"/>
                    <a:pt x="18079" y="2825"/>
                  </a:cubicBezTo>
                  <a:cubicBezTo>
                    <a:pt x="20150" y="3181"/>
                    <a:pt x="22242" y="3536"/>
                    <a:pt x="24230" y="4206"/>
                  </a:cubicBezTo>
                  <a:cubicBezTo>
                    <a:pt x="24418" y="4269"/>
                    <a:pt x="24628" y="4310"/>
                    <a:pt x="24879" y="4394"/>
                  </a:cubicBezTo>
                  <a:cubicBezTo>
                    <a:pt x="24669" y="3432"/>
                    <a:pt x="24125" y="2657"/>
                    <a:pt x="24000" y="1779"/>
                  </a:cubicBezTo>
                  <a:close/>
                  <a:moveTo>
                    <a:pt x="23100" y="3369"/>
                  </a:moveTo>
                  <a:cubicBezTo>
                    <a:pt x="23037" y="3453"/>
                    <a:pt x="22828" y="3536"/>
                    <a:pt x="22724" y="3494"/>
                  </a:cubicBezTo>
                  <a:cubicBezTo>
                    <a:pt x="22200" y="3369"/>
                    <a:pt x="21698" y="3181"/>
                    <a:pt x="21175" y="3055"/>
                  </a:cubicBezTo>
                  <a:cubicBezTo>
                    <a:pt x="20464" y="2867"/>
                    <a:pt x="19752" y="2699"/>
                    <a:pt x="19020" y="2553"/>
                  </a:cubicBezTo>
                  <a:cubicBezTo>
                    <a:pt x="19229" y="2532"/>
                    <a:pt x="19439" y="2511"/>
                    <a:pt x="19627" y="2406"/>
                  </a:cubicBezTo>
                  <a:cubicBezTo>
                    <a:pt x="19836" y="2302"/>
                    <a:pt x="19878" y="2009"/>
                    <a:pt x="19773" y="1821"/>
                  </a:cubicBezTo>
                  <a:cubicBezTo>
                    <a:pt x="20694" y="2030"/>
                    <a:pt x="21615" y="2302"/>
                    <a:pt x="22535" y="2595"/>
                  </a:cubicBezTo>
                  <a:cubicBezTo>
                    <a:pt x="22724" y="2637"/>
                    <a:pt x="22891" y="2762"/>
                    <a:pt x="23058" y="2909"/>
                  </a:cubicBezTo>
                  <a:cubicBezTo>
                    <a:pt x="23184" y="3013"/>
                    <a:pt x="23247" y="3243"/>
                    <a:pt x="23100" y="3369"/>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3" name="Google Shape;364;p37">
              <a:extLst>
                <a:ext uri="{FF2B5EF4-FFF2-40B4-BE49-F238E27FC236}">
                  <a16:creationId xmlns:a16="http://schemas.microsoft.com/office/drawing/2014/main" id="{822CEB21-A825-975A-B213-610DBD94B5B1}"/>
                </a:ext>
              </a:extLst>
            </p:cNvPr>
            <p:cNvSpPr/>
            <p:nvPr/>
          </p:nvSpPr>
          <p:spPr>
            <a:xfrm>
              <a:off x="-2009750" y="2479425"/>
              <a:ext cx="9450" cy="1075"/>
            </a:xfrm>
            <a:custGeom>
              <a:avLst/>
              <a:gdLst/>
              <a:ahLst/>
              <a:cxnLst/>
              <a:rect l="l" t="t" r="r" b="b"/>
              <a:pathLst>
                <a:path w="378" h="43" extrusionOk="0">
                  <a:moveTo>
                    <a:pt x="1" y="42"/>
                  </a:moveTo>
                  <a:lnTo>
                    <a:pt x="377" y="42"/>
                  </a:lnTo>
                  <a:lnTo>
                    <a:pt x="377" y="0"/>
                  </a:lnTo>
                  <a:lnTo>
                    <a:pt x="1" y="0"/>
                  </a:lnTo>
                  <a:close/>
                </a:path>
              </a:pathLst>
            </a:custGeom>
            <a:solidFill>
              <a:srgbClr val="E6E6E1"/>
            </a:solidFill>
            <a:ln>
              <a:noFill/>
            </a:ln>
          </p:spPr>
          <p:txBody>
            <a:bodyPr spcFirstLastPara="1" wrap="square" lIns="91425" tIns="91425" rIns="91425" bIns="91425" anchor="ctr" anchorCtr="0">
              <a:noAutofit/>
            </a:bodyPr>
            <a:lstStyle/>
            <a:p>
              <a:endParaRPr/>
            </a:p>
          </p:txBody>
        </p:sp>
        <p:sp>
          <p:nvSpPr>
            <p:cNvPr id="14" name="Google Shape;365;p37">
              <a:extLst>
                <a:ext uri="{FF2B5EF4-FFF2-40B4-BE49-F238E27FC236}">
                  <a16:creationId xmlns:a16="http://schemas.microsoft.com/office/drawing/2014/main" id="{2AC74885-F2E8-71ED-AD2D-9D0833B4F3CC}"/>
                </a:ext>
              </a:extLst>
            </p:cNvPr>
            <p:cNvSpPr/>
            <p:nvPr/>
          </p:nvSpPr>
          <p:spPr>
            <a:xfrm>
              <a:off x="-2285950" y="2359100"/>
              <a:ext cx="1445325" cy="228100"/>
            </a:xfrm>
            <a:custGeom>
              <a:avLst/>
              <a:gdLst/>
              <a:ahLst/>
              <a:cxnLst/>
              <a:rect l="l" t="t" r="r" b="b"/>
              <a:pathLst>
                <a:path w="57813" h="9124" extrusionOk="0">
                  <a:moveTo>
                    <a:pt x="32746" y="7261"/>
                  </a:moveTo>
                  <a:lnTo>
                    <a:pt x="32956" y="7261"/>
                  </a:lnTo>
                  <a:cubicBezTo>
                    <a:pt x="33793" y="7031"/>
                    <a:pt x="34630" y="6759"/>
                    <a:pt x="35404" y="6341"/>
                  </a:cubicBezTo>
                  <a:cubicBezTo>
                    <a:pt x="35759" y="6173"/>
                    <a:pt x="36115" y="6027"/>
                    <a:pt x="36492" y="5901"/>
                  </a:cubicBezTo>
                  <a:cubicBezTo>
                    <a:pt x="38187" y="5294"/>
                    <a:pt x="39965" y="4960"/>
                    <a:pt x="41764" y="4750"/>
                  </a:cubicBezTo>
                  <a:cubicBezTo>
                    <a:pt x="42706" y="4646"/>
                    <a:pt x="43710" y="4625"/>
                    <a:pt x="44652" y="4646"/>
                  </a:cubicBezTo>
                  <a:cubicBezTo>
                    <a:pt x="46263" y="4646"/>
                    <a:pt x="47895" y="4541"/>
                    <a:pt x="49506" y="4750"/>
                  </a:cubicBezTo>
                  <a:cubicBezTo>
                    <a:pt x="50092" y="4834"/>
                    <a:pt x="50636" y="4876"/>
                    <a:pt x="51222" y="4960"/>
                  </a:cubicBezTo>
                  <a:cubicBezTo>
                    <a:pt x="53168" y="5169"/>
                    <a:pt x="55093" y="5504"/>
                    <a:pt x="56913" y="6236"/>
                  </a:cubicBezTo>
                  <a:cubicBezTo>
                    <a:pt x="57185" y="6341"/>
                    <a:pt x="57457" y="6424"/>
                    <a:pt x="57813" y="6529"/>
                  </a:cubicBezTo>
                  <a:cubicBezTo>
                    <a:pt x="57813" y="6382"/>
                    <a:pt x="57813" y="6278"/>
                    <a:pt x="57771" y="6215"/>
                  </a:cubicBezTo>
                  <a:cubicBezTo>
                    <a:pt x="57520" y="5776"/>
                    <a:pt x="57248" y="5336"/>
                    <a:pt x="56976" y="4918"/>
                  </a:cubicBezTo>
                  <a:cubicBezTo>
                    <a:pt x="56474" y="4144"/>
                    <a:pt x="55930" y="3453"/>
                    <a:pt x="55449" y="2658"/>
                  </a:cubicBezTo>
                  <a:cubicBezTo>
                    <a:pt x="55239" y="2323"/>
                    <a:pt x="55009" y="2114"/>
                    <a:pt x="54674" y="1988"/>
                  </a:cubicBezTo>
                  <a:cubicBezTo>
                    <a:pt x="53733" y="1612"/>
                    <a:pt x="52770" y="1193"/>
                    <a:pt x="51808" y="859"/>
                  </a:cubicBezTo>
                  <a:cubicBezTo>
                    <a:pt x="50552" y="419"/>
                    <a:pt x="49255" y="147"/>
                    <a:pt x="47916" y="126"/>
                  </a:cubicBezTo>
                  <a:cubicBezTo>
                    <a:pt x="45928" y="105"/>
                    <a:pt x="43941" y="1"/>
                    <a:pt x="41953" y="273"/>
                  </a:cubicBezTo>
                  <a:cubicBezTo>
                    <a:pt x="40572" y="482"/>
                    <a:pt x="39128" y="566"/>
                    <a:pt x="37768" y="1005"/>
                  </a:cubicBezTo>
                  <a:cubicBezTo>
                    <a:pt x="37412" y="1152"/>
                    <a:pt x="37015" y="1214"/>
                    <a:pt x="36617" y="1277"/>
                  </a:cubicBezTo>
                  <a:cubicBezTo>
                    <a:pt x="35885" y="1361"/>
                    <a:pt x="35215" y="1591"/>
                    <a:pt x="34546" y="1884"/>
                  </a:cubicBezTo>
                  <a:cubicBezTo>
                    <a:pt x="34190" y="2030"/>
                    <a:pt x="33814" y="2198"/>
                    <a:pt x="33458" y="2302"/>
                  </a:cubicBezTo>
                  <a:cubicBezTo>
                    <a:pt x="32809" y="2470"/>
                    <a:pt x="32286" y="2888"/>
                    <a:pt x="31721" y="3244"/>
                  </a:cubicBezTo>
                  <a:cubicBezTo>
                    <a:pt x="31365" y="3474"/>
                    <a:pt x="31198" y="3809"/>
                    <a:pt x="31261" y="4227"/>
                  </a:cubicBezTo>
                  <a:cubicBezTo>
                    <a:pt x="31303" y="4604"/>
                    <a:pt x="31386" y="4939"/>
                    <a:pt x="31512" y="5273"/>
                  </a:cubicBezTo>
                  <a:cubicBezTo>
                    <a:pt x="31700" y="5713"/>
                    <a:pt x="31909" y="6173"/>
                    <a:pt x="32119" y="6592"/>
                  </a:cubicBezTo>
                  <a:cubicBezTo>
                    <a:pt x="32223" y="6759"/>
                    <a:pt x="32349" y="6947"/>
                    <a:pt x="32453" y="7136"/>
                  </a:cubicBezTo>
                  <a:cubicBezTo>
                    <a:pt x="31679" y="6634"/>
                    <a:pt x="30759" y="6445"/>
                    <a:pt x="29838" y="6278"/>
                  </a:cubicBezTo>
                  <a:cubicBezTo>
                    <a:pt x="28562" y="5985"/>
                    <a:pt x="27264" y="5797"/>
                    <a:pt x="25946" y="5671"/>
                  </a:cubicBezTo>
                  <a:cubicBezTo>
                    <a:pt x="24879" y="5566"/>
                    <a:pt x="23770" y="5483"/>
                    <a:pt x="22682" y="5462"/>
                  </a:cubicBezTo>
                  <a:cubicBezTo>
                    <a:pt x="20883" y="5273"/>
                    <a:pt x="19041" y="5169"/>
                    <a:pt x="17242" y="5085"/>
                  </a:cubicBezTo>
                  <a:cubicBezTo>
                    <a:pt x="15882" y="5043"/>
                    <a:pt x="14543" y="5064"/>
                    <a:pt x="13183" y="5064"/>
                  </a:cubicBezTo>
                  <a:cubicBezTo>
                    <a:pt x="11781" y="5043"/>
                    <a:pt x="10316" y="4918"/>
                    <a:pt x="8914" y="5085"/>
                  </a:cubicBezTo>
                  <a:cubicBezTo>
                    <a:pt x="7910" y="5232"/>
                    <a:pt x="6885" y="5399"/>
                    <a:pt x="5860" y="5608"/>
                  </a:cubicBezTo>
                  <a:cubicBezTo>
                    <a:pt x="5316" y="5692"/>
                    <a:pt x="4730" y="5776"/>
                    <a:pt x="4186" y="5901"/>
                  </a:cubicBezTo>
                  <a:cubicBezTo>
                    <a:pt x="3349" y="6090"/>
                    <a:pt x="2575" y="6403"/>
                    <a:pt x="1779" y="6717"/>
                  </a:cubicBezTo>
                  <a:cubicBezTo>
                    <a:pt x="1256" y="6926"/>
                    <a:pt x="524" y="7157"/>
                    <a:pt x="189" y="7659"/>
                  </a:cubicBezTo>
                  <a:cubicBezTo>
                    <a:pt x="1" y="7910"/>
                    <a:pt x="294" y="8224"/>
                    <a:pt x="587" y="8161"/>
                  </a:cubicBezTo>
                  <a:cubicBezTo>
                    <a:pt x="943" y="8077"/>
                    <a:pt x="1319" y="7952"/>
                    <a:pt x="1654" y="7847"/>
                  </a:cubicBezTo>
                  <a:cubicBezTo>
                    <a:pt x="2198" y="7868"/>
                    <a:pt x="2721" y="7742"/>
                    <a:pt x="3265" y="7575"/>
                  </a:cubicBezTo>
                  <a:cubicBezTo>
                    <a:pt x="2700" y="7805"/>
                    <a:pt x="2114" y="8056"/>
                    <a:pt x="1528" y="8224"/>
                  </a:cubicBezTo>
                  <a:cubicBezTo>
                    <a:pt x="1466" y="8224"/>
                    <a:pt x="1424" y="8224"/>
                    <a:pt x="1361" y="8266"/>
                  </a:cubicBezTo>
                  <a:cubicBezTo>
                    <a:pt x="1277" y="8286"/>
                    <a:pt x="1215" y="8307"/>
                    <a:pt x="1152" y="8328"/>
                  </a:cubicBezTo>
                  <a:cubicBezTo>
                    <a:pt x="754" y="8496"/>
                    <a:pt x="817" y="9061"/>
                    <a:pt x="1256" y="9061"/>
                  </a:cubicBezTo>
                  <a:cubicBezTo>
                    <a:pt x="2407" y="9123"/>
                    <a:pt x="3621" y="8496"/>
                    <a:pt x="4709" y="8161"/>
                  </a:cubicBezTo>
                  <a:cubicBezTo>
                    <a:pt x="5985" y="7763"/>
                    <a:pt x="7324" y="7554"/>
                    <a:pt x="8642" y="7345"/>
                  </a:cubicBezTo>
                  <a:cubicBezTo>
                    <a:pt x="10023" y="7136"/>
                    <a:pt x="11404" y="6843"/>
                    <a:pt x="12827" y="6696"/>
                  </a:cubicBezTo>
                  <a:cubicBezTo>
                    <a:pt x="14187" y="6529"/>
                    <a:pt x="15568" y="6613"/>
                    <a:pt x="16949" y="6613"/>
                  </a:cubicBezTo>
                  <a:cubicBezTo>
                    <a:pt x="18393" y="6613"/>
                    <a:pt x="19837" y="6613"/>
                    <a:pt x="21259" y="6634"/>
                  </a:cubicBezTo>
                  <a:cubicBezTo>
                    <a:pt x="22410" y="6738"/>
                    <a:pt x="23540" y="6843"/>
                    <a:pt x="24691" y="6968"/>
                  </a:cubicBezTo>
                  <a:cubicBezTo>
                    <a:pt x="26051" y="7136"/>
                    <a:pt x="27202" y="7491"/>
                    <a:pt x="28478" y="7952"/>
                  </a:cubicBezTo>
                  <a:cubicBezTo>
                    <a:pt x="29064" y="8119"/>
                    <a:pt x="29671" y="8224"/>
                    <a:pt x="30236" y="8328"/>
                  </a:cubicBezTo>
                  <a:cubicBezTo>
                    <a:pt x="30780" y="8433"/>
                    <a:pt x="31303" y="8642"/>
                    <a:pt x="31889" y="8705"/>
                  </a:cubicBezTo>
                  <a:cubicBezTo>
                    <a:pt x="32181" y="8726"/>
                    <a:pt x="32349" y="8600"/>
                    <a:pt x="32453" y="8412"/>
                  </a:cubicBezTo>
                  <a:cubicBezTo>
                    <a:pt x="32935" y="8328"/>
                    <a:pt x="33270" y="7680"/>
                    <a:pt x="32746" y="7261"/>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5" name="Google Shape;366;p37">
              <a:extLst>
                <a:ext uri="{FF2B5EF4-FFF2-40B4-BE49-F238E27FC236}">
                  <a16:creationId xmlns:a16="http://schemas.microsoft.com/office/drawing/2014/main" id="{057E03B7-C2E7-B9E1-B127-2E5B3526F287}"/>
                </a:ext>
              </a:extLst>
            </p:cNvPr>
            <p:cNvSpPr/>
            <p:nvPr/>
          </p:nvSpPr>
          <p:spPr>
            <a:xfrm>
              <a:off x="-1738275" y="928450"/>
              <a:ext cx="1032625" cy="640825"/>
            </a:xfrm>
            <a:custGeom>
              <a:avLst/>
              <a:gdLst/>
              <a:ahLst/>
              <a:cxnLst/>
              <a:rect l="l" t="t" r="r" b="b"/>
              <a:pathLst>
                <a:path w="41305" h="25633" extrusionOk="0">
                  <a:moveTo>
                    <a:pt x="27181" y="17995"/>
                  </a:moveTo>
                  <a:cubicBezTo>
                    <a:pt x="26595" y="18372"/>
                    <a:pt x="26407" y="18978"/>
                    <a:pt x="26114" y="19481"/>
                  </a:cubicBezTo>
                  <a:cubicBezTo>
                    <a:pt x="25904" y="19564"/>
                    <a:pt x="25695" y="19627"/>
                    <a:pt x="25528" y="19732"/>
                  </a:cubicBezTo>
                  <a:cubicBezTo>
                    <a:pt x="25402" y="19836"/>
                    <a:pt x="25277" y="19983"/>
                    <a:pt x="25172" y="20108"/>
                  </a:cubicBezTo>
                  <a:cubicBezTo>
                    <a:pt x="24963" y="20422"/>
                    <a:pt x="24775" y="20778"/>
                    <a:pt x="24544" y="21071"/>
                  </a:cubicBezTo>
                  <a:cubicBezTo>
                    <a:pt x="24126" y="21594"/>
                    <a:pt x="23561" y="21740"/>
                    <a:pt x="22912" y="21573"/>
                  </a:cubicBezTo>
                  <a:cubicBezTo>
                    <a:pt x="21866" y="21217"/>
                    <a:pt x="20987" y="20694"/>
                    <a:pt x="20674" y="19564"/>
                  </a:cubicBezTo>
                  <a:cubicBezTo>
                    <a:pt x="20611" y="19376"/>
                    <a:pt x="20548" y="19209"/>
                    <a:pt x="20443" y="19062"/>
                  </a:cubicBezTo>
                  <a:cubicBezTo>
                    <a:pt x="20067" y="18623"/>
                    <a:pt x="20025" y="18100"/>
                    <a:pt x="20025" y="17535"/>
                  </a:cubicBezTo>
                  <a:cubicBezTo>
                    <a:pt x="20025" y="17012"/>
                    <a:pt x="20025" y="16509"/>
                    <a:pt x="19983" y="15986"/>
                  </a:cubicBezTo>
                  <a:cubicBezTo>
                    <a:pt x="19962" y="15610"/>
                    <a:pt x="19565" y="15421"/>
                    <a:pt x="19293" y="15693"/>
                  </a:cubicBezTo>
                  <a:cubicBezTo>
                    <a:pt x="18728" y="16154"/>
                    <a:pt x="18079" y="16488"/>
                    <a:pt x="17577" y="16991"/>
                  </a:cubicBezTo>
                  <a:cubicBezTo>
                    <a:pt x="17096" y="17493"/>
                    <a:pt x="16531" y="17911"/>
                    <a:pt x="15966" y="18267"/>
                  </a:cubicBezTo>
                  <a:cubicBezTo>
                    <a:pt x="15589" y="18518"/>
                    <a:pt x="15150" y="18413"/>
                    <a:pt x="14731" y="18330"/>
                  </a:cubicBezTo>
                  <a:cubicBezTo>
                    <a:pt x="14585" y="18309"/>
                    <a:pt x="14417" y="18162"/>
                    <a:pt x="14271" y="18079"/>
                  </a:cubicBezTo>
                  <a:cubicBezTo>
                    <a:pt x="14062" y="17158"/>
                    <a:pt x="14083" y="15777"/>
                    <a:pt x="14334" y="14940"/>
                  </a:cubicBezTo>
                  <a:cubicBezTo>
                    <a:pt x="14438" y="14584"/>
                    <a:pt x="14522" y="14187"/>
                    <a:pt x="14585" y="13789"/>
                  </a:cubicBezTo>
                  <a:cubicBezTo>
                    <a:pt x="14606" y="13664"/>
                    <a:pt x="14543" y="13517"/>
                    <a:pt x="14522" y="13350"/>
                  </a:cubicBezTo>
                  <a:cubicBezTo>
                    <a:pt x="14480" y="13141"/>
                    <a:pt x="14187" y="13036"/>
                    <a:pt x="13999" y="13141"/>
                  </a:cubicBezTo>
                  <a:cubicBezTo>
                    <a:pt x="13811" y="13245"/>
                    <a:pt x="13664" y="13413"/>
                    <a:pt x="13497" y="13538"/>
                  </a:cubicBezTo>
                  <a:cubicBezTo>
                    <a:pt x="12974" y="14061"/>
                    <a:pt x="12492" y="14563"/>
                    <a:pt x="11865" y="14919"/>
                  </a:cubicBezTo>
                  <a:cubicBezTo>
                    <a:pt x="11593" y="15087"/>
                    <a:pt x="11404" y="15317"/>
                    <a:pt x="11174" y="15526"/>
                  </a:cubicBezTo>
                  <a:cubicBezTo>
                    <a:pt x="10400" y="16237"/>
                    <a:pt x="9521" y="16802"/>
                    <a:pt x="8580" y="17325"/>
                  </a:cubicBezTo>
                  <a:cubicBezTo>
                    <a:pt x="8140" y="17597"/>
                    <a:pt x="7680" y="17597"/>
                    <a:pt x="7199" y="17576"/>
                  </a:cubicBezTo>
                  <a:cubicBezTo>
                    <a:pt x="6759" y="17514"/>
                    <a:pt x="6571" y="17325"/>
                    <a:pt x="6550" y="16865"/>
                  </a:cubicBezTo>
                  <a:cubicBezTo>
                    <a:pt x="6529" y="16112"/>
                    <a:pt x="6655" y="15380"/>
                    <a:pt x="7094" y="14710"/>
                  </a:cubicBezTo>
                  <a:cubicBezTo>
                    <a:pt x="7638" y="13957"/>
                    <a:pt x="8057" y="13120"/>
                    <a:pt x="8726" y="12450"/>
                  </a:cubicBezTo>
                  <a:cubicBezTo>
                    <a:pt x="8894" y="12241"/>
                    <a:pt x="8998" y="11927"/>
                    <a:pt x="9103" y="11655"/>
                  </a:cubicBezTo>
                  <a:cubicBezTo>
                    <a:pt x="9186" y="11425"/>
                    <a:pt x="8935" y="11153"/>
                    <a:pt x="8684" y="11216"/>
                  </a:cubicBezTo>
                  <a:cubicBezTo>
                    <a:pt x="8454" y="11258"/>
                    <a:pt x="8224" y="11341"/>
                    <a:pt x="8015" y="11446"/>
                  </a:cubicBezTo>
                  <a:cubicBezTo>
                    <a:pt x="6529" y="12178"/>
                    <a:pt x="5064" y="12931"/>
                    <a:pt x="3600" y="13706"/>
                  </a:cubicBezTo>
                  <a:cubicBezTo>
                    <a:pt x="3140" y="13936"/>
                    <a:pt x="2721" y="14082"/>
                    <a:pt x="2240" y="14061"/>
                  </a:cubicBezTo>
                  <a:cubicBezTo>
                    <a:pt x="1675" y="14040"/>
                    <a:pt x="1152" y="14061"/>
                    <a:pt x="608" y="14040"/>
                  </a:cubicBezTo>
                  <a:cubicBezTo>
                    <a:pt x="189" y="14019"/>
                    <a:pt x="64" y="13831"/>
                    <a:pt x="43" y="13392"/>
                  </a:cubicBezTo>
                  <a:cubicBezTo>
                    <a:pt x="1" y="13036"/>
                    <a:pt x="147" y="12785"/>
                    <a:pt x="315" y="12471"/>
                  </a:cubicBezTo>
                  <a:cubicBezTo>
                    <a:pt x="943" y="11446"/>
                    <a:pt x="1863" y="10797"/>
                    <a:pt x="2868" y="10211"/>
                  </a:cubicBezTo>
                  <a:cubicBezTo>
                    <a:pt x="3725" y="9730"/>
                    <a:pt x="4646" y="9521"/>
                    <a:pt x="5609" y="9458"/>
                  </a:cubicBezTo>
                  <a:cubicBezTo>
                    <a:pt x="6006" y="9437"/>
                    <a:pt x="6383" y="9416"/>
                    <a:pt x="6759" y="9333"/>
                  </a:cubicBezTo>
                  <a:cubicBezTo>
                    <a:pt x="7010" y="9270"/>
                    <a:pt x="7073" y="9102"/>
                    <a:pt x="6948" y="8830"/>
                  </a:cubicBezTo>
                  <a:cubicBezTo>
                    <a:pt x="6173" y="8809"/>
                    <a:pt x="5420" y="8747"/>
                    <a:pt x="4646" y="8726"/>
                  </a:cubicBezTo>
                  <a:cubicBezTo>
                    <a:pt x="4248" y="8726"/>
                    <a:pt x="3935" y="8579"/>
                    <a:pt x="3767" y="8203"/>
                  </a:cubicBezTo>
                  <a:cubicBezTo>
                    <a:pt x="3725" y="8098"/>
                    <a:pt x="3663" y="7973"/>
                    <a:pt x="3600" y="7889"/>
                  </a:cubicBezTo>
                  <a:cubicBezTo>
                    <a:pt x="2805" y="7157"/>
                    <a:pt x="2930" y="6194"/>
                    <a:pt x="3035" y="5273"/>
                  </a:cubicBezTo>
                  <a:cubicBezTo>
                    <a:pt x="3098" y="4708"/>
                    <a:pt x="3391" y="4185"/>
                    <a:pt x="3914" y="3830"/>
                  </a:cubicBezTo>
                  <a:cubicBezTo>
                    <a:pt x="4039" y="3767"/>
                    <a:pt x="4165" y="3662"/>
                    <a:pt x="4248" y="3558"/>
                  </a:cubicBezTo>
                  <a:cubicBezTo>
                    <a:pt x="4772" y="2993"/>
                    <a:pt x="5441" y="2951"/>
                    <a:pt x="6173" y="2993"/>
                  </a:cubicBezTo>
                  <a:cubicBezTo>
                    <a:pt x="6278" y="2993"/>
                    <a:pt x="6445" y="3035"/>
                    <a:pt x="6529" y="3076"/>
                  </a:cubicBezTo>
                  <a:cubicBezTo>
                    <a:pt x="7052" y="3411"/>
                    <a:pt x="7701" y="3558"/>
                    <a:pt x="8161" y="3997"/>
                  </a:cubicBezTo>
                  <a:cubicBezTo>
                    <a:pt x="8245" y="4039"/>
                    <a:pt x="8308" y="4123"/>
                    <a:pt x="8370" y="4144"/>
                  </a:cubicBezTo>
                  <a:cubicBezTo>
                    <a:pt x="8873" y="4311"/>
                    <a:pt x="9291" y="4541"/>
                    <a:pt x="9605" y="5022"/>
                  </a:cubicBezTo>
                  <a:cubicBezTo>
                    <a:pt x="9730" y="4918"/>
                    <a:pt x="9814" y="4855"/>
                    <a:pt x="9940" y="4771"/>
                  </a:cubicBezTo>
                  <a:cubicBezTo>
                    <a:pt x="9689" y="4562"/>
                    <a:pt x="9458" y="4395"/>
                    <a:pt x="9270" y="4185"/>
                  </a:cubicBezTo>
                  <a:cubicBezTo>
                    <a:pt x="9082" y="3976"/>
                    <a:pt x="8977" y="3704"/>
                    <a:pt x="8852" y="3495"/>
                  </a:cubicBezTo>
                  <a:cubicBezTo>
                    <a:pt x="8684" y="3286"/>
                    <a:pt x="8663" y="3055"/>
                    <a:pt x="8663" y="2825"/>
                  </a:cubicBezTo>
                  <a:cubicBezTo>
                    <a:pt x="8663" y="2616"/>
                    <a:pt x="8684" y="2407"/>
                    <a:pt x="8663" y="2198"/>
                  </a:cubicBezTo>
                  <a:cubicBezTo>
                    <a:pt x="8538" y="1361"/>
                    <a:pt x="9166" y="440"/>
                    <a:pt x="10086" y="126"/>
                  </a:cubicBezTo>
                  <a:cubicBezTo>
                    <a:pt x="10421" y="1"/>
                    <a:pt x="10735" y="22"/>
                    <a:pt x="10986" y="252"/>
                  </a:cubicBezTo>
                  <a:cubicBezTo>
                    <a:pt x="11279" y="524"/>
                    <a:pt x="11593" y="775"/>
                    <a:pt x="11802" y="1089"/>
                  </a:cubicBezTo>
                  <a:cubicBezTo>
                    <a:pt x="12513" y="2051"/>
                    <a:pt x="13162" y="3076"/>
                    <a:pt x="13559" y="4227"/>
                  </a:cubicBezTo>
                  <a:cubicBezTo>
                    <a:pt x="13601" y="4353"/>
                    <a:pt x="13685" y="4520"/>
                    <a:pt x="13769" y="4625"/>
                  </a:cubicBezTo>
                  <a:cubicBezTo>
                    <a:pt x="14020" y="4939"/>
                    <a:pt x="14313" y="4960"/>
                    <a:pt x="14627" y="4708"/>
                  </a:cubicBezTo>
                  <a:cubicBezTo>
                    <a:pt x="14940" y="4436"/>
                    <a:pt x="15171" y="4144"/>
                    <a:pt x="15317" y="3767"/>
                  </a:cubicBezTo>
                  <a:cubicBezTo>
                    <a:pt x="15464" y="3181"/>
                    <a:pt x="15798" y="2742"/>
                    <a:pt x="16217" y="2323"/>
                  </a:cubicBezTo>
                  <a:lnTo>
                    <a:pt x="17242" y="1298"/>
                  </a:lnTo>
                  <a:cubicBezTo>
                    <a:pt x="17891" y="649"/>
                    <a:pt x="18623" y="273"/>
                    <a:pt x="19606" y="335"/>
                  </a:cubicBezTo>
                  <a:cubicBezTo>
                    <a:pt x="20150" y="356"/>
                    <a:pt x="20674" y="356"/>
                    <a:pt x="21218" y="335"/>
                  </a:cubicBezTo>
                  <a:cubicBezTo>
                    <a:pt x="21552" y="335"/>
                    <a:pt x="21866" y="419"/>
                    <a:pt x="22159" y="628"/>
                  </a:cubicBezTo>
                  <a:cubicBezTo>
                    <a:pt x="22473" y="859"/>
                    <a:pt x="22808" y="1047"/>
                    <a:pt x="23122" y="1277"/>
                  </a:cubicBezTo>
                  <a:cubicBezTo>
                    <a:pt x="23938" y="1926"/>
                    <a:pt x="24461" y="2742"/>
                    <a:pt x="24377" y="3830"/>
                  </a:cubicBezTo>
                  <a:cubicBezTo>
                    <a:pt x="24356" y="4353"/>
                    <a:pt x="24461" y="4918"/>
                    <a:pt x="24147" y="5399"/>
                  </a:cubicBezTo>
                  <a:cubicBezTo>
                    <a:pt x="24042" y="5566"/>
                    <a:pt x="24147" y="5776"/>
                    <a:pt x="24272" y="5901"/>
                  </a:cubicBezTo>
                  <a:cubicBezTo>
                    <a:pt x="24419" y="6027"/>
                    <a:pt x="24628" y="6068"/>
                    <a:pt x="24775" y="5985"/>
                  </a:cubicBezTo>
                  <a:cubicBezTo>
                    <a:pt x="24900" y="5922"/>
                    <a:pt x="25005" y="5796"/>
                    <a:pt x="25151" y="5713"/>
                  </a:cubicBezTo>
                  <a:cubicBezTo>
                    <a:pt x="25716" y="5273"/>
                    <a:pt x="26260" y="4834"/>
                    <a:pt x="26846" y="4395"/>
                  </a:cubicBezTo>
                  <a:cubicBezTo>
                    <a:pt x="27306" y="4018"/>
                    <a:pt x="27871" y="3872"/>
                    <a:pt x="28436" y="3892"/>
                  </a:cubicBezTo>
                  <a:lnTo>
                    <a:pt x="29796" y="3892"/>
                  </a:lnTo>
                  <a:cubicBezTo>
                    <a:pt x="30801" y="3872"/>
                    <a:pt x="31763" y="4771"/>
                    <a:pt x="31805" y="5922"/>
                  </a:cubicBezTo>
                  <a:cubicBezTo>
                    <a:pt x="31847" y="6382"/>
                    <a:pt x="31575" y="6738"/>
                    <a:pt x="31324" y="7052"/>
                  </a:cubicBezTo>
                  <a:cubicBezTo>
                    <a:pt x="31114" y="7324"/>
                    <a:pt x="30842" y="7533"/>
                    <a:pt x="30633" y="7763"/>
                  </a:cubicBezTo>
                  <a:cubicBezTo>
                    <a:pt x="30529" y="7868"/>
                    <a:pt x="30424" y="7993"/>
                    <a:pt x="30403" y="8119"/>
                  </a:cubicBezTo>
                  <a:cubicBezTo>
                    <a:pt x="30382" y="8265"/>
                    <a:pt x="30424" y="8412"/>
                    <a:pt x="30508" y="8537"/>
                  </a:cubicBezTo>
                  <a:cubicBezTo>
                    <a:pt x="30612" y="8705"/>
                    <a:pt x="30821" y="8747"/>
                    <a:pt x="30968" y="8684"/>
                  </a:cubicBezTo>
                  <a:cubicBezTo>
                    <a:pt x="31156" y="8579"/>
                    <a:pt x="31324" y="8433"/>
                    <a:pt x="31470" y="8286"/>
                  </a:cubicBezTo>
                  <a:cubicBezTo>
                    <a:pt x="32161" y="7638"/>
                    <a:pt x="33018" y="7366"/>
                    <a:pt x="33897" y="7282"/>
                  </a:cubicBezTo>
                  <a:cubicBezTo>
                    <a:pt x="34399" y="7240"/>
                    <a:pt x="34922" y="7324"/>
                    <a:pt x="35446" y="7282"/>
                  </a:cubicBezTo>
                  <a:cubicBezTo>
                    <a:pt x="36387" y="7240"/>
                    <a:pt x="37140" y="7596"/>
                    <a:pt x="37810" y="8265"/>
                  </a:cubicBezTo>
                  <a:cubicBezTo>
                    <a:pt x="38082" y="8537"/>
                    <a:pt x="38354" y="8893"/>
                    <a:pt x="38605" y="9228"/>
                  </a:cubicBezTo>
                  <a:cubicBezTo>
                    <a:pt x="38919" y="9667"/>
                    <a:pt x="38919" y="10295"/>
                    <a:pt x="38605" y="10734"/>
                  </a:cubicBezTo>
                  <a:cubicBezTo>
                    <a:pt x="38500" y="10902"/>
                    <a:pt x="38375" y="11027"/>
                    <a:pt x="38249" y="11132"/>
                  </a:cubicBezTo>
                  <a:cubicBezTo>
                    <a:pt x="37705" y="11467"/>
                    <a:pt x="37140" y="11760"/>
                    <a:pt x="36596" y="12074"/>
                  </a:cubicBezTo>
                  <a:cubicBezTo>
                    <a:pt x="36471" y="12157"/>
                    <a:pt x="36303" y="12157"/>
                    <a:pt x="36157" y="12178"/>
                  </a:cubicBezTo>
                  <a:cubicBezTo>
                    <a:pt x="35990" y="12199"/>
                    <a:pt x="35843" y="12199"/>
                    <a:pt x="35718" y="12241"/>
                  </a:cubicBezTo>
                  <a:cubicBezTo>
                    <a:pt x="35467" y="12283"/>
                    <a:pt x="35320" y="12471"/>
                    <a:pt x="35320" y="12680"/>
                  </a:cubicBezTo>
                  <a:cubicBezTo>
                    <a:pt x="35320" y="12869"/>
                    <a:pt x="35508" y="13078"/>
                    <a:pt x="35739" y="13078"/>
                  </a:cubicBezTo>
                  <a:cubicBezTo>
                    <a:pt x="36031" y="13078"/>
                    <a:pt x="36345" y="13099"/>
                    <a:pt x="36617" y="13015"/>
                  </a:cubicBezTo>
                  <a:cubicBezTo>
                    <a:pt x="37308" y="12827"/>
                    <a:pt x="37977" y="12785"/>
                    <a:pt x="38689" y="12806"/>
                  </a:cubicBezTo>
                  <a:cubicBezTo>
                    <a:pt x="38898" y="12806"/>
                    <a:pt x="39107" y="12827"/>
                    <a:pt x="39316" y="12890"/>
                  </a:cubicBezTo>
                  <a:cubicBezTo>
                    <a:pt x="40446" y="13141"/>
                    <a:pt x="40760" y="13538"/>
                    <a:pt x="40907" y="14668"/>
                  </a:cubicBezTo>
                  <a:cubicBezTo>
                    <a:pt x="40948" y="14815"/>
                    <a:pt x="40948" y="14961"/>
                    <a:pt x="40948" y="15107"/>
                  </a:cubicBezTo>
                  <a:cubicBezTo>
                    <a:pt x="41011" y="15819"/>
                    <a:pt x="40781" y="16321"/>
                    <a:pt x="40070" y="16593"/>
                  </a:cubicBezTo>
                  <a:cubicBezTo>
                    <a:pt x="39212" y="16991"/>
                    <a:pt x="39086" y="17388"/>
                    <a:pt x="39505" y="18246"/>
                  </a:cubicBezTo>
                  <a:cubicBezTo>
                    <a:pt x="39714" y="18685"/>
                    <a:pt x="39902" y="19104"/>
                    <a:pt x="40258" y="19460"/>
                  </a:cubicBezTo>
                  <a:cubicBezTo>
                    <a:pt x="40384" y="19564"/>
                    <a:pt x="40467" y="19732"/>
                    <a:pt x="40551" y="19899"/>
                  </a:cubicBezTo>
                  <a:cubicBezTo>
                    <a:pt x="40760" y="20317"/>
                    <a:pt x="40948" y="20715"/>
                    <a:pt x="41095" y="21133"/>
                  </a:cubicBezTo>
                  <a:cubicBezTo>
                    <a:pt x="41304" y="21573"/>
                    <a:pt x="41200" y="22096"/>
                    <a:pt x="40760" y="22284"/>
                  </a:cubicBezTo>
                  <a:cubicBezTo>
                    <a:pt x="40132" y="22535"/>
                    <a:pt x="39505" y="22870"/>
                    <a:pt x="38793" y="22745"/>
                  </a:cubicBezTo>
                  <a:cubicBezTo>
                    <a:pt x="38584" y="22494"/>
                    <a:pt x="38668" y="22201"/>
                    <a:pt x="38647" y="21929"/>
                  </a:cubicBezTo>
                  <a:cubicBezTo>
                    <a:pt x="38563" y="20966"/>
                    <a:pt x="38040" y="20255"/>
                    <a:pt x="37391" y="19606"/>
                  </a:cubicBezTo>
                  <a:cubicBezTo>
                    <a:pt x="37224" y="19460"/>
                    <a:pt x="36994" y="19313"/>
                    <a:pt x="36680" y="19418"/>
                  </a:cubicBezTo>
                  <a:cubicBezTo>
                    <a:pt x="36806" y="19773"/>
                    <a:pt x="36910" y="20045"/>
                    <a:pt x="37015" y="20359"/>
                  </a:cubicBezTo>
                  <a:cubicBezTo>
                    <a:pt x="37119" y="20673"/>
                    <a:pt x="37245" y="20987"/>
                    <a:pt x="37391" y="21280"/>
                  </a:cubicBezTo>
                  <a:cubicBezTo>
                    <a:pt x="37517" y="21573"/>
                    <a:pt x="37622" y="21824"/>
                    <a:pt x="37601" y="22138"/>
                  </a:cubicBezTo>
                  <a:cubicBezTo>
                    <a:pt x="37559" y="22389"/>
                    <a:pt x="37559" y="22598"/>
                    <a:pt x="37412" y="22828"/>
                  </a:cubicBezTo>
                  <a:cubicBezTo>
                    <a:pt x="37287" y="23017"/>
                    <a:pt x="37224" y="23289"/>
                    <a:pt x="37245" y="23498"/>
                  </a:cubicBezTo>
                  <a:cubicBezTo>
                    <a:pt x="37350" y="24188"/>
                    <a:pt x="36994" y="24711"/>
                    <a:pt x="36659" y="25235"/>
                  </a:cubicBezTo>
                  <a:cubicBezTo>
                    <a:pt x="36450" y="25569"/>
                    <a:pt x="36073" y="25632"/>
                    <a:pt x="35676" y="25527"/>
                  </a:cubicBezTo>
                  <a:cubicBezTo>
                    <a:pt x="34922" y="25339"/>
                    <a:pt x="34316" y="24921"/>
                    <a:pt x="33730" y="24439"/>
                  </a:cubicBezTo>
                  <a:cubicBezTo>
                    <a:pt x="33123" y="24000"/>
                    <a:pt x="32893" y="23372"/>
                    <a:pt x="32851" y="22661"/>
                  </a:cubicBezTo>
                  <a:lnTo>
                    <a:pt x="32851" y="21489"/>
                  </a:lnTo>
                  <a:cubicBezTo>
                    <a:pt x="32851" y="21343"/>
                    <a:pt x="32851" y="21175"/>
                    <a:pt x="32809" y="21050"/>
                  </a:cubicBezTo>
                  <a:cubicBezTo>
                    <a:pt x="32746" y="20924"/>
                    <a:pt x="32621" y="20820"/>
                    <a:pt x="32495" y="20757"/>
                  </a:cubicBezTo>
                  <a:cubicBezTo>
                    <a:pt x="32286" y="20715"/>
                    <a:pt x="32161" y="20841"/>
                    <a:pt x="32077" y="21029"/>
                  </a:cubicBezTo>
                  <a:cubicBezTo>
                    <a:pt x="32014" y="21175"/>
                    <a:pt x="31993" y="21364"/>
                    <a:pt x="31993" y="21552"/>
                  </a:cubicBezTo>
                  <a:cubicBezTo>
                    <a:pt x="31972" y="21970"/>
                    <a:pt x="31972" y="22389"/>
                    <a:pt x="31993" y="22807"/>
                  </a:cubicBezTo>
                  <a:cubicBezTo>
                    <a:pt x="31993" y="23121"/>
                    <a:pt x="31909" y="23372"/>
                    <a:pt x="31700" y="23644"/>
                  </a:cubicBezTo>
                  <a:cubicBezTo>
                    <a:pt x="31449" y="23916"/>
                    <a:pt x="31219" y="24230"/>
                    <a:pt x="30863" y="24439"/>
                  </a:cubicBezTo>
                  <a:cubicBezTo>
                    <a:pt x="30612" y="24607"/>
                    <a:pt x="30403" y="24837"/>
                    <a:pt x="30173" y="25004"/>
                  </a:cubicBezTo>
                  <a:cubicBezTo>
                    <a:pt x="29985" y="25130"/>
                    <a:pt x="29754" y="25255"/>
                    <a:pt x="29545" y="25339"/>
                  </a:cubicBezTo>
                  <a:cubicBezTo>
                    <a:pt x="28938" y="25486"/>
                    <a:pt x="28436" y="25381"/>
                    <a:pt x="28039" y="24837"/>
                  </a:cubicBezTo>
                  <a:cubicBezTo>
                    <a:pt x="27348" y="23895"/>
                    <a:pt x="26888" y="22870"/>
                    <a:pt x="26951" y="21678"/>
                  </a:cubicBezTo>
                  <a:cubicBezTo>
                    <a:pt x="26951" y="21447"/>
                    <a:pt x="26951" y="21196"/>
                    <a:pt x="26930" y="20945"/>
                  </a:cubicBezTo>
                  <a:cubicBezTo>
                    <a:pt x="26846" y="20213"/>
                    <a:pt x="26951" y="19501"/>
                    <a:pt x="27264" y="18832"/>
                  </a:cubicBezTo>
                  <a:cubicBezTo>
                    <a:pt x="27264" y="18665"/>
                    <a:pt x="27432" y="18372"/>
                    <a:pt x="27181" y="17995"/>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16" name="Google Shape;367;p37">
              <a:extLst>
                <a:ext uri="{FF2B5EF4-FFF2-40B4-BE49-F238E27FC236}">
                  <a16:creationId xmlns:a16="http://schemas.microsoft.com/office/drawing/2014/main" id="{FC39F555-AEEF-6F1C-2405-BC2C52296F57}"/>
                </a:ext>
              </a:extLst>
            </p:cNvPr>
            <p:cNvSpPr/>
            <p:nvPr/>
          </p:nvSpPr>
          <p:spPr>
            <a:xfrm>
              <a:off x="-1773825" y="1255900"/>
              <a:ext cx="863125" cy="669600"/>
            </a:xfrm>
            <a:custGeom>
              <a:avLst/>
              <a:gdLst/>
              <a:ahLst/>
              <a:cxnLst/>
              <a:rect l="l" t="t" r="r" b="b"/>
              <a:pathLst>
                <a:path w="34525" h="26784" extrusionOk="0">
                  <a:moveTo>
                    <a:pt x="8516" y="1"/>
                  </a:moveTo>
                  <a:cubicBezTo>
                    <a:pt x="8328" y="503"/>
                    <a:pt x="8077" y="817"/>
                    <a:pt x="7847" y="1131"/>
                  </a:cubicBezTo>
                  <a:cubicBezTo>
                    <a:pt x="7114" y="2072"/>
                    <a:pt x="6947" y="3139"/>
                    <a:pt x="7010" y="4290"/>
                  </a:cubicBezTo>
                  <a:cubicBezTo>
                    <a:pt x="7010" y="4625"/>
                    <a:pt x="7156" y="4834"/>
                    <a:pt x="7428" y="5043"/>
                  </a:cubicBezTo>
                  <a:cubicBezTo>
                    <a:pt x="7847" y="5357"/>
                    <a:pt x="8286" y="5546"/>
                    <a:pt x="8830" y="5546"/>
                  </a:cubicBezTo>
                  <a:cubicBezTo>
                    <a:pt x="9520" y="5546"/>
                    <a:pt x="10148" y="5420"/>
                    <a:pt x="10713" y="5064"/>
                  </a:cubicBezTo>
                  <a:cubicBezTo>
                    <a:pt x="11696" y="4499"/>
                    <a:pt x="12596" y="3872"/>
                    <a:pt x="13349" y="3056"/>
                  </a:cubicBezTo>
                  <a:cubicBezTo>
                    <a:pt x="13726" y="2658"/>
                    <a:pt x="14124" y="2323"/>
                    <a:pt x="14605" y="2114"/>
                  </a:cubicBezTo>
                  <a:cubicBezTo>
                    <a:pt x="14584" y="3077"/>
                    <a:pt x="14584" y="4060"/>
                    <a:pt x="14563" y="5022"/>
                  </a:cubicBezTo>
                  <a:cubicBezTo>
                    <a:pt x="14563" y="5441"/>
                    <a:pt x="14751" y="5671"/>
                    <a:pt x="15086" y="5880"/>
                  </a:cubicBezTo>
                  <a:cubicBezTo>
                    <a:pt x="15798" y="6320"/>
                    <a:pt x="16551" y="6403"/>
                    <a:pt x="17325" y="6362"/>
                  </a:cubicBezTo>
                  <a:cubicBezTo>
                    <a:pt x="17618" y="6320"/>
                    <a:pt x="17827" y="6194"/>
                    <a:pt x="18036" y="6006"/>
                  </a:cubicBezTo>
                  <a:cubicBezTo>
                    <a:pt x="18748" y="5420"/>
                    <a:pt x="19501" y="4855"/>
                    <a:pt x="20129" y="4165"/>
                  </a:cubicBezTo>
                  <a:cubicBezTo>
                    <a:pt x="20191" y="4102"/>
                    <a:pt x="20296" y="4081"/>
                    <a:pt x="20422" y="3997"/>
                  </a:cubicBezTo>
                  <a:cubicBezTo>
                    <a:pt x="20484" y="4102"/>
                    <a:pt x="20547" y="4206"/>
                    <a:pt x="20547" y="4311"/>
                  </a:cubicBezTo>
                  <a:cubicBezTo>
                    <a:pt x="20589" y="4541"/>
                    <a:pt x="20589" y="4792"/>
                    <a:pt x="20547" y="5043"/>
                  </a:cubicBezTo>
                  <a:cubicBezTo>
                    <a:pt x="20526" y="5483"/>
                    <a:pt x="20631" y="5859"/>
                    <a:pt x="20861" y="6257"/>
                  </a:cubicBezTo>
                  <a:cubicBezTo>
                    <a:pt x="21028" y="6487"/>
                    <a:pt x="21154" y="6780"/>
                    <a:pt x="21259" y="7052"/>
                  </a:cubicBezTo>
                  <a:cubicBezTo>
                    <a:pt x="21551" y="7847"/>
                    <a:pt x="22012" y="8496"/>
                    <a:pt x="22765" y="8893"/>
                  </a:cubicBezTo>
                  <a:cubicBezTo>
                    <a:pt x="23142" y="9103"/>
                    <a:pt x="23539" y="9291"/>
                    <a:pt x="23895" y="9437"/>
                  </a:cubicBezTo>
                  <a:cubicBezTo>
                    <a:pt x="24920" y="9877"/>
                    <a:pt x="26113" y="9542"/>
                    <a:pt x="26824" y="8663"/>
                  </a:cubicBezTo>
                  <a:cubicBezTo>
                    <a:pt x="26950" y="8496"/>
                    <a:pt x="27096" y="8349"/>
                    <a:pt x="27201" y="8182"/>
                  </a:cubicBezTo>
                  <a:cubicBezTo>
                    <a:pt x="27431" y="8287"/>
                    <a:pt x="27347" y="8475"/>
                    <a:pt x="27389" y="8600"/>
                  </a:cubicBezTo>
                  <a:lnTo>
                    <a:pt x="27389" y="8977"/>
                  </a:lnTo>
                  <a:cubicBezTo>
                    <a:pt x="27326" y="10609"/>
                    <a:pt x="27996" y="11927"/>
                    <a:pt x="29147" y="13078"/>
                  </a:cubicBezTo>
                  <a:cubicBezTo>
                    <a:pt x="29398" y="13308"/>
                    <a:pt x="29670" y="13434"/>
                    <a:pt x="30046" y="13434"/>
                  </a:cubicBezTo>
                  <a:cubicBezTo>
                    <a:pt x="30967" y="13476"/>
                    <a:pt x="31741" y="13287"/>
                    <a:pt x="32432" y="12597"/>
                  </a:cubicBezTo>
                  <a:cubicBezTo>
                    <a:pt x="32787" y="12220"/>
                    <a:pt x="33269" y="11948"/>
                    <a:pt x="33708" y="11613"/>
                  </a:cubicBezTo>
                  <a:cubicBezTo>
                    <a:pt x="33917" y="11760"/>
                    <a:pt x="34148" y="11948"/>
                    <a:pt x="34440" y="12157"/>
                  </a:cubicBezTo>
                  <a:cubicBezTo>
                    <a:pt x="34524" y="12471"/>
                    <a:pt x="34461" y="12806"/>
                    <a:pt x="34336" y="13162"/>
                  </a:cubicBezTo>
                  <a:cubicBezTo>
                    <a:pt x="34001" y="13999"/>
                    <a:pt x="33708" y="14857"/>
                    <a:pt x="33394" y="15694"/>
                  </a:cubicBezTo>
                  <a:cubicBezTo>
                    <a:pt x="33206" y="16154"/>
                    <a:pt x="33018" y="16635"/>
                    <a:pt x="32683" y="17054"/>
                  </a:cubicBezTo>
                  <a:cubicBezTo>
                    <a:pt x="32599" y="17158"/>
                    <a:pt x="32557" y="17305"/>
                    <a:pt x="32495" y="17451"/>
                  </a:cubicBezTo>
                  <a:cubicBezTo>
                    <a:pt x="32432" y="17619"/>
                    <a:pt x="32369" y="17828"/>
                    <a:pt x="32285" y="18016"/>
                  </a:cubicBezTo>
                  <a:cubicBezTo>
                    <a:pt x="31971" y="18748"/>
                    <a:pt x="31553" y="19376"/>
                    <a:pt x="30967" y="19920"/>
                  </a:cubicBezTo>
                  <a:cubicBezTo>
                    <a:pt x="30591" y="20234"/>
                    <a:pt x="30256" y="20611"/>
                    <a:pt x="29942" y="20945"/>
                  </a:cubicBezTo>
                  <a:cubicBezTo>
                    <a:pt x="28394" y="22598"/>
                    <a:pt x="26489" y="23749"/>
                    <a:pt x="24481" y="24691"/>
                  </a:cubicBezTo>
                  <a:cubicBezTo>
                    <a:pt x="23686" y="25046"/>
                    <a:pt x="22849" y="25360"/>
                    <a:pt x="22075" y="25674"/>
                  </a:cubicBezTo>
                  <a:cubicBezTo>
                    <a:pt x="20861" y="26176"/>
                    <a:pt x="19606" y="26469"/>
                    <a:pt x="18329" y="26658"/>
                  </a:cubicBezTo>
                  <a:cubicBezTo>
                    <a:pt x="17367" y="26783"/>
                    <a:pt x="16342" y="26741"/>
                    <a:pt x="15337" y="26720"/>
                  </a:cubicBezTo>
                  <a:cubicBezTo>
                    <a:pt x="13873" y="26678"/>
                    <a:pt x="12387" y="26469"/>
                    <a:pt x="11006" y="26030"/>
                  </a:cubicBezTo>
                  <a:cubicBezTo>
                    <a:pt x="10002" y="25716"/>
                    <a:pt x="9060" y="25235"/>
                    <a:pt x="8098" y="24774"/>
                  </a:cubicBezTo>
                  <a:cubicBezTo>
                    <a:pt x="7575" y="24523"/>
                    <a:pt x="7114" y="24189"/>
                    <a:pt x="6633" y="23875"/>
                  </a:cubicBezTo>
                  <a:cubicBezTo>
                    <a:pt x="6382" y="23728"/>
                    <a:pt x="6131" y="23519"/>
                    <a:pt x="5922" y="23310"/>
                  </a:cubicBezTo>
                  <a:cubicBezTo>
                    <a:pt x="5126" y="22494"/>
                    <a:pt x="4310" y="21699"/>
                    <a:pt x="3494" y="20862"/>
                  </a:cubicBezTo>
                  <a:cubicBezTo>
                    <a:pt x="3264" y="20632"/>
                    <a:pt x="3076" y="20380"/>
                    <a:pt x="2929" y="20088"/>
                  </a:cubicBezTo>
                  <a:cubicBezTo>
                    <a:pt x="1988" y="18351"/>
                    <a:pt x="1277" y="16530"/>
                    <a:pt x="586" y="14689"/>
                  </a:cubicBezTo>
                  <a:cubicBezTo>
                    <a:pt x="314" y="13957"/>
                    <a:pt x="251" y="13099"/>
                    <a:pt x="209" y="12283"/>
                  </a:cubicBezTo>
                  <a:cubicBezTo>
                    <a:pt x="168" y="11634"/>
                    <a:pt x="0" y="10986"/>
                    <a:pt x="335" y="10337"/>
                  </a:cubicBezTo>
                  <a:cubicBezTo>
                    <a:pt x="356" y="10274"/>
                    <a:pt x="335" y="10149"/>
                    <a:pt x="314" y="10065"/>
                  </a:cubicBezTo>
                  <a:cubicBezTo>
                    <a:pt x="42" y="9416"/>
                    <a:pt x="126" y="8789"/>
                    <a:pt x="314" y="8140"/>
                  </a:cubicBezTo>
                  <a:cubicBezTo>
                    <a:pt x="481" y="7512"/>
                    <a:pt x="649" y="6843"/>
                    <a:pt x="774" y="6194"/>
                  </a:cubicBezTo>
                  <a:cubicBezTo>
                    <a:pt x="942" y="5483"/>
                    <a:pt x="1297" y="4918"/>
                    <a:pt x="1716" y="4374"/>
                  </a:cubicBezTo>
                  <a:cubicBezTo>
                    <a:pt x="2009" y="3997"/>
                    <a:pt x="2365" y="3662"/>
                    <a:pt x="2741" y="3349"/>
                  </a:cubicBezTo>
                  <a:cubicBezTo>
                    <a:pt x="2846" y="3244"/>
                    <a:pt x="2992" y="3160"/>
                    <a:pt x="3139" y="3160"/>
                  </a:cubicBezTo>
                  <a:cubicBezTo>
                    <a:pt x="3620" y="3181"/>
                    <a:pt x="3829" y="2742"/>
                    <a:pt x="4206" y="2554"/>
                  </a:cubicBezTo>
                  <a:cubicBezTo>
                    <a:pt x="4248" y="2533"/>
                    <a:pt x="4290" y="2407"/>
                    <a:pt x="4310" y="2323"/>
                  </a:cubicBezTo>
                  <a:cubicBezTo>
                    <a:pt x="4352" y="2219"/>
                    <a:pt x="4415" y="2114"/>
                    <a:pt x="4520" y="2072"/>
                  </a:cubicBezTo>
                  <a:cubicBezTo>
                    <a:pt x="5754" y="1403"/>
                    <a:pt x="6947" y="775"/>
                    <a:pt x="8181" y="126"/>
                  </a:cubicBezTo>
                  <a:cubicBezTo>
                    <a:pt x="8202" y="85"/>
                    <a:pt x="8307" y="43"/>
                    <a:pt x="8516" y="1"/>
                  </a:cubicBezTo>
                  <a:close/>
                  <a:moveTo>
                    <a:pt x="23958" y="19815"/>
                  </a:moveTo>
                  <a:cubicBezTo>
                    <a:pt x="23581" y="19920"/>
                    <a:pt x="23121" y="19962"/>
                    <a:pt x="22849" y="20318"/>
                  </a:cubicBezTo>
                  <a:cubicBezTo>
                    <a:pt x="22598" y="20652"/>
                    <a:pt x="22284" y="20820"/>
                    <a:pt x="21928" y="21008"/>
                  </a:cubicBezTo>
                  <a:cubicBezTo>
                    <a:pt x="21719" y="21113"/>
                    <a:pt x="21510" y="21259"/>
                    <a:pt x="21342" y="21385"/>
                  </a:cubicBezTo>
                  <a:cubicBezTo>
                    <a:pt x="20715" y="21887"/>
                    <a:pt x="20003" y="22180"/>
                    <a:pt x="19187" y="22180"/>
                  </a:cubicBezTo>
                  <a:cubicBezTo>
                    <a:pt x="17785" y="22180"/>
                    <a:pt x="16362" y="22201"/>
                    <a:pt x="14961" y="22180"/>
                  </a:cubicBezTo>
                  <a:cubicBezTo>
                    <a:pt x="14145" y="22159"/>
                    <a:pt x="13349" y="21992"/>
                    <a:pt x="12554" y="21887"/>
                  </a:cubicBezTo>
                  <a:cubicBezTo>
                    <a:pt x="12450" y="21866"/>
                    <a:pt x="12303" y="21845"/>
                    <a:pt x="12199" y="21782"/>
                  </a:cubicBezTo>
                  <a:cubicBezTo>
                    <a:pt x="11717" y="21552"/>
                    <a:pt x="11215" y="21343"/>
                    <a:pt x="10734" y="21113"/>
                  </a:cubicBezTo>
                  <a:cubicBezTo>
                    <a:pt x="10629" y="21050"/>
                    <a:pt x="10525" y="20966"/>
                    <a:pt x="10462" y="20904"/>
                  </a:cubicBezTo>
                  <a:cubicBezTo>
                    <a:pt x="9834" y="20067"/>
                    <a:pt x="9039" y="19334"/>
                    <a:pt x="8537" y="18393"/>
                  </a:cubicBezTo>
                  <a:cubicBezTo>
                    <a:pt x="7993" y="17305"/>
                    <a:pt x="7575" y="16196"/>
                    <a:pt x="8014" y="14940"/>
                  </a:cubicBezTo>
                  <a:cubicBezTo>
                    <a:pt x="8056" y="14836"/>
                    <a:pt x="8056" y="14689"/>
                    <a:pt x="8014" y="14585"/>
                  </a:cubicBezTo>
                  <a:cubicBezTo>
                    <a:pt x="7993" y="14522"/>
                    <a:pt x="7909" y="14438"/>
                    <a:pt x="7847" y="14417"/>
                  </a:cubicBezTo>
                  <a:cubicBezTo>
                    <a:pt x="7763" y="14375"/>
                    <a:pt x="7637" y="14417"/>
                    <a:pt x="7595" y="14459"/>
                  </a:cubicBezTo>
                  <a:cubicBezTo>
                    <a:pt x="7386" y="14731"/>
                    <a:pt x="7219" y="14982"/>
                    <a:pt x="7156" y="15317"/>
                  </a:cubicBezTo>
                  <a:cubicBezTo>
                    <a:pt x="7031" y="16677"/>
                    <a:pt x="7261" y="17974"/>
                    <a:pt x="8014" y="19125"/>
                  </a:cubicBezTo>
                  <a:cubicBezTo>
                    <a:pt x="8432" y="19774"/>
                    <a:pt x="8935" y="20380"/>
                    <a:pt x="9416" y="21008"/>
                  </a:cubicBezTo>
                  <a:cubicBezTo>
                    <a:pt x="9772" y="21489"/>
                    <a:pt x="10190" y="21887"/>
                    <a:pt x="10776" y="22159"/>
                  </a:cubicBezTo>
                  <a:cubicBezTo>
                    <a:pt x="11111" y="22305"/>
                    <a:pt x="11424" y="22494"/>
                    <a:pt x="11738" y="22619"/>
                  </a:cubicBezTo>
                  <a:cubicBezTo>
                    <a:pt x="12073" y="22745"/>
                    <a:pt x="12408" y="22849"/>
                    <a:pt x="12785" y="22912"/>
                  </a:cubicBezTo>
                  <a:cubicBezTo>
                    <a:pt x="13182" y="22933"/>
                    <a:pt x="13538" y="22996"/>
                    <a:pt x="13935" y="23101"/>
                  </a:cubicBezTo>
                  <a:cubicBezTo>
                    <a:pt x="14186" y="23163"/>
                    <a:pt x="14458" y="23205"/>
                    <a:pt x="14751" y="23205"/>
                  </a:cubicBezTo>
                  <a:lnTo>
                    <a:pt x="19522" y="23205"/>
                  </a:lnTo>
                  <a:cubicBezTo>
                    <a:pt x="19731" y="23205"/>
                    <a:pt x="19940" y="23163"/>
                    <a:pt x="20150" y="23121"/>
                  </a:cubicBezTo>
                  <a:cubicBezTo>
                    <a:pt x="21342" y="22828"/>
                    <a:pt x="22200" y="21992"/>
                    <a:pt x="23225" y="21427"/>
                  </a:cubicBezTo>
                  <a:cubicBezTo>
                    <a:pt x="23246" y="21385"/>
                    <a:pt x="23267" y="21385"/>
                    <a:pt x="23267" y="21364"/>
                  </a:cubicBezTo>
                  <a:cubicBezTo>
                    <a:pt x="23456" y="20966"/>
                    <a:pt x="23769" y="20673"/>
                    <a:pt x="24062" y="20401"/>
                  </a:cubicBezTo>
                  <a:cubicBezTo>
                    <a:pt x="24146" y="20192"/>
                    <a:pt x="24188" y="20004"/>
                    <a:pt x="23958" y="19815"/>
                  </a:cubicBezTo>
                  <a:close/>
                  <a:moveTo>
                    <a:pt x="22075" y="14543"/>
                  </a:moveTo>
                  <a:cubicBezTo>
                    <a:pt x="22075" y="14480"/>
                    <a:pt x="22054" y="14354"/>
                    <a:pt x="22012" y="14250"/>
                  </a:cubicBezTo>
                  <a:cubicBezTo>
                    <a:pt x="21907" y="13852"/>
                    <a:pt x="21551" y="13706"/>
                    <a:pt x="21259" y="13957"/>
                  </a:cubicBezTo>
                  <a:cubicBezTo>
                    <a:pt x="21028" y="14166"/>
                    <a:pt x="20798" y="14438"/>
                    <a:pt x="20610" y="14689"/>
                  </a:cubicBezTo>
                  <a:cubicBezTo>
                    <a:pt x="20484" y="14878"/>
                    <a:pt x="20526" y="15108"/>
                    <a:pt x="20652" y="15296"/>
                  </a:cubicBezTo>
                  <a:cubicBezTo>
                    <a:pt x="20819" y="15526"/>
                    <a:pt x="21028" y="15589"/>
                    <a:pt x="21279" y="15568"/>
                  </a:cubicBezTo>
                  <a:cubicBezTo>
                    <a:pt x="21719" y="15484"/>
                    <a:pt x="22054" y="15087"/>
                    <a:pt x="22075" y="14543"/>
                  </a:cubicBezTo>
                  <a:close/>
                  <a:moveTo>
                    <a:pt x="10504" y="11111"/>
                  </a:moveTo>
                  <a:cubicBezTo>
                    <a:pt x="10504" y="11111"/>
                    <a:pt x="10295" y="11111"/>
                    <a:pt x="10127" y="11216"/>
                  </a:cubicBezTo>
                  <a:cubicBezTo>
                    <a:pt x="10023" y="11279"/>
                    <a:pt x="9876" y="11425"/>
                    <a:pt x="9876" y="11551"/>
                  </a:cubicBezTo>
                  <a:cubicBezTo>
                    <a:pt x="9876" y="12241"/>
                    <a:pt x="10357" y="12639"/>
                    <a:pt x="10985" y="12534"/>
                  </a:cubicBezTo>
                  <a:cubicBezTo>
                    <a:pt x="11111" y="12492"/>
                    <a:pt x="11278" y="12429"/>
                    <a:pt x="11341" y="12325"/>
                  </a:cubicBezTo>
                  <a:cubicBezTo>
                    <a:pt x="11529" y="12053"/>
                    <a:pt x="11529" y="11739"/>
                    <a:pt x="11404" y="11446"/>
                  </a:cubicBezTo>
                  <a:cubicBezTo>
                    <a:pt x="11257" y="11174"/>
                    <a:pt x="11006" y="11090"/>
                    <a:pt x="10504" y="11111"/>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17" name="Google Shape;368;p37">
              <a:extLst>
                <a:ext uri="{FF2B5EF4-FFF2-40B4-BE49-F238E27FC236}">
                  <a16:creationId xmlns:a16="http://schemas.microsoft.com/office/drawing/2014/main" id="{63755330-F606-7136-EE45-A1156066B15E}"/>
                </a:ext>
              </a:extLst>
            </p:cNvPr>
            <p:cNvSpPr/>
            <p:nvPr/>
          </p:nvSpPr>
          <p:spPr>
            <a:xfrm>
              <a:off x="-1903025" y="1787375"/>
              <a:ext cx="809225" cy="644475"/>
            </a:xfrm>
            <a:custGeom>
              <a:avLst/>
              <a:gdLst/>
              <a:ahLst/>
              <a:cxnLst/>
              <a:rect l="l" t="t" r="r" b="b"/>
              <a:pathLst>
                <a:path w="32369" h="25779" extrusionOk="0">
                  <a:moveTo>
                    <a:pt x="20338" y="6549"/>
                  </a:moveTo>
                  <a:cubicBezTo>
                    <a:pt x="21258" y="6549"/>
                    <a:pt x="22116" y="6591"/>
                    <a:pt x="22932" y="6507"/>
                  </a:cubicBezTo>
                  <a:cubicBezTo>
                    <a:pt x="23790" y="6445"/>
                    <a:pt x="24648" y="6256"/>
                    <a:pt x="25485" y="6047"/>
                  </a:cubicBezTo>
                  <a:cubicBezTo>
                    <a:pt x="26301" y="5838"/>
                    <a:pt x="27075" y="5566"/>
                    <a:pt x="27912" y="5315"/>
                  </a:cubicBezTo>
                  <a:cubicBezTo>
                    <a:pt x="28226" y="5859"/>
                    <a:pt x="28414" y="6382"/>
                    <a:pt x="28540" y="6926"/>
                  </a:cubicBezTo>
                  <a:cubicBezTo>
                    <a:pt x="28665" y="7449"/>
                    <a:pt x="28833" y="7972"/>
                    <a:pt x="29084" y="8453"/>
                  </a:cubicBezTo>
                  <a:cubicBezTo>
                    <a:pt x="29230" y="8704"/>
                    <a:pt x="29335" y="8997"/>
                    <a:pt x="29419" y="9290"/>
                  </a:cubicBezTo>
                  <a:cubicBezTo>
                    <a:pt x="29942" y="11194"/>
                    <a:pt x="30381" y="13119"/>
                    <a:pt x="30779" y="15086"/>
                  </a:cubicBezTo>
                  <a:cubicBezTo>
                    <a:pt x="30800" y="15170"/>
                    <a:pt x="30821" y="15274"/>
                    <a:pt x="30821" y="15358"/>
                  </a:cubicBezTo>
                  <a:cubicBezTo>
                    <a:pt x="30904" y="16028"/>
                    <a:pt x="30883" y="16739"/>
                    <a:pt x="31302" y="17367"/>
                  </a:cubicBezTo>
                  <a:cubicBezTo>
                    <a:pt x="30946" y="17451"/>
                    <a:pt x="30716" y="17492"/>
                    <a:pt x="30465" y="17576"/>
                  </a:cubicBezTo>
                  <a:cubicBezTo>
                    <a:pt x="29691" y="17743"/>
                    <a:pt x="28937" y="17890"/>
                    <a:pt x="28184" y="18078"/>
                  </a:cubicBezTo>
                  <a:cubicBezTo>
                    <a:pt x="27912" y="18120"/>
                    <a:pt x="27682" y="18287"/>
                    <a:pt x="27473" y="18434"/>
                  </a:cubicBezTo>
                  <a:cubicBezTo>
                    <a:pt x="27389" y="18497"/>
                    <a:pt x="27305" y="18664"/>
                    <a:pt x="27347" y="18727"/>
                  </a:cubicBezTo>
                  <a:cubicBezTo>
                    <a:pt x="27389" y="18852"/>
                    <a:pt x="27515" y="18957"/>
                    <a:pt x="27661" y="19020"/>
                  </a:cubicBezTo>
                  <a:cubicBezTo>
                    <a:pt x="27766" y="19041"/>
                    <a:pt x="27891" y="19020"/>
                    <a:pt x="27996" y="18957"/>
                  </a:cubicBezTo>
                  <a:cubicBezTo>
                    <a:pt x="29042" y="18539"/>
                    <a:pt x="30109" y="18329"/>
                    <a:pt x="31218" y="18183"/>
                  </a:cubicBezTo>
                  <a:cubicBezTo>
                    <a:pt x="31469" y="18141"/>
                    <a:pt x="31741" y="18078"/>
                    <a:pt x="32055" y="18287"/>
                  </a:cubicBezTo>
                  <a:cubicBezTo>
                    <a:pt x="31867" y="18392"/>
                    <a:pt x="31762" y="18497"/>
                    <a:pt x="31637" y="18539"/>
                  </a:cubicBezTo>
                  <a:cubicBezTo>
                    <a:pt x="31134" y="18811"/>
                    <a:pt x="30611" y="19062"/>
                    <a:pt x="30109" y="19355"/>
                  </a:cubicBezTo>
                  <a:cubicBezTo>
                    <a:pt x="29963" y="19438"/>
                    <a:pt x="29816" y="19564"/>
                    <a:pt x="29691" y="19689"/>
                  </a:cubicBezTo>
                  <a:cubicBezTo>
                    <a:pt x="29544" y="19857"/>
                    <a:pt x="29544" y="20150"/>
                    <a:pt x="29670" y="20275"/>
                  </a:cubicBezTo>
                  <a:cubicBezTo>
                    <a:pt x="29795" y="20401"/>
                    <a:pt x="29984" y="20484"/>
                    <a:pt x="30172" y="20380"/>
                  </a:cubicBezTo>
                  <a:cubicBezTo>
                    <a:pt x="30507" y="20212"/>
                    <a:pt x="30841" y="20024"/>
                    <a:pt x="31260" y="19857"/>
                  </a:cubicBezTo>
                  <a:cubicBezTo>
                    <a:pt x="31030" y="20233"/>
                    <a:pt x="30821" y="20547"/>
                    <a:pt x="30632" y="20861"/>
                  </a:cubicBezTo>
                  <a:cubicBezTo>
                    <a:pt x="30590" y="20966"/>
                    <a:pt x="30507" y="21070"/>
                    <a:pt x="30444" y="21175"/>
                  </a:cubicBezTo>
                  <a:cubicBezTo>
                    <a:pt x="30381" y="21363"/>
                    <a:pt x="30444" y="21552"/>
                    <a:pt x="30611" y="21656"/>
                  </a:cubicBezTo>
                  <a:cubicBezTo>
                    <a:pt x="30716" y="21740"/>
                    <a:pt x="30925" y="21761"/>
                    <a:pt x="31030" y="21698"/>
                  </a:cubicBezTo>
                  <a:cubicBezTo>
                    <a:pt x="31239" y="21552"/>
                    <a:pt x="31427" y="21342"/>
                    <a:pt x="31574" y="21133"/>
                  </a:cubicBezTo>
                  <a:cubicBezTo>
                    <a:pt x="31762" y="20861"/>
                    <a:pt x="31909" y="20589"/>
                    <a:pt x="32306" y="20401"/>
                  </a:cubicBezTo>
                  <a:cubicBezTo>
                    <a:pt x="32369" y="20945"/>
                    <a:pt x="32369" y="21384"/>
                    <a:pt x="32285" y="21907"/>
                  </a:cubicBezTo>
                  <a:cubicBezTo>
                    <a:pt x="32097" y="21949"/>
                    <a:pt x="31950" y="22012"/>
                    <a:pt x="31762" y="22012"/>
                  </a:cubicBezTo>
                  <a:cubicBezTo>
                    <a:pt x="31176" y="22054"/>
                    <a:pt x="30611" y="22054"/>
                    <a:pt x="30025" y="22012"/>
                  </a:cubicBezTo>
                  <a:cubicBezTo>
                    <a:pt x="28414" y="21949"/>
                    <a:pt x="26782" y="22200"/>
                    <a:pt x="25171" y="22388"/>
                  </a:cubicBezTo>
                  <a:cubicBezTo>
                    <a:pt x="24104" y="22493"/>
                    <a:pt x="23016" y="22744"/>
                    <a:pt x="22012" y="23058"/>
                  </a:cubicBezTo>
                  <a:cubicBezTo>
                    <a:pt x="21823" y="23121"/>
                    <a:pt x="21656" y="23163"/>
                    <a:pt x="21489" y="23205"/>
                  </a:cubicBezTo>
                  <a:cubicBezTo>
                    <a:pt x="20484" y="23309"/>
                    <a:pt x="19564" y="23686"/>
                    <a:pt x="18622" y="24000"/>
                  </a:cubicBezTo>
                  <a:cubicBezTo>
                    <a:pt x="17513" y="24376"/>
                    <a:pt x="16488" y="24899"/>
                    <a:pt x="15630" y="25715"/>
                  </a:cubicBezTo>
                  <a:cubicBezTo>
                    <a:pt x="15567" y="25736"/>
                    <a:pt x="15525" y="25757"/>
                    <a:pt x="15442" y="25778"/>
                  </a:cubicBezTo>
                  <a:cubicBezTo>
                    <a:pt x="15107" y="25736"/>
                    <a:pt x="14856" y="25569"/>
                    <a:pt x="14709" y="25234"/>
                  </a:cubicBezTo>
                  <a:cubicBezTo>
                    <a:pt x="14605" y="25025"/>
                    <a:pt x="14416" y="24878"/>
                    <a:pt x="14228" y="24711"/>
                  </a:cubicBezTo>
                  <a:cubicBezTo>
                    <a:pt x="13956" y="24481"/>
                    <a:pt x="13705" y="24209"/>
                    <a:pt x="13475" y="23958"/>
                  </a:cubicBezTo>
                  <a:cubicBezTo>
                    <a:pt x="13077" y="23560"/>
                    <a:pt x="13015" y="23142"/>
                    <a:pt x="13140" y="22640"/>
                  </a:cubicBezTo>
                  <a:cubicBezTo>
                    <a:pt x="13266" y="22179"/>
                    <a:pt x="13328" y="21698"/>
                    <a:pt x="13391" y="21238"/>
                  </a:cubicBezTo>
                  <a:cubicBezTo>
                    <a:pt x="13475" y="20756"/>
                    <a:pt x="13496" y="20275"/>
                    <a:pt x="13266" y="19836"/>
                  </a:cubicBezTo>
                  <a:cubicBezTo>
                    <a:pt x="13245" y="19773"/>
                    <a:pt x="13224" y="19731"/>
                    <a:pt x="13224" y="19647"/>
                  </a:cubicBezTo>
                  <a:cubicBezTo>
                    <a:pt x="13287" y="18518"/>
                    <a:pt x="12805" y="17451"/>
                    <a:pt x="12847" y="16342"/>
                  </a:cubicBezTo>
                  <a:cubicBezTo>
                    <a:pt x="12868" y="16028"/>
                    <a:pt x="12805" y="15693"/>
                    <a:pt x="12743" y="15358"/>
                  </a:cubicBezTo>
                  <a:cubicBezTo>
                    <a:pt x="12554" y="14438"/>
                    <a:pt x="12345" y="13517"/>
                    <a:pt x="12178" y="12596"/>
                  </a:cubicBezTo>
                  <a:cubicBezTo>
                    <a:pt x="12094" y="12136"/>
                    <a:pt x="12031" y="11655"/>
                    <a:pt x="11989" y="11173"/>
                  </a:cubicBezTo>
                  <a:cubicBezTo>
                    <a:pt x="11968" y="11006"/>
                    <a:pt x="11989" y="10860"/>
                    <a:pt x="11968" y="10713"/>
                  </a:cubicBezTo>
                  <a:cubicBezTo>
                    <a:pt x="11675" y="9939"/>
                    <a:pt x="11717" y="9123"/>
                    <a:pt x="11717" y="8307"/>
                  </a:cubicBezTo>
                  <a:cubicBezTo>
                    <a:pt x="11717" y="7972"/>
                    <a:pt x="11696" y="7637"/>
                    <a:pt x="11382" y="7428"/>
                  </a:cubicBezTo>
                  <a:cubicBezTo>
                    <a:pt x="11236" y="7323"/>
                    <a:pt x="11027" y="7219"/>
                    <a:pt x="10838" y="7177"/>
                  </a:cubicBezTo>
                  <a:cubicBezTo>
                    <a:pt x="10566" y="7114"/>
                    <a:pt x="10294" y="7114"/>
                    <a:pt x="10022" y="7177"/>
                  </a:cubicBezTo>
                  <a:cubicBezTo>
                    <a:pt x="8893" y="7344"/>
                    <a:pt x="7805" y="7658"/>
                    <a:pt x="6863" y="8349"/>
                  </a:cubicBezTo>
                  <a:cubicBezTo>
                    <a:pt x="6486" y="8600"/>
                    <a:pt x="6424" y="8767"/>
                    <a:pt x="6256" y="9437"/>
                  </a:cubicBezTo>
                  <a:cubicBezTo>
                    <a:pt x="6528" y="9625"/>
                    <a:pt x="6758" y="9876"/>
                    <a:pt x="6779" y="10274"/>
                  </a:cubicBezTo>
                  <a:cubicBezTo>
                    <a:pt x="6779" y="10483"/>
                    <a:pt x="6884" y="10692"/>
                    <a:pt x="6905" y="10901"/>
                  </a:cubicBezTo>
                  <a:cubicBezTo>
                    <a:pt x="7051" y="11927"/>
                    <a:pt x="7219" y="12910"/>
                    <a:pt x="7595" y="13894"/>
                  </a:cubicBezTo>
                  <a:cubicBezTo>
                    <a:pt x="7721" y="14249"/>
                    <a:pt x="7742" y="14647"/>
                    <a:pt x="7825" y="15065"/>
                  </a:cubicBezTo>
                  <a:cubicBezTo>
                    <a:pt x="6989" y="15421"/>
                    <a:pt x="6277" y="15944"/>
                    <a:pt x="5608" y="16467"/>
                  </a:cubicBezTo>
                  <a:cubicBezTo>
                    <a:pt x="5503" y="16551"/>
                    <a:pt x="5336" y="16614"/>
                    <a:pt x="5210" y="16655"/>
                  </a:cubicBezTo>
                  <a:cubicBezTo>
                    <a:pt x="4917" y="16739"/>
                    <a:pt x="4645" y="16781"/>
                    <a:pt x="4331" y="16844"/>
                  </a:cubicBezTo>
                  <a:cubicBezTo>
                    <a:pt x="4164" y="16865"/>
                    <a:pt x="4017" y="16886"/>
                    <a:pt x="3871" y="16844"/>
                  </a:cubicBezTo>
                  <a:cubicBezTo>
                    <a:pt x="2783" y="16572"/>
                    <a:pt x="1632" y="16425"/>
                    <a:pt x="586" y="15944"/>
                  </a:cubicBezTo>
                  <a:cubicBezTo>
                    <a:pt x="398" y="15881"/>
                    <a:pt x="209" y="15777"/>
                    <a:pt x="0" y="15672"/>
                  </a:cubicBezTo>
                  <a:cubicBezTo>
                    <a:pt x="0" y="14940"/>
                    <a:pt x="188" y="14270"/>
                    <a:pt x="481" y="13642"/>
                  </a:cubicBezTo>
                  <a:cubicBezTo>
                    <a:pt x="732" y="13077"/>
                    <a:pt x="1004" y="12492"/>
                    <a:pt x="1214" y="11906"/>
                  </a:cubicBezTo>
                  <a:cubicBezTo>
                    <a:pt x="1402" y="11320"/>
                    <a:pt x="1716" y="10797"/>
                    <a:pt x="2030" y="10274"/>
                  </a:cubicBezTo>
                  <a:cubicBezTo>
                    <a:pt x="2281" y="9834"/>
                    <a:pt x="2490" y="9353"/>
                    <a:pt x="2615" y="8872"/>
                  </a:cubicBezTo>
                  <a:cubicBezTo>
                    <a:pt x="2783" y="8307"/>
                    <a:pt x="3034" y="7826"/>
                    <a:pt x="3390" y="7323"/>
                  </a:cubicBezTo>
                  <a:cubicBezTo>
                    <a:pt x="4331" y="5880"/>
                    <a:pt x="5210" y="4415"/>
                    <a:pt x="6005" y="2867"/>
                  </a:cubicBezTo>
                  <a:cubicBezTo>
                    <a:pt x="6214" y="2490"/>
                    <a:pt x="6445" y="2093"/>
                    <a:pt x="6696" y="1737"/>
                  </a:cubicBezTo>
                  <a:cubicBezTo>
                    <a:pt x="6989" y="1277"/>
                    <a:pt x="7281" y="816"/>
                    <a:pt x="7386" y="251"/>
                  </a:cubicBezTo>
                  <a:cubicBezTo>
                    <a:pt x="7407" y="189"/>
                    <a:pt x="7491" y="126"/>
                    <a:pt x="7574" y="0"/>
                  </a:cubicBezTo>
                  <a:cubicBezTo>
                    <a:pt x="7721" y="105"/>
                    <a:pt x="7888" y="189"/>
                    <a:pt x="7993" y="293"/>
                  </a:cubicBezTo>
                  <a:cubicBezTo>
                    <a:pt x="8746" y="1046"/>
                    <a:pt x="9499" y="1821"/>
                    <a:pt x="10294" y="2595"/>
                  </a:cubicBezTo>
                  <a:cubicBezTo>
                    <a:pt x="10608" y="2909"/>
                    <a:pt x="10964" y="3202"/>
                    <a:pt x="11341" y="3432"/>
                  </a:cubicBezTo>
                  <a:cubicBezTo>
                    <a:pt x="12324" y="4038"/>
                    <a:pt x="13349" y="4603"/>
                    <a:pt x="14437" y="5231"/>
                  </a:cubicBezTo>
                  <a:cubicBezTo>
                    <a:pt x="14626" y="5733"/>
                    <a:pt x="14814" y="6319"/>
                    <a:pt x="15107" y="6884"/>
                  </a:cubicBezTo>
                  <a:cubicBezTo>
                    <a:pt x="15421" y="7512"/>
                    <a:pt x="16007" y="7847"/>
                    <a:pt x="16697" y="7930"/>
                  </a:cubicBezTo>
                  <a:cubicBezTo>
                    <a:pt x="17304" y="8014"/>
                    <a:pt x="17890" y="7951"/>
                    <a:pt x="18497" y="7930"/>
                  </a:cubicBezTo>
                  <a:cubicBezTo>
                    <a:pt x="18622" y="7930"/>
                    <a:pt x="18810" y="7868"/>
                    <a:pt x="18915" y="7784"/>
                  </a:cubicBezTo>
                  <a:cubicBezTo>
                    <a:pt x="19375" y="7512"/>
                    <a:pt x="20045" y="7303"/>
                    <a:pt x="20338" y="6549"/>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18" name="Google Shape;369;p37">
              <a:extLst>
                <a:ext uri="{FF2B5EF4-FFF2-40B4-BE49-F238E27FC236}">
                  <a16:creationId xmlns:a16="http://schemas.microsoft.com/office/drawing/2014/main" id="{D61437DE-A190-E4B6-233A-60DA566D7CA8}"/>
                </a:ext>
              </a:extLst>
            </p:cNvPr>
            <p:cNvSpPr/>
            <p:nvPr/>
          </p:nvSpPr>
          <p:spPr>
            <a:xfrm>
              <a:off x="-1722050" y="1988225"/>
              <a:ext cx="128700" cy="337950"/>
            </a:xfrm>
            <a:custGeom>
              <a:avLst/>
              <a:gdLst/>
              <a:ahLst/>
              <a:cxnLst/>
              <a:rect l="l" t="t" r="r" b="b"/>
              <a:pathLst>
                <a:path w="5148" h="13518" extrusionOk="0">
                  <a:moveTo>
                    <a:pt x="1" y="1173"/>
                  </a:moveTo>
                  <a:cubicBezTo>
                    <a:pt x="586" y="629"/>
                    <a:pt x="1151" y="294"/>
                    <a:pt x="1842" y="231"/>
                  </a:cubicBezTo>
                  <a:cubicBezTo>
                    <a:pt x="2009" y="231"/>
                    <a:pt x="2135" y="126"/>
                    <a:pt x="2260" y="106"/>
                  </a:cubicBezTo>
                  <a:cubicBezTo>
                    <a:pt x="2532" y="43"/>
                    <a:pt x="2783" y="1"/>
                    <a:pt x="3055" y="1"/>
                  </a:cubicBezTo>
                  <a:cubicBezTo>
                    <a:pt x="3474" y="1"/>
                    <a:pt x="3599" y="126"/>
                    <a:pt x="3620" y="524"/>
                  </a:cubicBezTo>
                  <a:cubicBezTo>
                    <a:pt x="3662" y="775"/>
                    <a:pt x="3620" y="1068"/>
                    <a:pt x="3620" y="1340"/>
                  </a:cubicBezTo>
                  <a:cubicBezTo>
                    <a:pt x="3620" y="1758"/>
                    <a:pt x="3620" y="2177"/>
                    <a:pt x="3788" y="2595"/>
                  </a:cubicBezTo>
                  <a:cubicBezTo>
                    <a:pt x="3830" y="2742"/>
                    <a:pt x="3913" y="2951"/>
                    <a:pt x="3892" y="3119"/>
                  </a:cubicBezTo>
                  <a:cubicBezTo>
                    <a:pt x="3809" y="4395"/>
                    <a:pt x="4206" y="5629"/>
                    <a:pt x="4415" y="6843"/>
                  </a:cubicBezTo>
                  <a:cubicBezTo>
                    <a:pt x="4541" y="7554"/>
                    <a:pt x="4667" y="8266"/>
                    <a:pt x="4646" y="8998"/>
                  </a:cubicBezTo>
                  <a:cubicBezTo>
                    <a:pt x="4646" y="9145"/>
                    <a:pt x="4625" y="9312"/>
                    <a:pt x="4667" y="9437"/>
                  </a:cubicBezTo>
                  <a:cubicBezTo>
                    <a:pt x="4855" y="10170"/>
                    <a:pt x="4876" y="10923"/>
                    <a:pt x="4918" y="11655"/>
                  </a:cubicBezTo>
                  <a:cubicBezTo>
                    <a:pt x="4918" y="12011"/>
                    <a:pt x="5064" y="12346"/>
                    <a:pt x="5148" y="12743"/>
                  </a:cubicBezTo>
                  <a:cubicBezTo>
                    <a:pt x="4939" y="12869"/>
                    <a:pt x="4750" y="13015"/>
                    <a:pt x="4562" y="13057"/>
                  </a:cubicBezTo>
                  <a:cubicBezTo>
                    <a:pt x="3913" y="13099"/>
                    <a:pt x="3307" y="13371"/>
                    <a:pt x="2616" y="13518"/>
                  </a:cubicBezTo>
                  <a:cubicBezTo>
                    <a:pt x="2574" y="12262"/>
                    <a:pt x="2323" y="11090"/>
                    <a:pt x="1905" y="9940"/>
                  </a:cubicBezTo>
                  <a:cubicBezTo>
                    <a:pt x="1633" y="9249"/>
                    <a:pt x="1612" y="8517"/>
                    <a:pt x="1507" y="7784"/>
                  </a:cubicBezTo>
                  <a:cubicBezTo>
                    <a:pt x="1737" y="7617"/>
                    <a:pt x="1967" y="7429"/>
                    <a:pt x="2198" y="7220"/>
                  </a:cubicBezTo>
                  <a:cubicBezTo>
                    <a:pt x="2260" y="7136"/>
                    <a:pt x="2344" y="6948"/>
                    <a:pt x="2323" y="6822"/>
                  </a:cubicBezTo>
                  <a:cubicBezTo>
                    <a:pt x="2302" y="6613"/>
                    <a:pt x="2093" y="6571"/>
                    <a:pt x="1905" y="6571"/>
                  </a:cubicBezTo>
                  <a:cubicBezTo>
                    <a:pt x="1716" y="6571"/>
                    <a:pt x="1570" y="6613"/>
                    <a:pt x="1382" y="6676"/>
                  </a:cubicBezTo>
                  <a:cubicBezTo>
                    <a:pt x="733" y="4855"/>
                    <a:pt x="335" y="3035"/>
                    <a:pt x="1" y="1173"/>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19" name="Google Shape;370;p37">
              <a:extLst>
                <a:ext uri="{FF2B5EF4-FFF2-40B4-BE49-F238E27FC236}">
                  <a16:creationId xmlns:a16="http://schemas.microsoft.com/office/drawing/2014/main" id="{24DEAFA7-5E7B-D183-00DA-DB39A2CA96CA}"/>
                </a:ext>
              </a:extLst>
            </p:cNvPr>
            <p:cNvSpPr/>
            <p:nvPr/>
          </p:nvSpPr>
          <p:spPr>
            <a:xfrm>
              <a:off x="-1927100" y="2205850"/>
              <a:ext cx="251100" cy="128700"/>
            </a:xfrm>
            <a:custGeom>
              <a:avLst/>
              <a:gdLst/>
              <a:ahLst/>
              <a:cxnLst/>
              <a:rect l="l" t="t" r="r" b="b"/>
              <a:pathLst>
                <a:path w="10044" h="5148" extrusionOk="0">
                  <a:moveTo>
                    <a:pt x="9584" y="2469"/>
                  </a:moveTo>
                  <a:cubicBezTo>
                    <a:pt x="9625" y="2699"/>
                    <a:pt x="9709" y="2908"/>
                    <a:pt x="9730" y="3139"/>
                  </a:cubicBezTo>
                  <a:cubicBezTo>
                    <a:pt x="9772" y="3829"/>
                    <a:pt x="9981" y="4478"/>
                    <a:pt x="10044" y="5147"/>
                  </a:cubicBezTo>
                  <a:cubicBezTo>
                    <a:pt x="9521" y="5105"/>
                    <a:pt x="9270" y="5043"/>
                    <a:pt x="8935" y="4708"/>
                  </a:cubicBezTo>
                  <a:cubicBezTo>
                    <a:pt x="8537" y="4310"/>
                    <a:pt x="8098" y="4164"/>
                    <a:pt x="7596" y="4038"/>
                  </a:cubicBezTo>
                  <a:cubicBezTo>
                    <a:pt x="6382" y="3745"/>
                    <a:pt x="5190" y="3473"/>
                    <a:pt x="4039" y="3013"/>
                  </a:cubicBezTo>
                  <a:cubicBezTo>
                    <a:pt x="3767" y="2908"/>
                    <a:pt x="3453" y="2888"/>
                    <a:pt x="3139" y="2888"/>
                  </a:cubicBezTo>
                  <a:cubicBezTo>
                    <a:pt x="2302" y="2846"/>
                    <a:pt x="1465" y="2888"/>
                    <a:pt x="607" y="2888"/>
                  </a:cubicBezTo>
                  <a:cubicBezTo>
                    <a:pt x="398" y="2888"/>
                    <a:pt x="189" y="2846"/>
                    <a:pt x="1" y="2825"/>
                  </a:cubicBezTo>
                  <a:lnTo>
                    <a:pt x="1" y="1548"/>
                  </a:lnTo>
                  <a:cubicBezTo>
                    <a:pt x="377" y="1130"/>
                    <a:pt x="147" y="481"/>
                    <a:pt x="586" y="0"/>
                  </a:cubicBezTo>
                  <a:cubicBezTo>
                    <a:pt x="775" y="63"/>
                    <a:pt x="942" y="84"/>
                    <a:pt x="1130" y="168"/>
                  </a:cubicBezTo>
                  <a:cubicBezTo>
                    <a:pt x="2177" y="628"/>
                    <a:pt x="3327" y="795"/>
                    <a:pt x="4436" y="1025"/>
                  </a:cubicBezTo>
                  <a:cubicBezTo>
                    <a:pt x="4687" y="1067"/>
                    <a:pt x="4980" y="1046"/>
                    <a:pt x="5231" y="1004"/>
                  </a:cubicBezTo>
                  <a:cubicBezTo>
                    <a:pt x="5545" y="942"/>
                    <a:pt x="5817" y="1025"/>
                    <a:pt x="6068" y="1214"/>
                  </a:cubicBezTo>
                  <a:cubicBezTo>
                    <a:pt x="6654" y="1590"/>
                    <a:pt x="7219" y="1988"/>
                    <a:pt x="7805" y="2323"/>
                  </a:cubicBezTo>
                  <a:cubicBezTo>
                    <a:pt x="8349" y="2678"/>
                    <a:pt x="8830" y="2699"/>
                    <a:pt x="9584" y="2469"/>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0" name="Google Shape;371;p37">
              <a:extLst>
                <a:ext uri="{FF2B5EF4-FFF2-40B4-BE49-F238E27FC236}">
                  <a16:creationId xmlns:a16="http://schemas.microsoft.com/office/drawing/2014/main" id="{74563290-CE07-343E-5ADB-D534EE1E221A}"/>
                </a:ext>
              </a:extLst>
            </p:cNvPr>
            <p:cNvSpPr/>
            <p:nvPr/>
          </p:nvSpPr>
          <p:spPr>
            <a:xfrm>
              <a:off x="-1839225" y="1357400"/>
              <a:ext cx="62800" cy="127125"/>
            </a:xfrm>
            <a:custGeom>
              <a:avLst/>
              <a:gdLst/>
              <a:ahLst/>
              <a:cxnLst/>
              <a:rect l="l" t="t" r="r" b="b"/>
              <a:pathLst>
                <a:path w="2512" h="5085" extrusionOk="0">
                  <a:moveTo>
                    <a:pt x="1716" y="5084"/>
                  </a:moveTo>
                  <a:cubicBezTo>
                    <a:pt x="1612" y="4980"/>
                    <a:pt x="1528" y="4938"/>
                    <a:pt x="1486" y="4854"/>
                  </a:cubicBezTo>
                  <a:cubicBezTo>
                    <a:pt x="1131" y="4227"/>
                    <a:pt x="754" y="3620"/>
                    <a:pt x="419" y="2992"/>
                  </a:cubicBezTo>
                  <a:cubicBezTo>
                    <a:pt x="1" y="2197"/>
                    <a:pt x="126" y="1297"/>
                    <a:pt x="189" y="439"/>
                  </a:cubicBezTo>
                  <a:cubicBezTo>
                    <a:pt x="189" y="209"/>
                    <a:pt x="419" y="21"/>
                    <a:pt x="670" y="21"/>
                  </a:cubicBezTo>
                  <a:cubicBezTo>
                    <a:pt x="900" y="0"/>
                    <a:pt x="1152" y="0"/>
                    <a:pt x="1382" y="0"/>
                  </a:cubicBezTo>
                  <a:cubicBezTo>
                    <a:pt x="1988" y="21"/>
                    <a:pt x="2365" y="377"/>
                    <a:pt x="2428" y="983"/>
                  </a:cubicBezTo>
                  <a:cubicBezTo>
                    <a:pt x="2512" y="1841"/>
                    <a:pt x="2449" y="2720"/>
                    <a:pt x="2093" y="3515"/>
                  </a:cubicBezTo>
                  <a:cubicBezTo>
                    <a:pt x="1988" y="3766"/>
                    <a:pt x="1905" y="4017"/>
                    <a:pt x="1821" y="4289"/>
                  </a:cubicBezTo>
                  <a:cubicBezTo>
                    <a:pt x="1800" y="4520"/>
                    <a:pt x="1779" y="4771"/>
                    <a:pt x="1716" y="5084"/>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1" name="Google Shape;372;p37">
              <a:extLst>
                <a:ext uri="{FF2B5EF4-FFF2-40B4-BE49-F238E27FC236}">
                  <a16:creationId xmlns:a16="http://schemas.microsoft.com/office/drawing/2014/main" id="{447FE0E7-DFB0-087D-F046-E38E25A87A35}"/>
                </a:ext>
              </a:extLst>
            </p:cNvPr>
            <p:cNvSpPr/>
            <p:nvPr/>
          </p:nvSpPr>
          <p:spPr>
            <a:xfrm>
              <a:off x="-962000" y="1680125"/>
              <a:ext cx="111975" cy="75875"/>
            </a:xfrm>
            <a:custGeom>
              <a:avLst/>
              <a:gdLst/>
              <a:ahLst/>
              <a:cxnLst/>
              <a:rect l="l" t="t" r="r" b="b"/>
              <a:pathLst>
                <a:path w="4479" h="3035" extrusionOk="0">
                  <a:moveTo>
                    <a:pt x="1" y="2993"/>
                  </a:moveTo>
                  <a:cubicBezTo>
                    <a:pt x="503" y="1968"/>
                    <a:pt x="984" y="1026"/>
                    <a:pt x="1444" y="106"/>
                  </a:cubicBezTo>
                  <a:cubicBezTo>
                    <a:pt x="2177" y="1"/>
                    <a:pt x="2867" y="64"/>
                    <a:pt x="3558" y="106"/>
                  </a:cubicBezTo>
                  <a:cubicBezTo>
                    <a:pt x="4144" y="126"/>
                    <a:pt x="4478" y="963"/>
                    <a:pt x="4081" y="1424"/>
                  </a:cubicBezTo>
                  <a:cubicBezTo>
                    <a:pt x="3244" y="2323"/>
                    <a:pt x="2302" y="3035"/>
                    <a:pt x="1005" y="3035"/>
                  </a:cubicBezTo>
                  <a:cubicBezTo>
                    <a:pt x="691" y="3035"/>
                    <a:pt x="398" y="3014"/>
                    <a:pt x="1" y="2993"/>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 name="Google Shape;373;p37">
              <a:extLst>
                <a:ext uri="{FF2B5EF4-FFF2-40B4-BE49-F238E27FC236}">
                  <a16:creationId xmlns:a16="http://schemas.microsoft.com/office/drawing/2014/main" id="{EDC3E02D-0353-BACF-31D2-09A9CC2D09AC}"/>
                </a:ext>
              </a:extLst>
            </p:cNvPr>
            <p:cNvSpPr/>
            <p:nvPr/>
          </p:nvSpPr>
          <p:spPr>
            <a:xfrm>
              <a:off x="-1511775" y="1933300"/>
              <a:ext cx="91050" cy="34025"/>
            </a:xfrm>
            <a:custGeom>
              <a:avLst/>
              <a:gdLst/>
              <a:ahLst/>
              <a:cxnLst/>
              <a:rect l="l" t="t" r="r" b="b"/>
              <a:pathLst>
                <a:path w="3642" h="1361" extrusionOk="0">
                  <a:moveTo>
                    <a:pt x="3642" y="650"/>
                  </a:moveTo>
                  <a:cubicBezTo>
                    <a:pt x="3265" y="901"/>
                    <a:pt x="3014" y="1131"/>
                    <a:pt x="2700" y="1361"/>
                  </a:cubicBezTo>
                  <a:lnTo>
                    <a:pt x="1382" y="1361"/>
                  </a:lnTo>
                  <a:cubicBezTo>
                    <a:pt x="1235" y="1361"/>
                    <a:pt x="1110" y="1319"/>
                    <a:pt x="942" y="1298"/>
                  </a:cubicBezTo>
                  <a:cubicBezTo>
                    <a:pt x="336" y="1131"/>
                    <a:pt x="1" y="733"/>
                    <a:pt x="22" y="1"/>
                  </a:cubicBezTo>
                  <a:cubicBezTo>
                    <a:pt x="1214" y="189"/>
                    <a:pt x="2344" y="419"/>
                    <a:pt x="3642" y="650"/>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3" name="Google Shape;374;p37">
              <a:extLst>
                <a:ext uri="{FF2B5EF4-FFF2-40B4-BE49-F238E27FC236}">
                  <a16:creationId xmlns:a16="http://schemas.microsoft.com/office/drawing/2014/main" id="{03E5528F-114A-D3D6-E464-292CB2647835}"/>
                </a:ext>
              </a:extLst>
            </p:cNvPr>
            <p:cNvSpPr/>
            <p:nvPr/>
          </p:nvSpPr>
          <p:spPr>
            <a:xfrm>
              <a:off x="-1642025" y="2339750"/>
              <a:ext cx="50775" cy="56525"/>
            </a:xfrm>
            <a:custGeom>
              <a:avLst/>
              <a:gdLst/>
              <a:ahLst/>
              <a:cxnLst/>
              <a:rect l="l" t="t" r="r" b="b"/>
              <a:pathLst>
                <a:path w="2031" h="2261" extrusionOk="0">
                  <a:moveTo>
                    <a:pt x="1" y="670"/>
                  </a:moveTo>
                  <a:cubicBezTo>
                    <a:pt x="691" y="105"/>
                    <a:pt x="1340" y="105"/>
                    <a:pt x="2031" y="1"/>
                  </a:cubicBezTo>
                  <a:lnTo>
                    <a:pt x="2031" y="1863"/>
                  </a:lnTo>
                  <a:cubicBezTo>
                    <a:pt x="1842" y="1967"/>
                    <a:pt x="1654" y="2093"/>
                    <a:pt x="1424" y="2260"/>
                  </a:cubicBezTo>
                  <a:cubicBezTo>
                    <a:pt x="838" y="1821"/>
                    <a:pt x="357" y="1319"/>
                    <a:pt x="1" y="670"/>
                  </a:cubicBezTo>
                  <a:close/>
                </a:path>
              </a:pathLst>
            </a:custGeom>
            <a:solidFill>
              <a:srgbClr val="FFFFFF"/>
            </a:solidFill>
            <a:ln>
              <a:noFill/>
            </a:ln>
          </p:spPr>
          <p:txBody>
            <a:bodyPr spcFirstLastPara="1" wrap="square" lIns="91425" tIns="91425" rIns="91425" bIns="91425" anchor="ctr" anchorCtr="0">
              <a:noAutofit/>
            </a:bodyPr>
            <a:lstStyle/>
            <a:p>
              <a:endParaRPr/>
            </a:p>
          </p:txBody>
        </p:sp>
        <p:sp>
          <p:nvSpPr>
            <p:cNvPr id="24" name="Google Shape;375;p37">
              <a:extLst>
                <a:ext uri="{FF2B5EF4-FFF2-40B4-BE49-F238E27FC236}">
                  <a16:creationId xmlns:a16="http://schemas.microsoft.com/office/drawing/2014/main" id="{0FA6E66C-6B4B-A8A8-097C-84A360E0426C}"/>
                </a:ext>
              </a:extLst>
            </p:cNvPr>
            <p:cNvSpPr/>
            <p:nvPr/>
          </p:nvSpPr>
          <p:spPr>
            <a:xfrm>
              <a:off x="-1752375" y="2221000"/>
              <a:ext cx="55975" cy="30900"/>
            </a:xfrm>
            <a:custGeom>
              <a:avLst/>
              <a:gdLst/>
              <a:ahLst/>
              <a:cxnLst/>
              <a:rect l="l" t="t" r="r" b="b"/>
              <a:pathLst>
                <a:path w="2239" h="1236" extrusionOk="0">
                  <a:moveTo>
                    <a:pt x="0" y="294"/>
                  </a:moveTo>
                  <a:cubicBezTo>
                    <a:pt x="167" y="85"/>
                    <a:pt x="293" y="1"/>
                    <a:pt x="502" y="85"/>
                  </a:cubicBezTo>
                  <a:cubicBezTo>
                    <a:pt x="942" y="210"/>
                    <a:pt x="1360" y="503"/>
                    <a:pt x="1883" y="461"/>
                  </a:cubicBezTo>
                  <a:cubicBezTo>
                    <a:pt x="2092" y="461"/>
                    <a:pt x="2197" y="629"/>
                    <a:pt x="2218" y="817"/>
                  </a:cubicBezTo>
                  <a:cubicBezTo>
                    <a:pt x="2239" y="984"/>
                    <a:pt x="1988" y="1235"/>
                    <a:pt x="1799" y="1235"/>
                  </a:cubicBezTo>
                  <a:cubicBezTo>
                    <a:pt x="1695" y="1235"/>
                    <a:pt x="1569" y="1194"/>
                    <a:pt x="1465" y="1152"/>
                  </a:cubicBezTo>
                  <a:cubicBezTo>
                    <a:pt x="963" y="838"/>
                    <a:pt x="502" y="545"/>
                    <a:pt x="0" y="294"/>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5" name="Google Shape;376;p37">
              <a:extLst>
                <a:ext uri="{FF2B5EF4-FFF2-40B4-BE49-F238E27FC236}">
                  <a16:creationId xmlns:a16="http://schemas.microsoft.com/office/drawing/2014/main" id="{AD531A44-D791-DF68-3E04-A65AEE329B49}"/>
                </a:ext>
              </a:extLst>
            </p:cNvPr>
            <p:cNvSpPr/>
            <p:nvPr/>
          </p:nvSpPr>
          <p:spPr>
            <a:xfrm>
              <a:off x="-1726750" y="2191725"/>
              <a:ext cx="24075" cy="22500"/>
            </a:xfrm>
            <a:custGeom>
              <a:avLst/>
              <a:gdLst/>
              <a:ahLst/>
              <a:cxnLst/>
              <a:rect l="l" t="t" r="r" b="b"/>
              <a:pathLst>
                <a:path w="963" h="900" extrusionOk="0">
                  <a:moveTo>
                    <a:pt x="0" y="481"/>
                  </a:moveTo>
                  <a:cubicBezTo>
                    <a:pt x="210" y="147"/>
                    <a:pt x="461" y="21"/>
                    <a:pt x="837" y="0"/>
                  </a:cubicBezTo>
                  <a:cubicBezTo>
                    <a:pt x="879" y="209"/>
                    <a:pt x="921" y="440"/>
                    <a:pt x="963" y="649"/>
                  </a:cubicBezTo>
                  <a:cubicBezTo>
                    <a:pt x="565" y="900"/>
                    <a:pt x="335" y="649"/>
                    <a:pt x="0" y="481"/>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6" name="Google Shape;377;p37">
              <a:extLst>
                <a:ext uri="{FF2B5EF4-FFF2-40B4-BE49-F238E27FC236}">
                  <a16:creationId xmlns:a16="http://schemas.microsoft.com/office/drawing/2014/main" id="{70A2DA7E-875A-AA0C-660C-5C67D771DD38}"/>
                </a:ext>
              </a:extLst>
            </p:cNvPr>
            <p:cNvSpPr/>
            <p:nvPr/>
          </p:nvSpPr>
          <p:spPr>
            <a:xfrm>
              <a:off x="-1748200" y="1455700"/>
              <a:ext cx="211250" cy="206300"/>
            </a:xfrm>
            <a:custGeom>
              <a:avLst/>
              <a:gdLst/>
              <a:ahLst/>
              <a:cxnLst/>
              <a:rect l="l" t="t" r="r" b="b"/>
              <a:pathLst>
                <a:path w="8450" h="8252" extrusionOk="0">
                  <a:moveTo>
                    <a:pt x="3345" y="1"/>
                  </a:moveTo>
                  <a:cubicBezTo>
                    <a:pt x="2812" y="1"/>
                    <a:pt x="2295" y="220"/>
                    <a:pt x="1842" y="734"/>
                  </a:cubicBezTo>
                  <a:cubicBezTo>
                    <a:pt x="1612" y="1006"/>
                    <a:pt x="1402" y="1341"/>
                    <a:pt x="1277" y="1696"/>
                  </a:cubicBezTo>
                  <a:cubicBezTo>
                    <a:pt x="524" y="2073"/>
                    <a:pt x="0" y="2784"/>
                    <a:pt x="63" y="4019"/>
                  </a:cubicBezTo>
                  <a:cubicBezTo>
                    <a:pt x="168" y="5505"/>
                    <a:pt x="1068" y="6760"/>
                    <a:pt x="2218" y="7430"/>
                  </a:cubicBezTo>
                  <a:cubicBezTo>
                    <a:pt x="2637" y="7869"/>
                    <a:pt x="3160" y="8204"/>
                    <a:pt x="3829" y="8246"/>
                  </a:cubicBezTo>
                  <a:cubicBezTo>
                    <a:pt x="3883" y="8250"/>
                    <a:pt x="3936" y="8252"/>
                    <a:pt x="3988" y="8252"/>
                  </a:cubicBezTo>
                  <a:cubicBezTo>
                    <a:pt x="4446" y="8252"/>
                    <a:pt x="4849" y="8092"/>
                    <a:pt x="5169" y="7848"/>
                  </a:cubicBezTo>
                  <a:cubicBezTo>
                    <a:pt x="5817" y="7639"/>
                    <a:pt x="6424" y="7220"/>
                    <a:pt x="6926" y="6551"/>
                  </a:cubicBezTo>
                  <a:cubicBezTo>
                    <a:pt x="8450" y="4445"/>
                    <a:pt x="5744" y="1"/>
                    <a:pt x="3345" y="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7" name="Google Shape;378;p37">
              <a:extLst>
                <a:ext uri="{FF2B5EF4-FFF2-40B4-BE49-F238E27FC236}">
                  <a16:creationId xmlns:a16="http://schemas.microsoft.com/office/drawing/2014/main" id="{770FE44B-4F8F-6164-8085-53EF3B7DE939}"/>
                </a:ext>
              </a:extLst>
            </p:cNvPr>
            <p:cNvSpPr/>
            <p:nvPr/>
          </p:nvSpPr>
          <p:spPr>
            <a:xfrm>
              <a:off x="-1228775" y="1649625"/>
              <a:ext cx="220250" cy="167775"/>
            </a:xfrm>
            <a:custGeom>
              <a:avLst/>
              <a:gdLst/>
              <a:ahLst/>
              <a:cxnLst/>
              <a:rect l="l" t="t" r="r" b="b"/>
              <a:pathLst>
                <a:path w="8810" h="6711" extrusionOk="0">
                  <a:moveTo>
                    <a:pt x="5246" y="1"/>
                  </a:moveTo>
                  <a:cubicBezTo>
                    <a:pt x="4260" y="1"/>
                    <a:pt x="3239" y="372"/>
                    <a:pt x="2511" y="970"/>
                  </a:cubicBezTo>
                  <a:cubicBezTo>
                    <a:pt x="2490" y="991"/>
                    <a:pt x="2449" y="1012"/>
                    <a:pt x="2407" y="1033"/>
                  </a:cubicBezTo>
                  <a:cubicBezTo>
                    <a:pt x="2260" y="1137"/>
                    <a:pt x="2114" y="1284"/>
                    <a:pt x="1988" y="1409"/>
                  </a:cubicBezTo>
                  <a:cubicBezTo>
                    <a:pt x="1528" y="1702"/>
                    <a:pt x="1130" y="2037"/>
                    <a:pt x="879" y="2455"/>
                  </a:cubicBezTo>
                  <a:cubicBezTo>
                    <a:pt x="1" y="3711"/>
                    <a:pt x="817" y="5196"/>
                    <a:pt x="1967" y="5908"/>
                  </a:cubicBezTo>
                  <a:cubicBezTo>
                    <a:pt x="2344" y="6305"/>
                    <a:pt x="2804" y="6619"/>
                    <a:pt x="3348" y="6682"/>
                  </a:cubicBezTo>
                  <a:cubicBezTo>
                    <a:pt x="3469" y="6701"/>
                    <a:pt x="3588" y="6711"/>
                    <a:pt x="3704" y="6711"/>
                  </a:cubicBezTo>
                  <a:cubicBezTo>
                    <a:pt x="4092" y="6711"/>
                    <a:pt x="4454" y="6608"/>
                    <a:pt x="4792" y="6431"/>
                  </a:cubicBezTo>
                  <a:cubicBezTo>
                    <a:pt x="5503" y="6326"/>
                    <a:pt x="6194" y="6033"/>
                    <a:pt x="6780" y="5573"/>
                  </a:cubicBezTo>
                  <a:cubicBezTo>
                    <a:pt x="8119" y="4464"/>
                    <a:pt x="8809" y="2560"/>
                    <a:pt x="7638" y="1074"/>
                  </a:cubicBezTo>
                  <a:cubicBezTo>
                    <a:pt x="7044" y="320"/>
                    <a:pt x="6160" y="1"/>
                    <a:pt x="5246" y="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8" name="Google Shape;379;p37">
              <a:extLst>
                <a:ext uri="{FF2B5EF4-FFF2-40B4-BE49-F238E27FC236}">
                  <a16:creationId xmlns:a16="http://schemas.microsoft.com/office/drawing/2014/main" id="{72E342FA-976C-A6EB-211F-F88E5888BB29}"/>
                </a:ext>
              </a:extLst>
            </p:cNvPr>
            <p:cNvSpPr/>
            <p:nvPr/>
          </p:nvSpPr>
          <p:spPr>
            <a:xfrm>
              <a:off x="-2314175" y="910675"/>
              <a:ext cx="1628400" cy="1733025"/>
            </a:xfrm>
            <a:custGeom>
              <a:avLst/>
              <a:gdLst/>
              <a:ahLst/>
              <a:cxnLst/>
              <a:rect l="l" t="t" r="r" b="b"/>
              <a:pathLst>
                <a:path w="65136" h="69321" extrusionOk="0">
                  <a:moveTo>
                    <a:pt x="14626" y="54715"/>
                  </a:moveTo>
                  <a:cubicBezTo>
                    <a:pt x="14396" y="53397"/>
                    <a:pt x="14709" y="52309"/>
                    <a:pt x="15170" y="51221"/>
                  </a:cubicBezTo>
                  <a:cubicBezTo>
                    <a:pt x="15044" y="51096"/>
                    <a:pt x="14960" y="50970"/>
                    <a:pt x="14814" y="50845"/>
                  </a:cubicBezTo>
                  <a:cubicBezTo>
                    <a:pt x="14437" y="50552"/>
                    <a:pt x="14061" y="50238"/>
                    <a:pt x="13663" y="49966"/>
                  </a:cubicBezTo>
                  <a:cubicBezTo>
                    <a:pt x="12931" y="49506"/>
                    <a:pt x="12387" y="48878"/>
                    <a:pt x="11906" y="48166"/>
                  </a:cubicBezTo>
                  <a:cubicBezTo>
                    <a:pt x="11403" y="47434"/>
                    <a:pt x="10964" y="46702"/>
                    <a:pt x="10441" y="45990"/>
                  </a:cubicBezTo>
                  <a:cubicBezTo>
                    <a:pt x="9520" y="44777"/>
                    <a:pt x="9813" y="43354"/>
                    <a:pt x="10671" y="42266"/>
                  </a:cubicBezTo>
                  <a:cubicBezTo>
                    <a:pt x="10943" y="41910"/>
                    <a:pt x="11194" y="41596"/>
                    <a:pt x="11466" y="41283"/>
                  </a:cubicBezTo>
                  <a:cubicBezTo>
                    <a:pt x="11613" y="41115"/>
                    <a:pt x="11780" y="40927"/>
                    <a:pt x="11968" y="40801"/>
                  </a:cubicBezTo>
                  <a:cubicBezTo>
                    <a:pt x="13391" y="39692"/>
                    <a:pt x="14835" y="38625"/>
                    <a:pt x="16279" y="37537"/>
                  </a:cubicBezTo>
                  <a:cubicBezTo>
                    <a:pt x="16488" y="37370"/>
                    <a:pt x="16718" y="37244"/>
                    <a:pt x="16948" y="37077"/>
                  </a:cubicBezTo>
                  <a:cubicBezTo>
                    <a:pt x="17827" y="36554"/>
                    <a:pt x="18685" y="36093"/>
                    <a:pt x="19522" y="35549"/>
                  </a:cubicBezTo>
                  <a:cubicBezTo>
                    <a:pt x="20505" y="34922"/>
                    <a:pt x="21551" y="34399"/>
                    <a:pt x="22660" y="33980"/>
                  </a:cubicBezTo>
                  <a:cubicBezTo>
                    <a:pt x="22786" y="33917"/>
                    <a:pt x="22911" y="33876"/>
                    <a:pt x="23079" y="33792"/>
                  </a:cubicBezTo>
                  <a:cubicBezTo>
                    <a:pt x="23016" y="33624"/>
                    <a:pt x="22995" y="33520"/>
                    <a:pt x="22974" y="33415"/>
                  </a:cubicBezTo>
                  <a:cubicBezTo>
                    <a:pt x="22347" y="31888"/>
                    <a:pt x="21698" y="30360"/>
                    <a:pt x="21091" y="28812"/>
                  </a:cubicBezTo>
                  <a:cubicBezTo>
                    <a:pt x="20756" y="27871"/>
                    <a:pt x="20714" y="26887"/>
                    <a:pt x="20694" y="25883"/>
                  </a:cubicBezTo>
                  <a:cubicBezTo>
                    <a:pt x="20673" y="25318"/>
                    <a:pt x="20694" y="24732"/>
                    <a:pt x="20694" y="24188"/>
                  </a:cubicBezTo>
                  <a:cubicBezTo>
                    <a:pt x="20442" y="23979"/>
                    <a:pt x="20170" y="23832"/>
                    <a:pt x="19982" y="23581"/>
                  </a:cubicBezTo>
                  <a:cubicBezTo>
                    <a:pt x="19794" y="23372"/>
                    <a:pt x="19731" y="23121"/>
                    <a:pt x="19606" y="22891"/>
                  </a:cubicBezTo>
                  <a:cubicBezTo>
                    <a:pt x="19396" y="22535"/>
                    <a:pt x="19187" y="22200"/>
                    <a:pt x="18999" y="21886"/>
                  </a:cubicBezTo>
                  <a:cubicBezTo>
                    <a:pt x="18559" y="21154"/>
                    <a:pt x="18266" y="20380"/>
                    <a:pt x="18350" y="19480"/>
                  </a:cubicBezTo>
                  <a:cubicBezTo>
                    <a:pt x="18371" y="19083"/>
                    <a:pt x="18350" y="18706"/>
                    <a:pt x="18371" y="18308"/>
                  </a:cubicBezTo>
                  <a:cubicBezTo>
                    <a:pt x="18392" y="17681"/>
                    <a:pt x="18894" y="17179"/>
                    <a:pt x="19522" y="17137"/>
                  </a:cubicBezTo>
                  <a:lnTo>
                    <a:pt x="19606" y="17137"/>
                  </a:lnTo>
                  <a:cubicBezTo>
                    <a:pt x="21007" y="17074"/>
                    <a:pt x="21175" y="17158"/>
                    <a:pt x="22116" y="18329"/>
                  </a:cubicBezTo>
                  <a:cubicBezTo>
                    <a:pt x="22891" y="17471"/>
                    <a:pt x="23623" y="16551"/>
                    <a:pt x="24627" y="15902"/>
                  </a:cubicBezTo>
                  <a:cubicBezTo>
                    <a:pt x="24523" y="15714"/>
                    <a:pt x="24313" y="15818"/>
                    <a:pt x="24146" y="15798"/>
                  </a:cubicBezTo>
                  <a:cubicBezTo>
                    <a:pt x="23999" y="15777"/>
                    <a:pt x="23832" y="15798"/>
                    <a:pt x="23707" y="15798"/>
                  </a:cubicBezTo>
                  <a:cubicBezTo>
                    <a:pt x="23267" y="15818"/>
                    <a:pt x="22870" y="15630"/>
                    <a:pt x="22535" y="15400"/>
                  </a:cubicBezTo>
                  <a:cubicBezTo>
                    <a:pt x="22388" y="15295"/>
                    <a:pt x="22242" y="15170"/>
                    <a:pt x="22158" y="15002"/>
                  </a:cubicBezTo>
                  <a:cubicBezTo>
                    <a:pt x="21865" y="14521"/>
                    <a:pt x="22012" y="13308"/>
                    <a:pt x="22388" y="12889"/>
                  </a:cubicBezTo>
                  <a:cubicBezTo>
                    <a:pt x="22451" y="12805"/>
                    <a:pt x="22535" y="12764"/>
                    <a:pt x="22577" y="12701"/>
                  </a:cubicBezTo>
                  <a:cubicBezTo>
                    <a:pt x="23288" y="11613"/>
                    <a:pt x="24418" y="11090"/>
                    <a:pt x="25506" y="10546"/>
                  </a:cubicBezTo>
                  <a:cubicBezTo>
                    <a:pt x="25778" y="10399"/>
                    <a:pt x="26029" y="10274"/>
                    <a:pt x="26322" y="10148"/>
                  </a:cubicBezTo>
                  <a:cubicBezTo>
                    <a:pt x="26134" y="9604"/>
                    <a:pt x="25820" y="9144"/>
                    <a:pt x="25485" y="8767"/>
                  </a:cubicBezTo>
                  <a:cubicBezTo>
                    <a:pt x="25150" y="8370"/>
                    <a:pt x="25046" y="7951"/>
                    <a:pt x="25046" y="7428"/>
                  </a:cubicBezTo>
                  <a:cubicBezTo>
                    <a:pt x="25067" y="6675"/>
                    <a:pt x="25004" y="5943"/>
                    <a:pt x="25360" y="5210"/>
                  </a:cubicBezTo>
                  <a:cubicBezTo>
                    <a:pt x="25569" y="4792"/>
                    <a:pt x="25778" y="4415"/>
                    <a:pt x="26155" y="4122"/>
                  </a:cubicBezTo>
                  <a:cubicBezTo>
                    <a:pt x="26343" y="3997"/>
                    <a:pt x="26510" y="3871"/>
                    <a:pt x="26657" y="3746"/>
                  </a:cubicBezTo>
                  <a:cubicBezTo>
                    <a:pt x="27264" y="3160"/>
                    <a:pt x="27975" y="2950"/>
                    <a:pt x="28812" y="3013"/>
                  </a:cubicBezTo>
                  <a:cubicBezTo>
                    <a:pt x="29356" y="3034"/>
                    <a:pt x="29879" y="3055"/>
                    <a:pt x="30235" y="3557"/>
                  </a:cubicBezTo>
                  <a:cubicBezTo>
                    <a:pt x="30318" y="3662"/>
                    <a:pt x="30507" y="3683"/>
                    <a:pt x="30611" y="3746"/>
                  </a:cubicBezTo>
                  <a:cubicBezTo>
                    <a:pt x="30841" y="3578"/>
                    <a:pt x="30758" y="3390"/>
                    <a:pt x="30800" y="3222"/>
                  </a:cubicBezTo>
                  <a:cubicBezTo>
                    <a:pt x="30821" y="3055"/>
                    <a:pt x="30821" y="2909"/>
                    <a:pt x="30800" y="2762"/>
                  </a:cubicBezTo>
                  <a:cubicBezTo>
                    <a:pt x="30632" y="1549"/>
                    <a:pt x="31867" y="335"/>
                    <a:pt x="33038" y="105"/>
                  </a:cubicBezTo>
                  <a:cubicBezTo>
                    <a:pt x="33582" y="0"/>
                    <a:pt x="34085" y="126"/>
                    <a:pt x="34482" y="502"/>
                  </a:cubicBezTo>
                  <a:cubicBezTo>
                    <a:pt x="34838" y="837"/>
                    <a:pt x="35215" y="1193"/>
                    <a:pt x="35528" y="1611"/>
                  </a:cubicBezTo>
                  <a:cubicBezTo>
                    <a:pt x="36051" y="2323"/>
                    <a:pt x="36512" y="3055"/>
                    <a:pt x="36888" y="3850"/>
                  </a:cubicBezTo>
                  <a:cubicBezTo>
                    <a:pt x="36993" y="4059"/>
                    <a:pt x="37119" y="4227"/>
                    <a:pt x="37286" y="4499"/>
                  </a:cubicBezTo>
                  <a:cubicBezTo>
                    <a:pt x="37495" y="4101"/>
                    <a:pt x="37621" y="3766"/>
                    <a:pt x="37809" y="3474"/>
                  </a:cubicBezTo>
                  <a:cubicBezTo>
                    <a:pt x="38500" y="2448"/>
                    <a:pt x="39378" y="1590"/>
                    <a:pt x="40383" y="858"/>
                  </a:cubicBezTo>
                  <a:cubicBezTo>
                    <a:pt x="40948" y="461"/>
                    <a:pt x="41575" y="293"/>
                    <a:pt x="42245" y="314"/>
                  </a:cubicBezTo>
                  <a:cubicBezTo>
                    <a:pt x="42977" y="335"/>
                    <a:pt x="43689" y="314"/>
                    <a:pt x="44421" y="314"/>
                  </a:cubicBezTo>
                  <a:cubicBezTo>
                    <a:pt x="44735" y="314"/>
                    <a:pt x="45028" y="398"/>
                    <a:pt x="45258" y="565"/>
                  </a:cubicBezTo>
                  <a:cubicBezTo>
                    <a:pt x="45614" y="837"/>
                    <a:pt x="46011" y="1046"/>
                    <a:pt x="46388" y="1339"/>
                  </a:cubicBezTo>
                  <a:cubicBezTo>
                    <a:pt x="47455" y="2176"/>
                    <a:pt x="48166" y="3181"/>
                    <a:pt x="48166" y="4603"/>
                  </a:cubicBezTo>
                  <a:cubicBezTo>
                    <a:pt x="48166" y="4708"/>
                    <a:pt x="48187" y="4813"/>
                    <a:pt x="48229" y="5022"/>
                  </a:cubicBezTo>
                  <a:cubicBezTo>
                    <a:pt x="48522" y="4813"/>
                    <a:pt x="48794" y="4687"/>
                    <a:pt x="49024" y="4499"/>
                  </a:cubicBezTo>
                  <a:cubicBezTo>
                    <a:pt x="49736" y="3976"/>
                    <a:pt x="50510" y="3704"/>
                    <a:pt x="51368" y="3766"/>
                  </a:cubicBezTo>
                  <a:cubicBezTo>
                    <a:pt x="51849" y="3787"/>
                    <a:pt x="52351" y="3766"/>
                    <a:pt x="52811" y="3766"/>
                  </a:cubicBezTo>
                  <a:cubicBezTo>
                    <a:pt x="53544" y="3787"/>
                    <a:pt x="54171" y="3997"/>
                    <a:pt x="54673" y="4541"/>
                  </a:cubicBezTo>
                  <a:cubicBezTo>
                    <a:pt x="54820" y="4729"/>
                    <a:pt x="55008" y="4896"/>
                    <a:pt x="55176" y="5064"/>
                  </a:cubicBezTo>
                  <a:cubicBezTo>
                    <a:pt x="55238" y="5147"/>
                    <a:pt x="55343" y="5252"/>
                    <a:pt x="55385" y="5357"/>
                  </a:cubicBezTo>
                  <a:cubicBezTo>
                    <a:pt x="55531" y="6047"/>
                    <a:pt x="55866" y="6717"/>
                    <a:pt x="55615" y="7512"/>
                  </a:cubicBezTo>
                  <a:lnTo>
                    <a:pt x="56054" y="7512"/>
                  </a:lnTo>
                  <a:cubicBezTo>
                    <a:pt x="56347" y="7470"/>
                    <a:pt x="56661" y="7428"/>
                    <a:pt x="56954" y="7407"/>
                  </a:cubicBezTo>
                  <a:cubicBezTo>
                    <a:pt x="57394" y="7365"/>
                    <a:pt x="57854" y="7428"/>
                    <a:pt x="58314" y="7407"/>
                  </a:cubicBezTo>
                  <a:cubicBezTo>
                    <a:pt x="59507" y="7324"/>
                    <a:pt x="60469" y="7847"/>
                    <a:pt x="61285" y="8663"/>
                  </a:cubicBezTo>
                  <a:cubicBezTo>
                    <a:pt x="61516" y="8893"/>
                    <a:pt x="61725" y="9144"/>
                    <a:pt x="61913" y="9416"/>
                  </a:cubicBezTo>
                  <a:cubicBezTo>
                    <a:pt x="62666" y="10399"/>
                    <a:pt x="62666" y="11299"/>
                    <a:pt x="61871" y="12261"/>
                  </a:cubicBezTo>
                  <a:cubicBezTo>
                    <a:pt x="61767" y="12366"/>
                    <a:pt x="61683" y="12492"/>
                    <a:pt x="61599" y="12596"/>
                  </a:cubicBezTo>
                  <a:cubicBezTo>
                    <a:pt x="61725" y="12847"/>
                    <a:pt x="61934" y="12743"/>
                    <a:pt x="62101" y="12785"/>
                  </a:cubicBezTo>
                  <a:cubicBezTo>
                    <a:pt x="62541" y="12952"/>
                    <a:pt x="63022" y="13078"/>
                    <a:pt x="63440" y="13287"/>
                  </a:cubicBezTo>
                  <a:cubicBezTo>
                    <a:pt x="63984" y="13580"/>
                    <a:pt x="64340" y="14019"/>
                    <a:pt x="64487" y="14668"/>
                  </a:cubicBezTo>
                  <a:cubicBezTo>
                    <a:pt x="64591" y="15254"/>
                    <a:pt x="64654" y="15798"/>
                    <a:pt x="64633" y="16363"/>
                  </a:cubicBezTo>
                  <a:cubicBezTo>
                    <a:pt x="64633" y="17095"/>
                    <a:pt x="64298" y="17618"/>
                    <a:pt x="63692" y="17995"/>
                  </a:cubicBezTo>
                  <a:cubicBezTo>
                    <a:pt x="63482" y="18120"/>
                    <a:pt x="63294" y="18225"/>
                    <a:pt x="63043" y="18392"/>
                  </a:cubicBezTo>
                  <a:cubicBezTo>
                    <a:pt x="63189" y="18873"/>
                    <a:pt x="63399" y="19292"/>
                    <a:pt x="63712" y="19668"/>
                  </a:cubicBezTo>
                  <a:cubicBezTo>
                    <a:pt x="63901" y="19878"/>
                    <a:pt x="64026" y="20108"/>
                    <a:pt x="64131" y="20338"/>
                  </a:cubicBezTo>
                  <a:cubicBezTo>
                    <a:pt x="64319" y="20756"/>
                    <a:pt x="64487" y="21175"/>
                    <a:pt x="64654" y="21593"/>
                  </a:cubicBezTo>
                  <a:cubicBezTo>
                    <a:pt x="65135" y="22640"/>
                    <a:pt x="64717" y="23623"/>
                    <a:pt x="63650" y="24000"/>
                  </a:cubicBezTo>
                  <a:cubicBezTo>
                    <a:pt x="62959" y="24272"/>
                    <a:pt x="62290" y="24481"/>
                    <a:pt x="61516" y="24460"/>
                  </a:cubicBezTo>
                  <a:cubicBezTo>
                    <a:pt x="61160" y="24899"/>
                    <a:pt x="60992" y="25422"/>
                    <a:pt x="60825" y="25925"/>
                  </a:cubicBezTo>
                  <a:cubicBezTo>
                    <a:pt x="60658" y="26364"/>
                    <a:pt x="60407" y="26699"/>
                    <a:pt x="60030" y="27013"/>
                  </a:cubicBezTo>
                  <a:cubicBezTo>
                    <a:pt x="59570" y="27410"/>
                    <a:pt x="59047" y="27598"/>
                    <a:pt x="58440" y="27389"/>
                  </a:cubicBezTo>
                  <a:cubicBezTo>
                    <a:pt x="58105" y="27285"/>
                    <a:pt x="57749" y="27138"/>
                    <a:pt x="57414" y="27034"/>
                  </a:cubicBezTo>
                  <a:cubicBezTo>
                    <a:pt x="57268" y="26992"/>
                    <a:pt x="57080" y="26908"/>
                    <a:pt x="56891" y="26824"/>
                  </a:cubicBezTo>
                  <a:cubicBezTo>
                    <a:pt x="56557" y="27933"/>
                    <a:pt x="56034" y="28979"/>
                    <a:pt x="55824" y="30151"/>
                  </a:cubicBezTo>
                  <a:lnTo>
                    <a:pt x="57394" y="30151"/>
                  </a:lnTo>
                  <a:cubicBezTo>
                    <a:pt x="57958" y="30172"/>
                    <a:pt x="58440" y="30381"/>
                    <a:pt x="58775" y="30863"/>
                  </a:cubicBezTo>
                  <a:cubicBezTo>
                    <a:pt x="59235" y="31511"/>
                    <a:pt x="59277" y="32139"/>
                    <a:pt x="58754" y="32746"/>
                  </a:cubicBezTo>
                  <a:cubicBezTo>
                    <a:pt x="57666" y="33938"/>
                    <a:pt x="56389" y="34796"/>
                    <a:pt x="54694" y="34754"/>
                  </a:cubicBezTo>
                  <a:cubicBezTo>
                    <a:pt x="54150" y="34733"/>
                    <a:pt x="53627" y="34713"/>
                    <a:pt x="52958" y="34671"/>
                  </a:cubicBezTo>
                  <a:cubicBezTo>
                    <a:pt x="52288" y="35319"/>
                    <a:pt x="51598" y="36052"/>
                    <a:pt x="50824" y="36721"/>
                  </a:cubicBezTo>
                  <a:cubicBezTo>
                    <a:pt x="50070" y="37349"/>
                    <a:pt x="49233" y="37872"/>
                    <a:pt x="48417" y="38437"/>
                  </a:cubicBezTo>
                  <a:cubicBezTo>
                    <a:pt x="48438" y="38667"/>
                    <a:pt x="48627" y="38646"/>
                    <a:pt x="48752" y="38667"/>
                  </a:cubicBezTo>
                  <a:cubicBezTo>
                    <a:pt x="49464" y="38897"/>
                    <a:pt x="50112" y="39169"/>
                    <a:pt x="50740" y="39546"/>
                  </a:cubicBezTo>
                  <a:cubicBezTo>
                    <a:pt x="51556" y="40006"/>
                    <a:pt x="52372" y="40467"/>
                    <a:pt x="53251" y="40759"/>
                  </a:cubicBezTo>
                  <a:cubicBezTo>
                    <a:pt x="53355" y="40822"/>
                    <a:pt x="53481" y="40843"/>
                    <a:pt x="53585" y="40927"/>
                  </a:cubicBezTo>
                  <a:cubicBezTo>
                    <a:pt x="55197" y="41847"/>
                    <a:pt x="56808" y="42705"/>
                    <a:pt x="58293" y="43772"/>
                  </a:cubicBezTo>
                  <a:cubicBezTo>
                    <a:pt x="59026" y="44296"/>
                    <a:pt x="59507" y="44986"/>
                    <a:pt x="59695" y="45823"/>
                  </a:cubicBezTo>
                  <a:cubicBezTo>
                    <a:pt x="59863" y="46702"/>
                    <a:pt x="59632" y="47560"/>
                    <a:pt x="59026" y="48250"/>
                  </a:cubicBezTo>
                  <a:cubicBezTo>
                    <a:pt x="58503" y="48857"/>
                    <a:pt x="57875" y="49401"/>
                    <a:pt x="57247" y="49924"/>
                  </a:cubicBezTo>
                  <a:cubicBezTo>
                    <a:pt x="55531" y="51368"/>
                    <a:pt x="53565" y="52414"/>
                    <a:pt x="51640" y="53502"/>
                  </a:cubicBezTo>
                  <a:cubicBezTo>
                    <a:pt x="51075" y="53816"/>
                    <a:pt x="50447" y="53941"/>
                    <a:pt x="49861" y="54171"/>
                  </a:cubicBezTo>
                  <a:cubicBezTo>
                    <a:pt x="49484" y="54297"/>
                    <a:pt x="49359" y="54381"/>
                    <a:pt x="49359" y="54695"/>
                  </a:cubicBezTo>
                  <a:cubicBezTo>
                    <a:pt x="49359" y="55490"/>
                    <a:pt x="49359" y="56306"/>
                    <a:pt x="49401" y="57143"/>
                  </a:cubicBezTo>
                  <a:cubicBezTo>
                    <a:pt x="49652" y="57164"/>
                    <a:pt x="49798" y="57226"/>
                    <a:pt x="49987" y="57226"/>
                  </a:cubicBezTo>
                  <a:cubicBezTo>
                    <a:pt x="51368" y="57373"/>
                    <a:pt x="52707" y="57708"/>
                    <a:pt x="53983" y="58273"/>
                  </a:cubicBezTo>
                  <a:cubicBezTo>
                    <a:pt x="54820" y="58607"/>
                    <a:pt x="55657" y="58963"/>
                    <a:pt x="56473" y="59319"/>
                  </a:cubicBezTo>
                  <a:cubicBezTo>
                    <a:pt x="56766" y="59444"/>
                    <a:pt x="56975" y="59570"/>
                    <a:pt x="57059" y="59946"/>
                  </a:cubicBezTo>
                  <a:cubicBezTo>
                    <a:pt x="57122" y="60197"/>
                    <a:pt x="57373" y="60428"/>
                    <a:pt x="57519" y="60700"/>
                  </a:cubicBezTo>
                  <a:cubicBezTo>
                    <a:pt x="57917" y="61306"/>
                    <a:pt x="58293" y="61892"/>
                    <a:pt x="58775" y="62457"/>
                  </a:cubicBezTo>
                  <a:cubicBezTo>
                    <a:pt x="59423" y="63210"/>
                    <a:pt x="59800" y="64152"/>
                    <a:pt x="60218" y="65031"/>
                  </a:cubicBezTo>
                  <a:cubicBezTo>
                    <a:pt x="60344" y="65324"/>
                    <a:pt x="60490" y="65638"/>
                    <a:pt x="60574" y="65951"/>
                  </a:cubicBezTo>
                  <a:cubicBezTo>
                    <a:pt x="60637" y="66119"/>
                    <a:pt x="60574" y="66286"/>
                    <a:pt x="60553" y="66475"/>
                  </a:cubicBezTo>
                  <a:cubicBezTo>
                    <a:pt x="60532" y="66600"/>
                    <a:pt x="60260" y="66684"/>
                    <a:pt x="60176" y="66579"/>
                  </a:cubicBezTo>
                  <a:cubicBezTo>
                    <a:pt x="60009" y="66370"/>
                    <a:pt x="59821" y="66182"/>
                    <a:pt x="59695" y="65951"/>
                  </a:cubicBezTo>
                  <a:cubicBezTo>
                    <a:pt x="59507" y="65659"/>
                    <a:pt x="59319" y="65428"/>
                    <a:pt x="58900" y="65407"/>
                  </a:cubicBezTo>
                  <a:cubicBezTo>
                    <a:pt x="58900" y="65533"/>
                    <a:pt x="58900" y="65617"/>
                    <a:pt x="58921" y="65700"/>
                  </a:cubicBezTo>
                  <a:cubicBezTo>
                    <a:pt x="59193" y="66286"/>
                    <a:pt x="59507" y="66872"/>
                    <a:pt x="59737" y="67479"/>
                  </a:cubicBezTo>
                  <a:cubicBezTo>
                    <a:pt x="59821" y="67688"/>
                    <a:pt x="59737" y="67939"/>
                    <a:pt x="59737" y="68232"/>
                  </a:cubicBezTo>
                  <a:cubicBezTo>
                    <a:pt x="59863" y="68337"/>
                    <a:pt x="60030" y="68462"/>
                    <a:pt x="60197" y="68588"/>
                  </a:cubicBezTo>
                  <a:cubicBezTo>
                    <a:pt x="60344" y="68734"/>
                    <a:pt x="60386" y="68881"/>
                    <a:pt x="60323" y="69069"/>
                  </a:cubicBezTo>
                  <a:cubicBezTo>
                    <a:pt x="60218" y="69257"/>
                    <a:pt x="60051" y="69320"/>
                    <a:pt x="59863" y="69299"/>
                  </a:cubicBezTo>
                  <a:cubicBezTo>
                    <a:pt x="59758" y="69278"/>
                    <a:pt x="59611" y="69257"/>
                    <a:pt x="59528" y="69174"/>
                  </a:cubicBezTo>
                  <a:cubicBezTo>
                    <a:pt x="58754" y="68358"/>
                    <a:pt x="57707" y="68148"/>
                    <a:pt x="56682" y="67897"/>
                  </a:cubicBezTo>
                  <a:cubicBezTo>
                    <a:pt x="55280" y="67542"/>
                    <a:pt x="53857" y="67291"/>
                    <a:pt x="52435" y="67019"/>
                  </a:cubicBezTo>
                  <a:cubicBezTo>
                    <a:pt x="51953" y="66914"/>
                    <a:pt x="51430" y="66893"/>
                    <a:pt x="50928" y="66893"/>
                  </a:cubicBezTo>
                  <a:cubicBezTo>
                    <a:pt x="50049" y="66893"/>
                    <a:pt x="49171" y="66809"/>
                    <a:pt x="48313" y="66684"/>
                  </a:cubicBezTo>
                  <a:cubicBezTo>
                    <a:pt x="47894" y="66642"/>
                    <a:pt x="47476" y="66600"/>
                    <a:pt x="47057" y="66600"/>
                  </a:cubicBezTo>
                  <a:cubicBezTo>
                    <a:pt x="43458" y="66579"/>
                    <a:pt x="39839" y="66558"/>
                    <a:pt x="36198" y="66558"/>
                  </a:cubicBezTo>
                  <a:cubicBezTo>
                    <a:pt x="35570" y="66558"/>
                    <a:pt x="34943" y="66705"/>
                    <a:pt x="34315" y="66767"/>
                  </a:cubicBezTo>
                  <a:cubicBezTo>
                    <a:pt x="34064" y="66788"/>
                    <a:pt x="33834" y="66914"/>
                    <a:pt x="33541" y="66809"/>
                  </a:cubicBezTo>
                  <a:cubicBezTo>
                    <a:pt x="33394" y="66767"/>
                    <a:pt x="33164" y="66977"/>
                    <a:pt x="32955" y="67102"/>
                  </a:cubicBezTo>
                  <a:cubicBezTo>
                    <a:pt x="32829" y="67060"/>
                    <a:pt x="32641" y="66998"/>
                    <a:pt x="32494" y="66914"/>
                  </a:cubicBezTo>
                  <a:cubicBezTo>
                    <a:pt x="31260" y="66391"/>
                    <a:pt x="29984" y="66140"/>
                    <a:pt x="28665" y="65910"/>
                  </a:cubicBezTo>
                  <a:cubicBezTo>
                    <a:pt x="27640" y="65721"/>
                    <a:pt x="26657" y="65554"/>
                    <a:pt x="25632" y="65449"/>
                  </a:cubicBezTo>
                  <a:cubicBezTo>
                    <a:pt x="24899" y="65387"/>
                    <a:pt x="24146" y="65303"/>
                    <a:pt x="23393" y="65303"/>
                  </a:cubicBezTo>
                  <a:cubicBezTo>
                    <a:pt x="20422" y="65282"/>
                    <a:pt x="17471" y="65282"/>
                    <a:pt x="14521" y="65282"/>
                  </a:cubicBezTo>
                  <a:cubicBezTo>
                    <a:pt x="13914" y="65282"/>
                    <a:pt x="13308" y="65387"/>
                    <a:pt x="12722" y="65428"/>
                  </a:cubicBezTo>
                  <a:cubicBezTo>
                    <a:pt x="12450" y="65449"/>
                    <a:pt x="12157" y="65533"/>
                    <a:pt x="11906" y="65512"/>
                  </a:cubicBezTo>
                  <a:cubicBezTo>
                    <a:pt x="10839" y="65428"/>
                    <a:pt x="9813" y="65617"/>
                    <a:pt x="8767" y="65763"/>
                  </a:cubicBezTo>
                  <a:cubicBezTo>
                    <a:pt x="7742" y="65910"/>
                    <a:pt x="6717" y="66035"/>
                    <a:pt x="5733" y="66161"/>
                  </a:cubicBezTo>
                  <a:cubicBezTo>
                    <a:pt x="5440" y="66182"/>
                    <a:pt x="5126" y="66244"/>
                    <a:pt x="4917" y="65910"/>
                  </a:cubicBezTo>
                  <a:cubicBezTo>
                    <a:pt x="5001" y="65826"/>
                    <a:pt x="5043" y="65742"/>
                    <a:pt x="5126" y="65721"/>
                  </a:cubicBezTo>
                  <a:cubicBezTo>
                    <a:pt x="6758" y="65407"/>
                    <a:pt x="8370" y="65094"/>
                    <a:pt x="10022" y="64801"/>
                  </a:cubicBezTo>
                  <a:cubicBezTo>
                    <a:pt x="10420" y="64717"/>
                    <a:pt x="10797" y="64717"/>
                    <a:pt x="11194" y="64696"/>
                  </a:cubicBezTo>
                  <a:cubicBezTo>
                    <a:pt x="11738" y="64654"/>
                    <a:pt x="12303" y="64654"/>
                    <a:pt x="12826" y="64550"/>
                  </a:cubicBezTo>
                  <a:cubicBezTo>
                    <a:pt x="13412" y="64445"/>
                    <a:pt x="14019" y="64382"/>
                    <a:pt x="14626" y="64382"/>
                  </a:cubicBezTo>
                  <a:cubicBezTo>
                    <a:pt x="17325" y="64382"/>
                    <a:pt x="19982" y="64403"/>
                    <a:pt x="22681" y="64361"/>
                  </a:cubicBezTo>
                  <a:cubicBezTo>
                    <a:pt x="24439" y="64340"/>
                    <a:pt x="26155" y="64571"/>
                    <a:pt x="27891" y="64822"/>
                  </a:cubicBezTo>
                  <a:cubicBezTo>
                    <a:pt x="29251" y="65031"/>
                    <a:pt x="30611" y="65324"/>
                    <a:pt x="31930" y="65700"/>
                  </a:cubicBezTo>
                  <a:cubicBezTo>
                    <a:pt x="32139" y="65742"/>
                    <a:pt x="32348" y="65826"/>
                    <a:pt x="32536" y="65533"/>
                  </a:cubicBezTo>
                  <a:cubicBezTo>
                    <a:pt x="32494" y="65282"/>
                    <a:pt x="32348" y="65010"/>
                    <a:pt x="32034" y="64905"/>
                  </a:cubicBezTo>
                  <a:cubicBezTo>
                    <a:pt x="31825" y="64822"/>
                    <a:pt x="31658" y="64780"/>
                    <a:pt x="31448" y="64717"/>
                  </a:cubicBezTo>
                  <a:cubicBezTo>
                    <a:pt x="29795" y="64236"/>
                    <a:pt x="28142" y="63817"/>
                    <a:pt x="26448" y="63503"/>
                  </a:cubicBezTo>
                  <a:cubicBezTo>
                    <a:pt x="25904" y="63399"/>
                    <a:pt x="25318" y="63294"/>
                    <a:pt x="24774" y="63190"/>
                  </a:cubicBezTo>
                  <a:cubicBezTo>
                    <a:pt x="24146" y="63085"/>
                    <a:pt x="23539" y="63001"/>
                    <a:pt x="22911" y="63127"/>
                  </a:cubicBezTo>
                  <a:cubicBezTo>
                    <a:pt x="21823" y="63336"/>
                    <a:pt x="20694" y="63148"/>
                    <a:pt x="19585" y="63043"/>
                  </a:cubicBezTo>
                  <a:cubicBezTo>
                    <a:pt x="18225" y="62918"/>
                    <a:pt x="16906" y="62918"/>
                    <a:pt x="15546" y="63190"/>
                  </a:cubicBezTo>
                  <a:cubicBezTo>
                    <a:pt x="15274" y="63231"/>
                    <a:pt x="14981" y="63294"/>
                    <a:pt x="14730" y="63252"/>
                  </a:cubicBezTo>
                  <a:cubicBezTo>
                    <a:pt x="13161" y="63190"/>
                    <a:pt x="11675" y="63545"/>
                    <a:pt x="10169" y="63880"/>
                  </a:cubicBezTo>
                  <a:cubicBezTo>
                    <a:pt x="8370" y="64340"/>
                    <a:pt x="6570" y="64801"/>
                    <a:pt x="4771" y="65282"/>
                  </a:cubicBezTo>
                  <a:cubicBezTo>
                    <a:pt x="4478" y="65345"/>
                    <a:pt x="4185" y="65449"/>
                    <a:pt x="3892" y="65554"/>
                  </a:cubicBezTo>
                  <a:cubicBezTo>
                    <a:pt x="3620" y="65659"/>
                    <a:pt x="3348" y="65805"/>
                    <a:pt x="3097" y="65910"/>
                  </a:cubicBezTo>
                  <a:cubicBezTo>
                    <a:pt x="2825" y="65742"/>
                    <a:pt x="2929" y="65554"/>
                    <a:pt x="3055" y="65449"/>
                  </a:cubicBezTo>
                  <a:cubicBezTo>
                    <a:pt x="3557" y="65073"/>
                    <a:pt x="4143" y="64780"/>
                    <a:pt x="4729" y="64633"/>
                  </a:cubicBezTo>
                  <a:cubicBezTo>
                    <a:pt x="5733" y="64361"/>
                    <a:pt x="6717" y="64131"/>
                    <a:pt x="7721" y="63859"/>
                  </a:cubicBezTo>
                  <a:cubicBezTo>
                    <a:pt x="8955" y="63545"/>
                    <a:pt x="10148" y="63210"/>
                    <a:pt x="11529" y="62855"/>
                  </a:cubicBezTo>
                  <a:cubicBezTo>
                    <a:pt x="11152" y="62855"/>
                    <a:pt x="10901" y="62813"/>
                    <a:pt x="10692" y="62855"/>
                  </a:cubicBezTo>
                  <a:cubicBezTo>
                    <a:pt x="10043" y="62959"/>
                    <a:pt x="9395" y="63085"/>
                    <a:pt x="8746" y="63169"/>
                  </a:cubicBezTo>
                  <a:cubicBezTo>
                    <a:pt x="7700" y="63315"/>
                    <a:pt x="6696" y="63629"/>
                    <a:pt x="5670" y="63943"/>
                  </a:cubicBezTo>
                  <a:cubicBezTo>
                    <a:pt x="5315" y="64047"/>
                    <a:pt x="4917" y="64173"/>
                    <a:pt x="4561" y="64236"/>
                  </a:cubicBezTo>
                  <a:cubicBezTo>
                    <a:pt x="3996" y="64340"/>
                    <a:pt x="3536" y="64529"/>
                    <a:pt x="3055" y="64801"/>
                  </a:cubicBezTo>
                  <a:cubicBezTo>
                    <a:pt x="2385" y="65177"/>
                    <a:pt x="1653" y="65470"/>
                    <a:pt x="921" y="65784"/>
                  </a:cubicBezTo>
                  <a:cubicBezTo>
                    <a:pt x="628" y="65910"/>
                    <a:pt x="377" y="65847"/>
                    <a:pt x="188" y="65617"/>
                  </a:cubicBezTo>
                  <a:cubicBezTo>
                    <a:pt x="0" y="65407"/>
                    <a:pt x="0" y="65073"/>
                    <a:pt x="209" y="64780"/>
                  </a:cubicBezTo>
                  <a:cubicBezTo>
                    <a:pt x="335" y="64591"/>
                    <a:pt x="523" y="64424"/>
                    <a:pt x="691" y="64236"/>
                  </a:cubicBezTo>
                  <a:cubicBezTo>
                    <a:pt x="1004" y="63838"/>
                    <a:pt x="1318" y="63420"/>
                    <a:pt x="1381" y="62897"/>
                  </a:cubicBezTo>
                  <a:cubicBezTo>
                    <a:pt x="1444" y="62625"/>
                    <a:pt x="1590" y="62394"/>
                    <a:pt x="1737" y="62164"/>
                  </a:cubicBezTo>
                  <a:cubicBezTo>
                    <a:pt x="2051" y="61620"/>
                    <a:pt x="2406" y="61097"/>
                    <a:pt x="2720" y="60532"/>
                  </a:cubicBezTo>
                  <a:cubicBezTo>
                    <a:pt x="2992" y="60093"/>
                    <a:pt x="3243" y="59674"/>
                    <a:pt x="3641" y="59319"/>
                  </a:cubicBezTo>
                  <a:cubicBezTo>
                    <a:pt x="3996" y="58942"/>
                    <a:pt x="4289" y="58524"/>
                    <a:pt x="4394" y="57980"/>
                  </a:cubicBezTo>
                  <a:cubicBezTo>
                    <a:pt x="4310" y="57959"/>
                    <a:pt x="4248" y="57896"/>
                    <a:pt x="4164" y="57896"/>
                  </a:cubicBezTo>
                  <a:cubicBezTo>
                    <a:pt x="4080" y="57875"/>
                    <a:pt x="3996" y="57854"/>
                    <a:pt x="3850" y="57812"/>
                  </a:cubicBezTo>
                  <a:cubicBezTo>
                    <a:pt x="3955" y="57666"/>
                    <a:pt x="3976" y="57498"/>
                    <a:pt x="4080" y="57436"/>
                  </a:cubicBezTo>
                  <a:cubicBezTo>
                    <a:pt x="4499" y="57143"/>
                    <a:pt x="4938" y="56850"/>
                    <a:pt x="5398" y="56620"/>
                  </a:cubicBezTo>
                  <a:cubicBezTo>
                    <a:pt x="5838" y="56389"/>
                    <a:pt x="6298" y="56138"/>
                    <a:pt x="6779" y="55971"/>
                  </a:cubicBezTo>
                  <a:cubicBezTo>
                    <a:pt x="7386" y="55762"/>
                    <a:pt x="7972" y="55552"/>
                    <a:pt x="8579" y="55406"/>
                  </a:cubicBezTo>
                  <a:cubicBezTo>
                    <a:pt x="9813" y="55155"/>
                    <a:pt x="11069" y="54925"/>
                    <a:pt x="12303" y="54674"/>
                  </a:cubicBezTo>
                  <a:cubicBezTo>
                    <a:pt x="12617" y="54632"/>
                    <a:pt x="12952" y="54632"/>
                    <a:pt x="13287" y="54632"/>
                  </a:cubicBezTo>
                  <a:cubicBezTo>
                    <a:pt x="13810" y="54695"/>
                    <a:pt x="14186" y="54715"/>
                    <a:pt x="14626" y="54715"/>
                  </a:cubicBezTo>
                  <a:close/>
                  <a:moveTo>
                    <a:pt x="40655" y="64047"/>
                  </a:moveTo>
                  <a:cubicBezTo>
                    <a:pt x="40948" y="63838"/>
                    <a:pt x="41282" y="63922"/>
                    <a:pt x="41617" y="63922"/>
                  </a:cubicBezTo>
                  <a:cubicBezTo>
                    <a:pt x="44400" y="63859"/>
                    <a:pt x="47141" y="64215"/>
                    <a:pt x="49903" y="64382"/>
                  </a:cubicBezTo>
                  <a:cubicBezTo>
                    <a:pt x="50384" y="64424"/>
                    <a:pt x="50886" y="64487"/>
                    <a:pt x="51347" y="64571"/>
                  </a:cubicBezTo>
                  <a:cubicBezTo>
                    <a:pt x="53146" y="64843"/>
                    <a:pt x="54925" y="65303"/>
                    <a:pt x="56682" y="65847"/>
                  </a:cubicBezTo>
                  <a:cubicBezTo>
                    <a:pt x="56870" y="65910"/>
                    <a:pt x="57059" y="66035"/>
                    <a:pt x="57205" y="66161"/>
                  </a:cubicBezTo>
                  <a:cubicBezTo>
                    <a:pt x="57331" y="66286"/>
                    <a:pt x="57394" y="66495"/>
                    <a:pt x="57268" y="66663"/>
                  </a:cubicBezTo>
                  <a:cubicBezTo>
                    <a:pt x="57184" y="66747"/>
                    <a:pt x="56975" y="66809"/>
                    <a:pt x="56870" y="66788"/>
                  </a:cubicBezTo>
                  <a:cubicBezTo>
                    <a:pt x="56347" y="66663"/>
                    <a:pt x="55845" y="66475"/>
                    <a:pt x="55322" y="66349"/>
                  </a:cubicBezTo>
                  <a:cubicBezTo>
                    <a:pt x="53146" y="65805"/>
                    <a:pt x="50991" y="65324"/>
                    <a:pt x="48752" y="65219"/>
                  </a:cubicBezTo>
                  <a:cubicBezTo>
                    <a:pt x="47497" y="65177"/>
                    <a:pt x="46241" y="65031"/>
                    <a:pt x="44965" y="64926"/>
                  </a:cubicBezTo>
                  <a:cubicBezTo>
                    <a:pt x="43354" y="64822"/>
                    <a:pt x="41722" y="64696"/>
                    <a:pt x="40111" y="65010"/>
                  </a:cubicBezTo>
                  <a:cubicBezTo>
                    <a:pt x="39839" y="65073"/>
                    <a:pt x="39546" y="65073"/>
                    <a:pt x="39295" y="65073"/>
                  </a:cubicBezTo>
                  <a:cubicBezTo>
                    <a:pt x="37704" y="64989"/>
                    <a:pt x="36198" y="65449"/>
                    <a:pt x="34691" y="65826"/>
                  </a:cubicBezTo>
                  <a:cubicBezTo>
                    <a:pt x="34524" y="65847"/>
                    <a:pt x="34399" y="65972"/>
                    <a:pt x="34168" y="66119"/>
                  </a:cubicBezTo>
                  <a:cubicBezTo>
                    <a:pt x="34378" y="66223"/>
                    <a:pt x="34482" y="66286"/>
                    <a:pt x="34587" y="66286"/>
                  </a:cubicBezTo>
                  <a:cubicBezTo>
                    <a:pt x="34817" y="66265"/>
                    <a:pt x="35047" y="66244"/>
                    <a:pt x="35298" y="66140"/>
                  </a:cubicBezTo>
                  <a:cubicBezTo>
                    <a:pt x="35675" y="65972"/>
                    <a:pt x="36093" y="65931"/>
                    <a:pt x="36512" y="65931"/>
                  </a:cubicBezTo>
                  <a:cubicBezTo>
                    <a:pt x="39943" y="65910"/>
                    <a:pt x="43375" y="65847"/>
                    <a:pt x="46827" y="65826"/>
                  </a:cubicBezTo>
                  <a:cubicBezTo>
                    <a:pt x="47497" y="65826"/>
                    <a:pt x="48208" y="65847"/>
                    <a:pt x="48899" y="65951"/>
                  </a:cubicBezTo>
                  <a:cubicBezTo>
                    <a:pt x="49756" y="66077"/>
                    <a:pt x="50614" y="66140"/>
                    <a:pt x="51514" y="66119"/>
                  </a:cubicBezTo>
                  <a:cubicBezTo>
                    <a:pt x="51744" y="66119"/>
                    <a:pt x="51995" y="66119"/>
                    <a:pt x="52246" y="66140"/>
                  </a:cubicBezTo>
                  <a:cubicBezTo>
                    <a:pt x="54297" y="66495"/>
                    <a:pt x="56389" y="66851"/>
                    <a:pt x="58377" y="67521"/>
                  </a:cubicBezTo>
                  <a:cubicBezTo>
                    <a:pt x="58565" y="67584"/>
                    <a:pt x="58775" y="67625"/>
                    <a:pt x="59047" y="67709"/>
                  </a:cubicBezTo>
                  <a:cubicBezTo>
                    <a:pt x="58879" y="66747"/>
                    <a:pt x="58335" y="65972"/>
                    <a:pt x="58168" y="65094"/>
                  </a:cubicBezTo>
                  <a:cubicBezTo>
                    <a:pt x="56954" y="64717"/>
                    <a:pt x="55824" y="64194"/>
                    <a:pt x="54590" y="64068"/>
                  </a:cubicBezTo>
                  <a:cubicBezTo>
                    <a:pt x="53627" y="63964"/>
                    <a:pt x="52686" y="63838"/>
                    <a:pt x="51744" y="63671"/>
                  </a:cubicBezTo>
                  <a:cubicBezTo>
                    <a:pt x="50531" y="63503"/>
                    <a:pt x="49359" y="63399"/>
                    <a:pt x="48166" y="63420"/>
                  </a:cubicBezTo>
                  <a:cubicBezTo>
                    <a:pt x="47015" y="63441"/>
                    <a:pt x="45886" y="63420"/>
                    <a:pt x="44735" y="63420"/>
                  </a:cubicBezTo>
                  <a:cubicBezTo>
                    <a:pt x="44044" y="63420"/>
                    <a:pt x="43354" y="63420"/>
                    <a:pt x="42663" y="63545"/>
                  </a:cubicBezTo>
                  <a:cubicBezTo>
                    <a:pt x="42098" y="63671"/>
                    <a:pt x="41492" y="63734"/>
                    <a:pt x="40885" y="63838"/>
                  </a:cubicBezTo>
                  <a:cubicBezTo>
                    <a:pt x="40759" y="63901"/>
                    <a:pt x="40697" y="63964"/>
                    <a:pt x="40655" y="64047"/>
                  </a:cubicBezTo>
                  <a:cubicBezTo>
                    <a:pt x="40425" y="63943"/>
                    <a:pt x="40152" y="63880"/>
                    <a:pt x="39755" y="64047"/>
                  </a:cubicBezTo>
                  <a:close/>
                  <a:moveTo>
                    <a:pt x="50217" y="18706"/>
                  </a:moveTo>
                  <a:cubicBezTo>
                    <a:pt x="50468" y="19083"/>
                    <a:pt x="50300" y="19376"/>
                    <a:pt x="50175" y="19606"/>
                  </a:cubicBezTo>
                  <a:cubicBezTo>
                    <a:pt x="49861" y="20296"/>
                    <a:pt x="49777" y="21008"/>
                    <a:pt x="49840" y="21740"/>
                  </a:cubicBezTo>
                  <a:cubicBezTo>
                    <a:pt x="49861" y="21970"/>
                    <a:pt x="49861" y="22200"/>
                    <a:pt x="49861" y="22472"/>
                  </a:cubicBezTo>
                  <a:cubicBezTo>
                    <a:pt x="49798" y="23665"/>
                    <a:pt x="50259" y="24690"/>
                    <a:pt x="50949" y="25632"/>
                  </a:cubicBezTo>
                  <a:cubicBezTo>
                    <a:pt x="51368" y="26176"/>
                    <a:pt x="51870" y="26280"/>
                    <a:pt x="52456" y="26134"/>
                  </a:cubicBezTo>
                  <a:cubicBezTo>
                    <a:pt x="52686" y="26071"/>
                    <a:pt x="52895" y="25946"/>
                    <a:pt x="53083" y="25778"/>
                  </a:cubicBezTo>
                  <a:cubicBezTo>
                    <a:pt x="53313" y="25632"/>
                    <a:pt x="53523" y="25402"/>
                    <a:pt x="53774" y="25234"/>
                  </a:cubicBezTo>
                  <a:cubicBezTo>
                    <a:pt x="54129" y="25025"/>
                    <a:pt x="54360" y="24711"/>
                    <a:pt x="54611" y="24418"/>
                  </a:cubicBezTo>
                  <a:cubicBezTo>
                    <a:pt x="54820" y="24188"/>
                    <a:pt x="54904" y="23937"/>
                    <a:pt x="54904" y="23581"/>
                  </a:cubicBezTo>
                  <a:lnTo>
                    <a:pt x="54904" y="22326"/>
                  </a:lnTo>
                  <a:cubicBezTo>
                    <a:pt x="54904" y="22158"/>
                    <a:pt x="54925" y="21970"/>
                    <a:pt x="54987" y="21803"/>
                  </a:cubicBezTo>
                  <a:cubicBezTo>
                    <a:pt x="55029" y="21635"/>
                    <a:pt x="55197" y="21489"/>
                    <a:pt x="55406" y="21552"/>
                  </a:cubicBezTo>
                  <a:cubicBezTo>
                    <a:pt x="55531" y="21593"/>
                    <a:pt x="55657" y="21698"/>
                    <a:pt x="55720" y="21844"/>
                  </a:cubicBezTo>
                  <a:cubicBezTo>
                    <a:pt x="55762" y="21970"/>
                    <a:pt x="55762" y="22117"/>
                    <a:pt x="55762" y="22284"/>
                  </a:cubicBezTo>
                  <a:lnTo>
                    <a:pt x="55762" y="23456"/>
                  </a:lnTo>
                  <a:cubicBezTo>
                    <a:pt x="55803" y="24188"/>
                    <a:pt x="56034" y="24795"/>
                    <a:pt x="56640" y="25234"/>
                  </a:cubicBezTo>
                  <a:cubicBezTo>
                    <a:pt x="57226" y="25674"/>
                    <a:pt x="57854" y="26134"/>
                    <a:pt x="58586" y="26301"/>
                  </a:cubicBezTo>
                  <a:cubicBezTo>
                    <a:pt x="58984" y="26406"/>
                    <a:pt x="59319" y="26364"/>
                    <a:pt x="59570" y="26029"/>
                  </a:cubicBezTo>
                  <a:cubicBezTo>
                    <a:pt x="59904" y="25506"/>
                    <a:pt x="60260" y="24983"/>
                    <a:pt x="60155" y="24293"/>
                  </a:cubicBezTo>
                  <a:cubicBezTo>
                    <a:pt x="60135" y="24083"/>
                    <a:pt x="60197" y="23790"/>
                    <a:pt x="60323" y="23623"/>
                  </a:cubicBezTo>
                  <a:cubicBezTo>
                    <a:pt x="60469" y="23414"/>
                    <a:pt x="60469" y="23163"/>
                    <a:pt x="60511" y="22933"/>
                  </a:cubicBezTo>
                  <a:cubicBezTo>
                    <a:pt x="60532" y="22619"/>
                    <a:pt x="60427" y="22326"/>
                    <a:pt x="60302" y="22075"/>
                  </a:cubicBezTo>
                  <a:cubicBezTo>
                    <a:pt x="60155" y="21761"/>
                    <a:pt x="60051" y="21447"/>
                    <a:pt x="59925" y="21154"/>
                  </a:cubicBezTo>
                  <a:cubicBezTo>
                    <a:pt x="59821" y="20861"/>
                    <a:pt x="59695" y="20547"/>
                    <a:pt x="59591" y="20212"/>
                  </a:cubicBezTo>
                  <a:cubicBezTo>
                    <a:pt x="59925" y="20129"/>
                    <a:pt x="60135" y="20275"/>
                    <a:pt x="60302" y="20401"/>
                  </a:cubicBezTo>
                  <a:cubicBezTo>
                    <a:pt x="60951" y="21028"/>
                    <a:pt x="61474" y="21761"/>
                    <a:pt x="61557" y="22723"/>
                  </a:cubicBezTo>
                  <a:cubicBezTo>
                    <a:pt x="61578" y="22995"/>
                    <a:pt x="61474" y="23267"/>
                    <a:pt x="61704" y="23539"/>
                  </a:cubicBezTo>
                  <a:cubicBezTo>
                    <a:pt x="62415" y="23665"/>
                    <a:pt x="63043" y="23351"/>
                    <a:pt x="63671" y="23058"/>
                  </a:cubicBezTo>
                  <a:cubicBezTo>
                    <a:pt x="64110" y="22891"/>
                    <a:pt x="64215" y="22368"/>
                    <a:pt x="64005" y="21907"/>
                  </a:cubicBezTo>
                  <a:cubicBezTo>
                    <a:pt x="63817" y="21489"/>
                    <a:pt x="63650" y="21070"/>
                    <a:pt x="63461" y="20694"/>
                  </a:cubicBezTo>
                  <a:cubicBezTo>
                    <a:pt x="63378" y="20526"/>
                    <a:pt x="63294" y="20338"/>
                    <a:pt x="63168" y="20233"/>
                  </a:cubicBezTo>
                  <a:cubicBezTo>
                    <a:pt x="62813" y="19899"/>
                    <a:pt x="62604" y="19459"/>
                    <a:pt x="62415" y="19041"/>
                  </a:cubicBezTo>
                  <a:cubicBezTo>
                    <a:pt x="62018" y="18183"/>
                    <a:pt x="62122" y="17764"/>
                    <a:pt x="62980" y="17388"/>
                  </a:cubicBezTo>
                  <a:cubicBezTo>
                    <a:pt x="63692" y="17074"/>
                    <a:pt x="63922" y="16614"/>
                    <a:pt x="63859" y="15902"/>
                  </a:cubicBezTo>
                  <a:cubicBezTo>
                    <a:pt x="63817" y="15735"/>
                    <a:pt x="63817" y="15609"/>
                    <a:pt x="63817" y="15463"/>
                  </a:cubicBezTo>
                  <a:cubicBezTo>
                    <a:pt x="63692" y="14333"/>
                    <a:pt x="63357" y="13935"/>
                    <a:pt x="62227" y="13684"/>
                  </a:cubicBezTo>
                  <a:cubicBezTo>
                    <a:pt x="62018" y="13622"/>
                    <a:pt x="61808" y="13601"/>
                    <a:pt x="61599" y="13601"/>
                  </a:cubicBezTo>
                  <a:cubicBezTo>
                    <a:pt x="60888" y="13580"/>
                    <a:pt x="60218" y="13622"/>
                    <a:pt x="59528" y="13810"/>
                  </a:cubicBezTo>
                  <a:cubicBezTo>
                    <a:pt x="59256" y="13894"/>
                    <a:pt x="58942" y="13894"/>
                    <a:pt x="58649" y="13852"/>
                  </a:cubicBezTo>
                  <a:cubicBezTo>
                    <a:pt x="58440" y="13852"/>
                    <a:pt x="58231" y="13642"/>
                    <a:pt x="58231" y="13475"/>
                  </a:cubicBezTo>
                  <a:cubicBezTo>
                    <a:pt x="58231" y="13287"/>
                    <a:pt x="58377" y="13078"/>
                    <a:pt x="58628" y="13015"/>
                  </a:cubicBezTo>
                  <a:cubicBezTo>
                    <a:pt x="58775" y="12994"/>
                    <a:pt x="58900" y="12994"/>
                    <a:pt x="59067" y="12973"/>
                  </a:cubicBezTo>
                  <a:cubicBezTo>
                    <a:pt x="59214" y="12952"/>
                    <a:pt x="59381" y="12952"/>
                    <a:pt x="59507" y="12868"/>
                  </a:cubicBezTo>
                  <a:cubicBezTo>
                    <a:pt x="60051" y="12575"/>
                    <a:pt x="60616" y="12261"/>
                    <a:pt x="61160" y="11927"/>
                  </a:cubicBezTo>
                  <a:cubicBezTo>
                    <a:pt x="61306" y="11843"/>
                    <a:pt x="61411" y="11697"/>
                    <a:pt x="61516" y="11529"/>
                  </a:cubicBezTo>
                  <a:cubicBezTo>
                    <a:pt x="61829" y="11090"/>
                    <a:pt x="61871" y="10462"/>
                    <a:pt x="61516" y="10023"/>
                  </a:cubicBezTo>
                  <a:cubicBezTo>
                    <a:pt x="61285" y="9667"/>
                    <a:pt x="61034" y="9332"/>
                    <a:pt x="60720" y="9039"/>
                  </a:cubicBezTo>
                  <a:cubicBezTo>
                    <a:pt x="60051" y="8412"/>
                    <a:pt x="59298" y="8035"/>
                    <a:pt x="58356" y="8077"/>
                  </a:cubicBezTo>
                  <a:cubicBezTo>
                    <a:pt x="57833" y="8098"/>
                    <a:pt x="57331" y="8056"/>
                    <a:pt x="56808" y="8077"/>
                  </a:cubicBezTo>
                  <a:cubicBezTo>
                    <a:pt x="55908" y="8160"/>
                    <a:pt x="55071" y="8412"/>
                    <a:pt x="54381" y="9081"/>
                  </a:cubicBezTo>
                  <a:cubicBezTo>
                    <a:pt x="54234" y="9207"/>
                    <a:pt x="54067" y="9353"/>
                    <a:pt x="53878" y="9458"/>
                  </a:cubicBezTo>
                  <a:cubicBezTo>
                    <a:pt x="53711" y="9562"/>
                    <a:pt x="53523" y="9500"/>
                    <a:pt x="53418" y="9332"/>
                  </a:cubicBezTo>
                  <a:cubicBezTo>
                    <a:pt x="53334" y="9228"/>
                    <a:pt x="53293" y="9039"/>
                    <a:pt x="53313" y="8914"/>
                  </a:cubicBezTo>
                  <a:cubicBezTo>
                    <a:pt x="53334" y="8788"/>
                    <a:pt x="53439" y="8663"/>
                    <a:pt x="53544" y="8558"/>
                  </a:cubicBezTo>
                  <a:cubicBezTo>
                    <a:pt x="53774" y="8307"/>
                    <a:pt x="54025" y="8077"/>
                    <a:pt x="54234" y="7847"/>
                  </a:cubicBezTo>
                  <a:cubicBezTo>
                    <a:pt x="54485" y="7533"/>
                    <a:pt x="54757" y="7156"/>
                    <a:pt x="54715" y="6717"/>
                  </a:cubicBezTo>
                  <a:cubicBezTo>
                    <a:pt x="54673" y="5566"/>
                    <a:pt x="53711" y="4687"/>
                    <a:pt x="52707" y="4687"/>
                  </a:cubicBezTo>
                  <a:lnTo>
                    <a:pt x="51347" y="4687"/>
                  </a:lnTo>
                  <a:cubicBezTo>
                    <a:pt x="50740" y="4645"/>
                    <a:pt x="50217" y="4834"/>
                    <a:pt x="49756" y="5168"/>
                  </a:cubicBezTo>
                  <a:cubicBezTo>
                    <a:pt x="49171" y="5629"/>
                    <a:pt x="48606" y="6068"/>
                    <a:pt x="48062" y="6507"/>
                  </a:cubicBezTo>
                  <a:cubicBezTo>
                    <a:pt x="47915" y="6612"/>
                    <a:pt x="47811" y="6717"/>
                    <a:pt x="47685" y="6779"/>
                  </a:cubicBezTo>
                  <a:cubicBezTo>
                    <a:pt x="47497" y="6842"/>
                    <a:pt x="47329" y="6821"/>
                    <a:pt x="47183" y="6696"/>
                  </a:cubicBezTo>
                  <a:cubicBezTo>
                    <a:pt x="47057" y="6570"/>
                    <a:pt x="46953" y="6382"/>
                    <a:pt x="47057" y="6194"/>
                  </a:cubicBezTo>
                  <a:cubicBezTo>
                    <a:pt x="47371" y="5691"/>
                    <a:pt x="47267" y="5147"/>
                    <a:pt x="47287" y="4624"/>
                  </a:cubicBezTo>
                  <a:cubicBezTo>
                    <a:pt x="47350" y="3536"/>
                    <a:pt x="46827" y="2720"/>
                    <a:pt x="46032" y="2072"/>
                  </a:cubicBezTo>
                  <a:cubicBezTo>
                    <a:pt x="45718" y="1821"/>
                    <a:pt x="45383" y="1611"/>
                    <a:pt x="45070" y="1402"/>
                  </a:cubicBezTo>
                  <a:cubicBezTo>
                    <a:pt x="44777" y="1193"/>
                    <a:pt x="44505" y="1130"/>
                    <a:pt x="44128" y="1130"/>
                  </a:cubicBezTo>
                  <a:cubicBezTo>
                    <a:pt x="43584" y="1130"/>
                    <a:pt x="43061" y="1151"/>
                    <a:pt x="42517" y="1130"/>
                  </a:cubicBezTo>
                  <a:cubicBezTo>
                    <a:pt x="41575" y="1067"/>
                    <a:pt x="40801" y="1444"/>
                    <a:pt x="40152" y="2093"/>
                  </a:cubicBezTo>
                  <a:lnTo>
                    <a:pt x="39127" y="3118"/>
                  </a:lnTo>
                  <a:cubicBezTo>
                    <a:pt x="38709" y="3536"/>
                    <a:pt x="38374" y="3976"/>
                    <a:pt x="38228" y="4541"/>
                  </a:cubicBezTo>
                  <a:cubicBezTo>
                    <a:pt x="38123" y="4938"/>
                    <a:pt x="37851" y="5231"/>
                    <a:pt x="37537" y="5482"/>
                  </a:cubicBezTo>
                  <a:cubicBezTo>
                    <a:pt x="37223" y="5754"/>
                    <a:pt x="36930" y="5733"/>
                    <a:pt x="36679" y="5399"/>
                  </a:cubicBezTo>
                  <a:cubicBezTo>
                    <a:pt x="36575" y="5294"/>
                    <a:pt x="36491" y="5147"/>
                    <a:pt x="36470" y="5022"/>
                  </a:cubicBezTo>
                  <a:cubicBezTo>
                    <a:pt x="36093" y="3871"/>
                    <a:pt x="35424" y="2846"/>
                    <a:pt x="34712" y="1883"/>
                  </a:cubicBezTo>
                  <a:cubicBezTo>
                    <a:pt x="34482" y="1570"/>
                    <a:pt x="34189" y="1298"/>
                    <a:pt x="33896" y="1046"/>
                  </a:cubicBezTo>
                  <a:cubicBezTo>
                    <a:pt x="33645" y="816"/>
                    <a:pt x="33331" y="774"/>
                    <a:pt x="32997" y="921"/>
                  </a:cubicBezTo>
                  <a:cubicBezTo>
                    <a:pt x="32076" y="1256"/>
                    <a:pt x="31448" y="2134"/>
                    <a:pt x="31574" y="2971"/>
                  </a:cubicBezTo>
                  <a:cubicBezTo>
                    <a:pt x="31595" y="3181"/>
                    <a:pt x="31574" y="3390"/>
                    <a:pt x="31574" y="3599"/>
                  </a:cubicBezTo>
                  <a:cubicBezTo>
                    <a:pt x="31574" y="3871"/>
                    <a:pt x="31595" y="4080"/>
                    <a:pt x="31762" y="4290"/>
                  </a:cubicBezTo>
                  <a:cubicBezTo>
                    <a:pt x="31909" y="4520"/>
                    <a:pt x="32013" y="4792"/>
                    <a:pt x="32181" y="4959"/>
                  </a:cubicBezTo>
                  <a:cubicBezTo>
                    <a:pt x="32369" y="5168"/>
                    <a:pt x="32620" y="5357"/>
                    <a:pt x="32850" y="5566"/>
                  </a:cubicBezTo>
                  <a:cubicBezTo>
                    <a:pt x="32746" y="5650"/>
                    <a:pt x="32641" y="5733"/>
                    <a:pt x="32515" y="5796"/>
                  </a:cubicBezTo>
                  <a:cubicBezTo>
                    <a:pt x="32202" y="5336"/>
                    <a:pt x="31783" y="5106"/>
                    <a:pt x="31281" y="4938"/>
                  </a:cubicBezTo>
                  <a:cubicBezTo>
                    <a:pt x="31218" y="4917"/>
                    <a:pt x="31134" y="4834"/>
                    <a:pt x="31072" y="4792"/>
                  </a:cubicBezTo>
                  <a:cubicBezTo>
                    <a:pt x="30611" y="4331"/>
                    <a:pt x="29963" y="4227"/>
                    <a:pt x="29440" y="3871"/>
                  </a:cubicBezTo>
                  <a:cubicBezTo>
                    <a:pt x="29335" y="3808"/>
                    <a:pt x="29189" y="3787"/>
                    <a:pt x="29084" y="3787"/>
                  </a:cubicBezTo>
                  <a:cubicBezTo>
                    <a:pt x="28393" y="3746"/>
                    <a:pt x="27703" y="3766"/>
                    <a:pt x="27159" y="4331"/>
                  </a:cubicBezTo>
                  <a:cubicBezTo>
                    <a:pt x="27054" y="4436"/>
                    <a:pt x="26929" y="4541"/>
                    <a:pt x="26824" y="4624"/>
                  </a:cubicBezTo>
                  <a:cubicBezTo>
                    <a:pt x="26301" y="4959"/>
                    <a:pt x="26029" y="5482"/>
                    <a:pt x="25945" y="6068"/>
                  </a:cubicBezTo>
                  <a:cubicBezTo>
                    <a:pt x="25841" y="6968"/>
                    <a:pt x="25715" y="7951"/>
                    <a:pt x="26510" y="8684"/>
                  </a:cubicBezTo>
                  <a:cubicBezTo>
                    <a:pt x="26573" y="8767"/>
                    <a:pt x="26657" y="8851"/>
                    <a:pt x="26678" y="8997"/>
                  </a:cubicBezTo>
                  <a:cubicBezTo>
                    <a:pt x="26866" y="9353"/>
                    <a:pt x="27159" y="9520"/>
                    <a:pt x="27556" y="9520"/>
                  </a:cubicBezTo>
                  <a:cubicBezTo>
                    <a:pt x="28331" y="9541"/>
                    <a:pt x="29084" y="9562"/>
                    <a:pt x="29858" y="9625"/>
                  </a:cubicBezTo>
                  <a:cubicBezTo>
                    <a:pt x="30005" y="9876"/>
                    <a:pt x="29921" y="10065"/>
                    <a:pt x="29670" y="10127"/>
                  </a:cubicBezTo>
                  <a:cubicBezTo>
                    <a:pt x="29272" y="10190"/>
                    <a:pt x="28917" y="10253"/>
                    <a:pt x="28519" y="10253"/>
                  </a:cubicBezTo>
                  <a:cubicBezTo>
                    <a:pt x="27556" y="10295"/>
                    <a:pt x="26615" y="10504"/>
                    <a:pt x="25778" y="11006"/>
                  </a:cubicBezTo>
                  <a:cubicBezTo>
                    <a:pt x="24774" y="11592"/>
                    <a:pt x="23853" y="12241"/>
                    <a:pt x="23225" y="13266"/>
                  </a:cubicBezTo>
                  <a:cubicBezTo>
                    <a:pt x="23058" y="13559"/>
                    <a:pt x="22953" y="13831"/>
                    <a:pt x="22953" y="14166"/>
                  </a:cubicBezTo>
                  <a:cubicBezTo>
                    <a:pt x="22974" y="14605"/>
                    <a:pt x="23100" y="14793"/>
                    <a:pt x="23518" y="14835"/>
                  </a:cubicBezTo>
                  <a:cubicBezTo>
                    <a:pt x="24062" y="14856"/>
                    <a:pt x="24585" y="14835"/>
                    <a:pt x="25150" y="14856"/>
                  </a:cubicBezTo>
                  <a:cubicBezTo>
                    <a:pt x="25632" y="14877"/>
                    <a:pt x="26050" y="14730"/>
                    <a:pt x="26510" y="14479"/>
                  </a:cubicBezTo>
                  <a:cubicBezTo>
                    <a:pt x="27975" y="13705"/>
                    <a:pt x="29461" y="12973"/>
                    <a:pt x="30925" y="12241"/>
                  </a:cubicBezTo>
                  <a:cubicBezTo>
                    <a:pt x="31134" y="12136"/>
                    <a:pt x="31365" y="12052"/>
                    <a:pt x="31595" y="11989"/>
                  </a:cubicBezTo>
                  <a:cubicBezTo>
                    <a:pt x="31846" y="11948"/>
                    <a:pt x="32097" y="12241"/>
                    <a:pt x="32013" y="12450"/>
                  </a:cubicBezTo>
                  <a:cubicBezTo>
                    <a:pt x="31909" y="12722"/>
                    <a:pt x="31846" y="13036"/>
                    <a:pt x="31637" y="13224"/>
                  </a:cubicBezTo>
                  <a:cubicBezTo>
                    <a:pt x="30967" y="13914"/>
                    <a:pt x="30549" y="14751"/>
                    <a:pt x="30005" y="15505"/>
                  </a:cubicBezTo>
                  <a:cubicBezTo>
                    <a:pt x="29544" y="16153"/>
                    <a:pt x="29398" y="16865"/>
                    <a:pt x="29461" y="17639"/>
                  </a:cubicBezTo>
                  <a:cubicBezTo>
                    <a:pt x="29481" y="18120"/>
                    <a:pt x="29670" y="18308"/>
                    <a:pt x="30109" y="18350"/>
                  </a:cubicBezTo>
                  <a:cubicBezTo>
                    <a:pt x="30590" y="18413"/>
                    <a:pt x="31051" y="18371"/>
                    <a:pt x="31490" y="18120"/>
                  </a:cubicBezTo>
                  <a:cubicBezTo>
                    <a:pt x="32411" y="17597"/>
                    <a:pt x="33269" y="17011"/>
                    <a:pt x="34085" y="16321"/>
                  </a:cubicBezTo>
                  <a:cubicBezTo>
                    <a:pt x="34315" y="16111"/>
                    <a:pt x="34503" y="15860"/>
                    <a:pt x="34775" y="15714"/>
                  </a:cubicBezTo>
                  <a:cubicBezTo>
                    <a:pt x="35403" y="15337"/>
                    <a:pt x="35884" y="14814"/>
                    <a:pt x="36407" y="14333"/>
                  </a:cubicBezTo>
                  <a:cubicBezTo>
                    <a:pt x="36575" y="14166"/>
                    <a:pt x="36721" y="14040"/>
                    <a:pt x="36909" y="13935"/>
                  </a:cubicBezTo>
                  <a:cubicBezTo>
                    <a:pt x="37077" y="13831"/>
                    <a:pt x="37391" y="13935"/>
                    <a:pt x="37432" y="14145"/>
                  </a:cubicBezTo>
                  <a:cubicBezTo>
                    <a:pt x="37495" y="14270"/>
                    <a:pt x="37516" y="14438"/>
                    <a:pt x="37495" y="14584"/>
                  </a:cubicBezTo>
                  <a:cubicBezTo>
                    <a:pt x="37432" y="14982"/>
                    <a:pt x="37349" y="15337"/>
                    <a:pt x="37244" y="15735"/>
                  </a:cubicBezTo>
                  <a:cubicBezTo>
                    <a:pt x="37014" y="16572"/>
                    <a:pt x="36972" y="17932"/>
                    <a:pt x="37181" y="18873"/>
                  </a:cubicBezTo>
                  <a:cubicBezTo>
                    <a:pt x="37307" y="18957"/>
                    <a:pt x="37453" y="19062"/>
                    <a:pt x="37642" y="19104"/>
                  </a:cubicBezTo>
                  <a:cubicBezTo>
                    <a:pt x="38060" y="19187"/>
                    <a:pt x="38500" y="19292"/>
                    <a:pt x="38876" y="19062"/>
                  </a:cubicBezTo>
                  <a:cubicBezTo>
                    <a:pt x="39441" y="18664"/>
                    <a:pt x="40006" y="18246"/>
                    <a:pt x="40487" y="17785"/>
                  </a:cubicBezTo>
                  <a:cubicBezTo>
                    <a:pt x="41010" y="17262"/>
                    <a:pt x="41680" y="16948"/>
                    <a:pt x="42203" y="16467"/>
                  </a:cubicBezTo>
                  <a:cubicBezTo>
                    <a:pt x="42475" y="16216"/>
                    <a:pt x="42873" y="16383"/>
                    <a:pt x="42893" y="16781"/>
                  </a:cubicBezTo>
                  <a:cubicBezTo>
                    <a:pt x="42935" y="17283"/>
                    <a:pt x="42956" y="17806"/>
                    <a:pt x="42935" y="18329"/>
                  </a:cubicBezTo>
                  <a:cubicBezTo>
                    <a:pt x="42935" y="18873"/>
                    <a:pt x="42977" y="19396"/>
                    <a:pt x="43354" y="19836"/>
                  </a:cubicBezTo>
                  <a:cubicBezTo>
                    <a:pt x="43458" y="19982"/>
                    <a:pt x="43521" y="20150"/>
                    <a:pt x="43584" y="20338"/>
                  </a:cubicBezTo>
                  <a:cubicBezTo>
                    <a:pt x="43898" y="21489"/>
                    <a:pt x="44777" y="22012"/>
                    <a:pt x="45823" y="22347"/>
                  </a:cubicBezTo>
                  <a:cubicBezTo>
                    <a:pt x="46451" y="22556"/>
                    <a:pt x="47036" y="22389"/>
                    <a:pt x="47455" y="21865"/>
                  </a:cubicBezTo>
                  <a:cubicBezTo>
                    <a:pt x="47685" y="21552"/>
                    <a:pt x="47873" y="21196"/>
                    <a:pt x="48083" y="20882"/>
                  </a:cubicBezTo>
                  <a:cubicBezTo>
                    <a:pt x="48187" y="20756"/>
                    <a:pt x="48292" y="20610"/>
                    <a:pt x="48438" y="20526"/>
                  </a:cubicBezTo>
                  <a:cubicBezTo>
                    <a:pt x="48627" y="20422"/>
                    <a:pt x="48815" y="20338"/>
                    <a:pt x="49024" y="20254"/>
                  </a:cubicBezTo>
                  <a:cubicBezTo>
                    <a:pt x="49464" y="19710"/>
                    <a:pt x="49610" y="19124"/>
                    <a:pt x="50217" y="18706"/>
                  </a:cubicBezTo>
                  <a:close/>
                  <a:moveTo>
                    <a:pt x="30130" y="13810"/>
                  </a:moveTo>
                  <a:cubicBezTo>
                    <a:pt x="29921" y="13852"/>
                    <a:pt x="29816" y="13852"/>
                    <a:pt x="29712" y="13914"/>
                  </a:cubicBezTo>
                  <a:cubicBezTo>
                    <a:pt x="28477" y="14542"/>
                    <a:pt x="27264" y="15191"/>
                    <a:pt x="26050" y="15839"/>
                  </a:cubicBezTo>
                  <a:cubicBezTo>
                    <a:pt x="25987" y="15902"/>
                    <a:pt x="25904" y="16007"/>
                    <a:pt x="25841" y="16111"/>
                  </a:cubicBezTo>
                  <a:cubicBezTo>
                    <a:pt x="25799" y="16195"/>
                    <a:pt x="25799" y="16321"/>
                    <a:pt x="25736" y="16342"/>
                  </a:cubicBezTo>
                  <a:cubicBezTo>
                    <a:pt x="25380" y="16530"/>
                    <a:pt x="25171" y="16969"/>
                    <a:pt x="24669" y="16948"/>
                  </a:cubicBezTo>
                  <a:cubicBezTo>
                    <a:pt x="24543" y="16948"/>
                    <a:pt x="24376" y="17032"/>
                    <a:pt x="24271" y="17137"/>
                  </a:cubicBezTo>
                  <a:cubicBezTo>
                    <a:pt x="23937" y="17471"/>
                    <a:pt x="23539" y="17785"/>
                    <a:pt x="23267" y="18141"/>
                  </a:cubicBezTo>
                  <a:cubicBezTo>
                    <a:pt x="22849" y="18706"/>
                    <a:pt x="22472" y="19271"/>
                    <a:pt x="22326" y="19982"/>
                  </a:cubicBezTo>
                  <a:cubicBezTo>
                    <a:pt x="22179" y="20631"/>
                    <a:pt x="22033" y="21259"/>
                    <a:pt x="21844" y="21907"/>
                  </a:cubicBezTo>
                  <a:cubicBezTo>
                    <a:pt x="21656" y="22577"/>
                    <a:pt x="21593" y="23205"/>
                    <a:pt x="21844" y="23853"/>
                  </a:cubicBezTo>
                  <a:cubicBezTo>
                    <a:pt x="21865" y="23937"/>
                    <a:pt x="21928" y="24041"/>
                    <a:pt x="21865" y="24104"/>
                  </a:cubicBezTo>
                  <a:cubicBezTo>
                    <a:pt x="21530" y="24732"/>
                    <a:pt x="21698" y="25422"/>
                    <a:pt x="21740" y="26071"/>
                  </a:cubicBezTo>
                  <a:cubicBezTo>
                    <a:pt x="21802" y="26887"/>
                    <a:pt x="21844" y="27724"/>
                    <a:pt x="22137" y="28477"/>
                  </a:cubicBezTo>
                  <a:cubicBezTo>
                    <a:pt x="22807" y="30319"/>
                    <a:pt x="23518" y="32139"/>
                    <a:pt x="24460" y="33876"/>
                  </a:cubicBezTo>
                  <a:cubicBezTo>
                    <a:pt x="24627" y="34148"/>
                    <a:pt x="24836" y="34420"/>
                    <a:pt x="25046" y="34650"/>
                  </a:cubicBezTo>
                  <a:lnTo>
                    <a:pt x="27473" y="37077"/>
                  </a:lnTo>
                  <a:cubicBezTo>
                    <a:pt x="27682" y="37286"/>
                    <a:pt x="27912" y="37474"/>
                    <a:pt x="28184" y="37663"/>
                  </a:cubicBezTo>
                  <a:cubicBezTo>
                    <a:pt x="28645" y="37977"/>
                    <a:pt x="29126" y="38311"/>
                    <a:pt x="29649" y="38542"/>
                  </a:cubicBezTo>
                  <a:cubicBezTo>
                    <a:pt x="30590" y="39002"/>
                    <a:pt x="31532" y="39483"/>
                    <a:pt x="32536" y="39797"/>
                  </a:cubicBezTo>
                  <a:cubicBezTo>
                    <a:pt x="33959" y="40257"/>
                    <a:pt x="35424" y="40467"/>
                    <a:pt x="36888" y="40508"/>
                  </a:cubicBezTo>
                  <a:cubicBezTo>
                    <a:pt x="37872" y="40529"/>
                    <a:pt x="38876" y="40571"/>
                    <a:pt x="39860" y="40425"/>
                  </a:cubicBezTo>
                  <a:cubicBezTo>
                    <a:pt x="41157" y="40278"/>
                    <a:pt x="42412" y="39964"/>
                    <a:pt x="43605" y="39462"/>
                  </a:cubicBezTo>
                  <a:cubicBezTo>
                    <a:pt x="44421" y="39148"/>
                    <a:pt x="45237" y="38834"/>
                    <a:pt x="46011" y="38479"/>
                  </a:cubicBezTo>
                  <a:cubicBezTo>
                    <a:pt x="48062" y="37537"/>
                    <a:pt x="49945" y="36386"/>
                    <a:pt x="51472" y="34733"/>
                  </a:cubicBezTo>
                  <a:cubicBezTo>
                    <a:pt x="51828" y="34399"/>
                    <a:pt x="52142" y="34022"/>
                    <a:pt x="52497" y="33708"/>
                  </a:cubicBezTo>
                  <a:cubicBezTo>
                    <a:pt x="53104" y="33185"/>
                    <a:pt x="53523" y="32536"/>
                    <a:pt x="53837" y="31804"/>
                  </a:cubicBezTo>
                  <a:cubicBezTo>
                    <a:pt x="53920" y="31616"/>
                    <a:pt x="53962" y="31407"/>
                    <a:pt x="54046" y="31218"/>
                  </a:cubicBezTo>
                  <a:cubicBezTo>
                    <a:pt x="54088" y="31093"/>
                    <a:pt x="54150" y="30946"/>
                    <a:pt x="54234" y="30842"/>
                  </a:cubicBezTo>
                  <a:cubicBezTo>
                    <a:pt x="54569" y="30444"/>
                    <a:pt x="54757" y="29963"/>
                    <a:pt x="54925" y="29482"/>
                  </a:cubicBezTo>
                  <a:cubicBezTo>
                    <a:pt x="55238" y="28645"/>
                    <a:pt x="55552" y="27766"/>
                    <a:pt x="55866" y="26929"/>
                  </a:cubicBezTo>
                  <a:cubicBezTo>
                    <a:pt x="56013" y="26594"/>
                    <a:pt x="56054" y="26259"/>
                    <a:pt x="55971" y="25946"/>
                  </a:cubicBezTo>
                  <a:cubicBezTo>
                    <a:pt x="55699" y="25736"/>
                    <a:pt x="55448" y="25569"/>
                    <a:pt x="55238" y="25402"/>
                  </a:cubicBezTo>
                  <a:cubicBezTo>
                    <a:pt x="54799" y="25736"/>
                    <a:pt x="54339" y="26029"/>
                    <a:pt x="53962" y="26385"/>
                  </a:cubicBezTo>
                  <a:cubicBezTo>
                    <a:pt x="53293" y="27075"/>
                    <a:pt x="52497" y="27243"/>
                    <a:pt x="51577" y="27222"/>
                  </a:cubicBezTo>
                  <a:cubicBezTo>
                    <a:pt x="51221" y="27222"/>
                    <a:pt x="50949" y="27096"/>
                    <a:pt x="50698" y="26866"/>
                  </a:cubicBezTo>
                  <a:cubicBezTo>
                    <a:pt x="49568" y="25736"/>
                    <a:pt x="48857" y="24397"/>
                    <a:pt x="48919" y="22744"/>
                  </a:cubicBezTo>
                  <a:cubicBezTo>
                    <a:pt x="48919" y="22619"/>
                    <a:pt x="48940" y="22514"/>
                    <a:pt x="48919" y="22389"/>
                  </a:cubicBezTo>
                  <a:cubicBezTo>
                    <a:pt x="48899" y="22263"/>
                    <a:pt x="49003" y="22075"/>
                    <a:pt x="48731" y="21970"/>
                  </a:cubicBezTo>
                  <a:cubicBezTo>
                    <a:pt x="48606" y="22117"/>
                    <a:pt x="48480" y="22284"/>
                    <a:pt x="48375" y="22430"/>
                  </a:cubicBezTo>
                  <a:cubicBezTo>
                    <a:pt x="47685" y="23330"/>
                    <a:pt x="46492" y="23665"/>
                    <a:pt x="45446" y="23225"/>
                  </a:cubicBezTo>
                  <a:cubicBezTo>
                    <a:pt x="45049" y="23058"/>
                    <a:pt x="44672" y="22891"/>
                    <a:pt x="44316" y="22681"/>
                  </a:cubicBezTo>
                  <a:cubicBezTo>
                    <a:pt x="43563" y="22284"/>
                    <a:pt x="43103" y="21635"/>
                    <a:pt x="42789" y="20840"/>
                  </a:cubicBezTo>
                  <a:cubicBezTo>
                    <a:pt x="42684" y="20547"/>
                    <a:pt x="42559" y="20296"/>
                    <a:pt x="42412" y="20024"/>
                  </a:cubicBezTo>
                  <a:cubicBezTo>
                    <a:pt x="42161" y="19668"/>
                    <a:pt x="42036" y="19271"/>
                    <a:pt x="42098" y="18831"/>
                  </a:cubicBezTo>
                  <a:cubicBezTo>
                    <a:pt x="42119" y="18601"/>
                    <a:pt x="42119" y="18350"/>
                    <a:pt x="42098" y="18099"/>
                  </a:cubicBezTo>
                  <a:cubicBezTo>
                    <a:pt x="42098" y="17995"/>
                    <a:pt x="42015" y="17911"/>
                    <a:pt x="41952" y="17785"/>
                  </a:cubicBezTo>
                  <a:cubicBezTo>
                    <a:pt x="41826" y="17869"/>
                    <a:pt x="41722" y="17890"/>
                    <a:pt x="41680" y="17932"/>
                  </a:cubicBezTo>
                  <a:cubicBezTo>
                    <a:pt x="41052" y="18643"/>
                    <a:pt x="40278" y="19187"/>
                    <a:pt x="39588" y="19794"/>
                  </a:cubicBezTo>
                  <a:cubicBezTo>
                    <a:pt x="39378" y="19982"/>
                    <a:pt x="39169" y="20108"/>
                    <a:pt x="38876" y="20129"/>
                  </a:cubicBezTo>
                  <a:cubicBezTo>
                    <a:pt x="38081" y="20192"/>
                    <a:pt x="37328" y="20108"/>
                    <a:pt x="36616" y="19668"/>
                  </a:cubicBezTo>
                  <a:cubicBezTo>
                    <a:pt x="36282" y="19459"/>
                    <a:pt x="36093" y="19187"/>
                    <a:pt x="36093" y="18811"/>
                  </a:cubicBezTo>
                  <a:cubicBezTo>
                    <a:pt x="36135" y="17827"/>
                    <a:pt x="36135" y="16886"/>
                    <a:pt x="36156" y="15902"/>
                  </a:cubicBezTo>
                  <a:cubicBezTo>
                    <a:pt x="35675" y="16091"/>
                    <a:pt x="35298" y="16446"/>
                    <a:pt x="34901" y="16844"/>
                  </a:cubicBezTo>
                  <a:cubicBezTo>
                    <a:pt x="34106" y="17660"/>
                    <a:pt x="33206" y="18287"/>
                    <a:pt x="32264" y="18852"/>
                  </a:cubicBezTo>
                  <a:cubicBezTo>
                    <a:pt x="31678" y="19187"/>
                    <a:pt x="31051" y="19334"/>
                    <a:pt x="30381" y="19334"/>
                  </a:cubicBezTo>
                  <a:cubicBezTo>
                    <a:pt x="29816" y="19334"/>
                    <a:pt x="29377" y="19145"/>
                    <a:pt x="28958" y="18831"/>
                  </a:cubicBezTo>
                  <a:cubicBezTo>
                    <a:pt x="28707" y="18643"/>
                    <a:pt x="28540" y="18413"/>
                    <a:pt x="28540" y="18078"/>
                  </a:cubicBezTo>
                  <a:cubicBezTo>
                    <a:pt x="28498" y="16948"/>
                    <a:pt x="28645" y="15839"/>
                    <a:pt x="29377" y="14898"/>
                  </a:cubicBezTo>
                  <a:cubicBezTo>
                    <a:pt x="29691" y="14626"/>
                    <a:pt x="29963" y="14312"/>
                    <a:pt x="30130" y="13810"/>
                  </a:cubicBezTo>
                  <a:close/>
                  <a:moveTo>
                    <a:pt x="36784" y="41617"/>
                  </a:moveTo>
                  <a:cubicBezTo>
                    <a:pt x="36491" y="42371"/>
                    <a:pt x="35821" y="42580"/>
                    <a:pt x="35319" y="42998"/>
                  </a:cubicBezTo>
                  <a:cubicBezTo>
                    <a:pt x="35215" y="43082"/>
                    <a:pt x="35026" y="43124"/>
                    <a:pt x="34901" y="43124"/>
                  </a:cubicBezTo>
                  <a:cubicBezTo>
                    <a:pt x="34294" y="43145"/>
                    <a:pt x="33687" y="43187"/>
                    <a:pt x="33101" y="43124"/>
                  </a:cubicBezTo>
                  <a:cubicBezTo>
                    <a:pt x="32411" y="43040"/>
                    <a:pt x="31804" y="42705"/>
                    <a:pt x="31490" y="42078"/>
                  </a:cubicBezTo>
                  <a:cubicBezTo>
                    <a:pt x="31218" y="41534"/>
                    <a:pt x="31030" y="40906"/>
                    <a:pt x="30841" y="40425"/>
                  </a:cubicBezTo>
                  <a:cubicBezTo>
                    <a:pt x="29733" y="39797"/>
                    <a:pt x="28728" y="39232"/>
                    <a:pt x="27724" y="38625"/>
                  </a:cubicBezTo>
                  <a:cubicBezTo>
                    <a:pt x="27347" y="38395"/>
                    <a:pt x="26992" y="38102"/>
                    <a:pt x="26678" y="37788"/>
                  </a:cubicBezTo>
                  <a:cubicBezTo>
                    <a:pt x="25904" y="37035"/>
                    <a:pt x="25150" y="36240"/>
                    <a:pt x="24376" y="35487"/>
                  </a:cubicBezTo>
                  <a:cubicBezTo>
                    <a:pt x="24251" y="35382"/>
                    <a:pt x="24125" y="35277"/>
                    <a:pt x="23958" y="35194"/>
                  </a:cubicBezTo>
                  <a:cubicBezTo>
                    <a:pt x="23895" y="35298"/>
                    <a:pt x="23811" y="35382"/>
                    <a:pt x="23790" y="35466"/>
                  </a:cubicBezTo>
                  <a:cubicBezTo>
                    <a:pt x="23686" y="36010"/>
                    <a:pt x="23393" y="36491"/>
                    <a:pt x="23100" y="36930"/>
                  </a:cubicBezTo>
                  <a:cubicBezTo>
                    <a:pt x="22870" y="37286"/>
                    <a:pt x="22598" y="37684"/>
                    <a:pt x="22388" y="38081"/>
                  </a:cubicBezTo>
                  <a:cubicBezTo>
                    <a:pt x="21635" y="39630"/>
                    <a:pt x="20714" y="41094"/>
                    <a:pt x="19773" y="42517"/>
                  </a:cubicBezTo>
                  <a:cubicBezTo>
                    <a:pt x="19459" y="42998"/>
                    <a:pt x="19187" y="43500"/>
                    <a:pt x="19020" y="44065"/>
                  </a:cubicBezTo>
                  <a:cubicBezTo>
                    <a:pt x="18894" y="44568"/>
                    <a:pt x="18664" y="45028"/>
                    <a:pt x="18413" y="45467"/>
                  </a:cubicBezTo>
                  <a:cubicBezTo>
                    <a:pt x="18141" y="45990"/>
                    <a:pt x="17785" y="46513"/>
                    <a:pt x="17618" y="47099"/>
                  </a:cubicBezTo>
                  <a:cubicBezTo>
                    <a:pt x="17409" y="47706"/>
                    <a:pt x="17137" y="48271"/>
                    <a:pt x="16885" y="48857"/>
                  </a:cubicBezTo>
                  <a:cubicBezTo>
                    <a:pt x="16593" y="49485"/>
                    <a:pt x="16404" y="50133"/>
                    <a:pt x="16404" y="50866"/>
                  </a:cubicBezTo>
                  <a:cubicBezTo>
                    <a:pt x="16613" y="50970"/>
                    <a:pt x="16802" y="51075"/>
                    <a:pt x="16969" y="51158"/>
                  </a:cubicBezTo>
                  <a:cubicBezTo>
                    <a:pt x="18036" y="51619"/>
                    <a:pt x="19187" y="51786"/>
                    <a:pt x="20275" y="52037"/>
                  </a:cubicBezTo>
                  <a:cubicBezTo>
                    <a:pt x="20401" y="52058"/>
                    <a:pt x="20568" y="52058"/>
                    <a:pt x="20714" y="52037"/>
                  </a:cubicBezTo>
                  <a:cubicBezTo>
                    <a:pt x="21007" y="51995"/>
                    <a:pt x="21300" y="51933"/>
                    <a:pt x="21614" y="51849"/>
                  </a:cubicBezTo>
                  <a:cubicBezTo>
                    <a:pt x="21740" y="51828"/>
                    <a:pt x="21886" y="51786"/>
                    <a:pt x="21991" y="51682"/>
                  </a:cubicBezTo>
                  <a:cubicBezTo>
                    <a:pt x="22681" y="51158"/>
                    <a:pt x="23372" y="50635"/>
                    <a:pt x="24230" y="50259"/>
                  </a:cubicBezTo>
                  <a:cubicBezTo>
                    <a:pt x="24146" y="49840"/>
                    <a:pt x="24125" y="49443"/>
                    <a:pt x="23979" y="49087"/>
                  </a:cubicBezTo>
                  <a:cubicBezTo>
                    <a:pt x="23644" y="48125"/>
                    <a:pt x="23455" y="47120"/>
                    <a:pt x="23309" y="46116"/>
                  </a:cubicBezTo>
                  <a:cubicBezTo>
                    <a:pt x="23288" y="45907"/>
                    <a:pt x="23183" y="45697"/>
                    <a:pt x="23183" y="45488"/>
                  </a:cubicBezTo>
                  <a:cubicBezTo>
                    <a:pt x="23142" y="45091"/>
                    <a:pt x="22911" y="44819"/>
                    <a:pt x="22660" y="44651"/>
                  </a:cubicBezTo>
                  <a:cubicBezTo>
                    <a:pt x="22807" y="43961"/>
                    <a:pt x="22891" y="43772"/>
                    <a:pt x="23246" y="43542"/>
                  </a:cubicBezTo>
                  <a:cubicBezTo>
                    <a:pt x="24230" y="42894"/>
                    <a:pt x="25297" y="42559"/>
                    <a:pt x="26427" y="42371"/>
                  </a:cubicBezTo>
                  <a:cubicBezTo>
                    <a:pt x="26678" y="42308"/>
                    <a:pt x="26971" y="42350"/>
                    <a:pt x="27222" y="42371"/>
                  </a:cubicBezTo>
                  <a:cubicBezTo>
                    <a:pt x="27410" y="42391"/>
                    <a:pt x="27619" y="42496"/>
                    <a:pt x="27787" y="42622"/>
                  </a:cubicBezTo>
                  <a:cubicBezTo>
                    <a:pt x="28100" y="42831"/>
                    <a:pt x="28121" y="43187"/>
                    <a:pt x="28121" y="43521"/>
                  </a:cubicBezTo>
                  <a:cubicBezTo>
                    <a:pt x="28121" y="44337"/>
                    <a:pt x="28038" y="45132"/>
                    <a:pt x="28352" y="45928"/>
                  </a:cubicBezTo>
                  <a:cubicBezTo>
                    <a:pt x="28414" y="46053"/>
                    <a:pt x="28373" y="46221"/>
                    <a:pt x="28373" y="46367"/>
                  </a:cubicBezTo>
                  <a:cubicBezTo>
                    <a:pt x="28435" y="46848"/>
                    <a:pt x="28477" y="47329"/>
                    <a:pt x="28561" y="47811"/>
                  </a:cubicBezTo>
                  <a:cubicBezTo>
                    <a:pt x="28749" y="48731"/>
                    <a:pt x="28958" y="49631"/>
                    <a:pt x="29147" y="50552"/>
                  </a:cubicBezTo>
                  <a:cubicBezTo>
                    <a:pt x="29189" y="50866"/>
                    <a:pt x="29272" y="51200"/>
                    <a:pt x="29251" y="51556"/>
                  </a:cubicBezTo>
                  <a:cubicBezTo>
                    <a:pt x="29189" y="52665"/>
                    <a:pt x="29691" y="53711"/>
                    <a:pt x="29607" y="54841"/>
                  </a:cubicBezTo>
                  <a:cubicBezTo>
                    <a:pt x="29607" y="54904"/>
                    <a:pt x="29649" y="54946"/>
                    <a:pt x="29670" y="55029"/>
                  </a:cubicBezTo>
                  <a:cubicBezTo>
                    <a:pt x="29900" y="55469"/>
                    <a:pt x="29879" y="55971"/>
                    <a:pt x="29795" y="56431"/>
                  </a:cubicBezTo>
                  <a:cubicBezTo>
                    <a:pt x="29712" y="56912"/>
                    <a:pt x="29670" y="57373"/>
                    <a:pt x="29544" y="57854"/>
                  </a:cubicBezTo>
                  <a:cubicBezTo>
                    <a:pt x="29398" y="58377"/>
                    <a:pt x="29481" y="58775"/>
                    <a:pt x="29879" y="59151"/>
                  </a:cubicBezTo>
                  <a:cubicBezTo>
                    <a:pt x="30130" y="59423"/>
                    <a:pt x="30339" y="59674"/>
                    <a:pt x="30632" y="59925"/>
                  </a:cubicBezTo>
                  <a:cubicBezTo>
                    <a:pt x="30821" y="60072"/>
                    <a:pt x="31030" y="60218"/>
                    <a:pt x="31093" y="60449"/>
                  </a:cubicBezTo>
                  <a:cubicBezTo>
                    <a:pt x="31260" y="60783"/>
                    <a:pt x="31511" y="60930"/>
                    <a:pt x="31825" y="60993"/>
                  </a:cubicBezTo>
                  <a:cubicBezTo>
                    <a:pt x="31909" y="60972"/>
                    <a:pt x="31992" y="60972"/>
                    <a:pt x="32013" y="60909"/>
                  </a:cubicBezTo>
                  <a:cubicBezTo>
                    <a:pt x="32871" y="60093"/>
                    <a:pt x="33896" y="59570"/>
                    <a:pt x="35026" y="59214"/>
                  </a:cubicBezTo>
                  <a:cubicBezTo>
                    <a:pt x="35968" y="58900"/>
                    <a:pt x="36888" y="58503"/>
                    <a:pt x="37872" y="58398"/>
                  </a:cubicBezTo>
                  <a:cubicBezTo>
                    <a:pt x="38060" y="58377"/>
                    <a:pt x="38207" y="58314"/>
                    <a:pt x="38395" y="58273"/>
                  </a:cubicBezTo>
                  <a:cubicBezTo>
                    <a:pt x="39441" y="57959"/>
                    <a:pt x="40487" y="57708"/>
                    <a:pt x="41554" y="57582"/>
                  </a:cubicBezTo>
                  <a:cubicBezTo>
                    <a:pt x="43186" y="57394"/>
                    <a:pt x="44777" y="57164"/>
                    <a:pt x="46430" y="57226"/>
                  </a:cubicBezTo>
                  <a:cubicBezTo>
                    <a:pt x="46995" y="57247"/>
                    <a:pt x="47580" y="57226"/>
                    <a:pt x="48145" y="57226"/>
                  </a:cubicBezTo>
                  <a:cubicBezTo>
                    <a:pt x="48313" y="57226"/>
                    <a:pt x="48501" y="57164"/>
                    <a:pt x="48668" y="57122"/>
                  </a:cubicBezTo>
                  <a:cubicBezTo>
                    <a:pt x="48752" y="56599"/>
                    <a:pt x="48752" y="56159"/>
                    <a:pt x="48710" y="55594"/>
                  </a:cubicBezTo>
                  <a:cubicBezTo>
                    <a:pt x="48313" y="55762"/>
                    <a:pt x="48145" y="56034"/>
                    <a:pt x="47978" y="56327"/>
                  </a:cubicBezTo>
                  <a:cubicBezTo>
                    <a:pt x="47811" y="56536"/>
                    <a:pt x="47643" y="56745"/>
                    <a:pt x="47434" y="56912"/>
                  </a:cubicBezTo>
                  <a:cubicBezTo>
                    <a:pt x="47350" y="56954"/>
                    <a:pt x="47141" y="56933"/>
                    <a:pt x="46995" y="56850"/>
                  </a:cubicBezTo>
                  <a:cubicBezTo>
                    <a:pt x="46848" y="56745"/>
                    <a:pt x="46764" y="56557"/>
                    <a:pt x="46848" y="56389"/>
                  </a:cubicBezTo>
                  <a:cubicBezTo>
                    <a:pt x="46911" y="56285"/>
                    <a:pt x="46974" y="56180"/>
                    <a:pt x="47036" y="56076"/>
                  </a:cubicBezTo>
                  <a:cubicBezTo>
                    <a:pt x="47246" y="55762"/>
                    <a:pt x="47434" y="55427"/>
                    <a:pt x="47664" y="55050"/>
                  </a:cubicBezTo>
                  <a:cubicBezTo>
                    <a:pt x="47246" y="55260"/>
                    <a:pt x="46911" y="55427"/>
                    <a:pt x="46555" y="55573"/>
                  </a:cubicBezTo>
                  <a:cubicBezTo>
                    <a:pt x="46367" y="55657"/>
                    <a:pt x="46199" y="55594"/>
                    <a:pt x="46053" y="55469"/>
                  </a:cubicBezTo>
                  <a:cubicBezTo>
                    <a:pt x="45927" y="55343"/>
                    <a:pt x="45927" y="55050"/>
                    <a:pt x="46095" y="54904"/>
                  </a:cubicBezTo>
                  <a:cubicBezTo>
                    <a:pt x="46220" y="54757"/>
                    <a:pt x="46346" y="54653"/>
                    <a:pt x="46513" y="54548"/>
                  </a:cubicBezTo>
                  <a:cubicBezTo>
                    <a:pt x="46995" y="54276"/>
                    <a:pt x="47518" y="54025"/>
                    <a:pt x="48020" y="53753"/>
                  </a:cubicBezTo>
                  <a:cubicBezTo>
                    <a:pt x="48145" y="53690"/>
                    <a:pt x="48250" y="53586"/>
                    <a:pt x="48438" y="53481"/>
                  </a:cubicBezTo>
                  <a:cubicBezTo>
                    <a:pt x="48124" y="53272"/>
                    <a:pt x="47852" y="53355"/>
                    <a:pt x="47601" y="53376"/>
                  </a:cubicBezTo>
                  <a:cubicBezTo>
                    <a:pt x="46513" y="53544"/>
                    <a:pt x="45404" y="53753"/>
                    <a:pt x="44379" y="54171"/>
                  </a:cubicBezTo>
                  <a:cubicBezTo>
                    <a:pt x="44295" y="54213"/>
                    <a:pt x="44128" y="54234"/>
                    <a:pt x="44044" y="54213"/>
                  </a:cubicBezTo>
                  <a:cubicBezTo>
                    <a:pt x="43919" y="54171"/>
                    <a:pt x="43793" y="54067"/>
                    <a:pt x="43730" y="53920"/>
                  </a:cubicBezTo>
                  <a:cubicBezTo>
                    <a:pt x="43710" y="53858"/>
                    <a:pt x="43793" y="53669"/>
                    <a:pt x="43856" y="53648"/>
                  </a:cubicBezTo>
                  <a:cubicBezTo>
                    <a:pt x="44107" y="53481"/>
                    <a:pt x="44337" y="53355"/>
                    <a:pt x="44567" y="53272"/>
                  </a:cubicBezTo>
                  <a:cubicBezTo>
                    <a:pt x="45342" y="53083"/>
                    <a:pt x="46095" y="52937"/>
                    <a:pt x="46848" y="52770"/>
                  </a:cubicBezTo>
                  <a:cubicBezTo>
                    <a:pt x="47120" y="52728"/>
                    <a:pt x="47371" y="52644"/>
                    <a:pt x="47685" y="52560"/>
                  </a:cubicBezTo>
                  <a:cubicBezTo>
                    <a:pt x="47267" y="51912"/>
                    <a:pt x="47287" y="51221"/>
                    <a:pt x="47225" y="50552"/>
                  </a:cubicBezTo>
                  <a:cubicBezTo>
                    <a:pt x="47225" y="50468"/>
                    <a:pt x="47162" y="50363"/>
                    <a:pt x="47162" y="50301"/>
                  </a:cubicBezTo>
                  <a:cubicBezTo>
                    <a:pt x="46764" y="48355"/>
                    <a:pt x="46325" y="46388"/>
                    <a:pt x="45802" y="44484"/>
                  </a:cubicBezTo>
                  <a:cubicBezTo>
                    <a:pt x="45718" y="44191"/>
                    <a:pt x="45614" y="43919"/>
                    <a:pt x="45488" y="43647"/>
                  </a:cubicBezTo>
                  <a:cubicBezTo>
                    <a:pt x="45258" y="43145"/>
                    <a:pt x="45070" y="42663"/>
                    <a:pt x="44944" y="42140"/>
                  </a:cubicBezTo>
                  <a:cubicBezTo>
                    <a:pt x="44818" y="41575"/>
                    <a:pt x="44630" y="41031"/>
                    <a:pt x="44316" y="40508"/>
                  </a:cubicBezTo>
                  <a:cubicBezTo>
                    <a:pt x="43479" y="40780"/>
                    <a:pt x="42684" y="41052"/>
                    <a:pt x="41889" y="41241"/>
                  </a:cubicBezTo>
                  <a:cubicBezTo>
                    <a:pt x="41052" y="41450"/>
                    <a:pt x="40173" y="41638"/>
                    <a:pt x="39316" y="41722"/>
                  </a:cubicBezTo>
                  <a:cubicBezTo>
                    <a:pt x="38541" y="41659"/>
                    <a:pt x="37704" y="41617"/>
                    <a:pt x="36784" y="41617"/>
                  </a:cubicBezTo>
                  <a:close/>
                  <a:moveTo>
                    <a:pt x="28665" y="61034"/>
                  </a:moveTo>
                  <a:cubicBezTo>
                    <a:pt x="28393" y="60721"/>
                    <a:pt x="28142" y="60386"/>
                    <a:pt x="27828" y="60156"/>
                  </a:cubicBezTo>
                  <a:cubicBezTo>
                    <a:pt x="27473" y="59842"/>
                    <a:pt x="27075" y="59570"/>
                    <a:pt x="26845" y="59151"/>
                  </a:cubicBezTo>
                  <a:cubicBezTo>
                    <a:pt x="26720" y="58921"/>
                    <a:pt x="26448" y="58817"/>
                    <a:pt x="26196" y="58712"/>
                  </a:cubicBezTo>
                  <a:cubicBezTo>
                    <a:pt x="25820" y="58586"/>
                    <a:pt x="25485" y="58419"/>
                    <a:pt x="25192" y="58105"/>
                  </a:cubicBezTo>
                  <a:cubicBezTo>
                    <a:pt x="25004" y="57938"/>
                    <a:pt x="24753" y="57833"/>
                    <a:pt x="24523" y="57666"/>
                  </a:cubicBezTo>
                  <a:cubicBezTo>
                    <a:pt x="24313" y="57540"/>
                    <a:pt x="24062" y="57456"/>
                    <a:pt x="23895" y="57310"/>
                  </a:cubicBezTo>
                  <a:cubicBezTo>
                    <a:pt x="23518" y="56933"/>
                    <a:pt x="23100" y="56808"/>
                    <a:pt x="22598" y="56682"/>
                  </a:cubicBezTo>
                  <a:cubicBezTo>
                    <a:pt x="21489" y="56389"/>
                    <a:pt x="20296" y="56159"/>
                    <a:pt x="19229" y="55678"/>
                  </a:cubicBezTo>
                  <a:cubicBezTo>
                    <a:pt x="18999" y="55573"/>
                    <a:pt x="18706" y="55573"/>
                    <a:pt x="18455" y="55573"/>
                  </a:cubicBezTo>
                  <a:lnTo>
                    <a:pt x="13287" y="55573"/>
                  </a:lnTo>
                  <a:cubicBezTo>
                    <a:pt x="13035" y="55573"/>
                    <a:pt x="12743" y="55594"/>
                    <a:pt x="12491" y="55636"/>
                  </a:cubicBezTo>
                  <a:cubicBezTo>
                    <a:pt x="11466" y="55783"/>
                    <a:pt x="10462" y="55992"/>
                    <a:pt x="9458" y="56159"/>
                  </a:cubicBezTo>
                  <a:cubicBezTo>
                    <a:pt x="8035" y="56327"/>
                    <a:pt x="6758" y="56933"/>
                    <a:pt x="5419" y="57456"/>
                  </a:cubicBezTo>
                  <a:cubicBezTo>
                    <a:pt x="5273" y="58168"/>
                    <a:pt x="5001" y="58796"/>
                    <a:pt x="4561" y="59340"/>
                  </a:cubicBezTo>
                  <a:cubicBezTo>
                    <a:pt x="3871" y="60177"/>
                    <a:pt x="3411" y="61181"/>
                    <a:pt x="2825" y="62081"/>
                  </a:cubicBezTo>
                  <a:cubicBezTo>
                    <a:pt x="2406" y="62771"/>
                    <a:pt x="2239" y="63503"/>
                    <a:pt x="1988" y="64340"/>
                  </a:cubicBezTo>
                  <a:cubicBezTo>
                    <a:pt x="2260" y="64257"/>
                    <a:pt x="2490" y="64257"/>
                    <a:pt x="2657" y="64152"/>
                  </a:cubicBezTo>
                  <a:cubicBezTo>
                    <a:pt x="3243" y="63713"/>
                    <a:pt x="3955" y="63545"/>
                    <a:pt x="4666" y="63420"/>
                  </a:cubicBezTo>
                  <a:cubicBezTo>
                    <a:pt x="5064" y="63336"/>
                    <a:pt x="5419" y="63210"/>
                    <a:pt x="5796" y="63106"/>
                  </a:cubicBezTo>
                  <a:cubicBezTo>
                    <a:pt x="6800" y="62792"/>
                    <a:pt x="7805" y="62499"/>
                    <a:pt x="8851" y="62353"/>
                  </a:cubicBezTo>
                  <a:cubicBezTo>
                    <a:pt x="9499" y="62248"/>
                    <a:pt x="10148" y="62122"/>
                    <a:pt x="10818" y="62039"/>
                  </a:cubicBezTo>
                  <a:cubicBezTo>
                    <a:pt x="11864" y="61871"/>
                    <a:pt x="12910" y="61746"/>
                    <a:pt x="13956" y="61746"/>
                  </a:cubicBezTo>
                  <a:cubicBezTo>
                    <a:pt x="15797" y="61767"/>
                    <a:pt x="17681" y="61767"/>
                    <a:pt x="19543" y="61746"/>
                  </a:cubicBezTo>
                  <a:cubicBezTo>
                    <a:pt x="20547" y="61746"/>
                    <a:pt x="21530" y="61809"/>
                    <a:pt x="22493" y="61976"/>
                  </a:cubicBezTo>
                  <a:cubicBezTo>
                    <a:pt x="22744" y="62039"/>
                    <a:pt x="22974" y="62081"/>
                    <a:pt x="23204" y="62122"/>
                  </a:cubicBezTo>
                  <a:cubicBezTo>
                    <a:pt x="25987" y="62562"/>
                    <a:pt x="28728" y="63022"/>
                    <a:pt x="31427" y="63901"/>
                  </a:cubicBezTo>
                  <a:cubicBezTo>
                    <a:pt x="31553" y="63943"/>
                    <a:pt x="31699" y="63922"/>
                    <a:pt x="31867" y="63922"/>
                  </a:cubicBezTo>
                  <a:cubicBezTo>
                    <a:pt x="31365" y="62646"/>
                    <a:pt x="31030" y="61348"/>
                    <a:pt x="29753" y="60658"/>
                  </a:cubicBezTo>
                  <a:cubicBezTo>
                    <a:pt x="29481" y="60930"/>
                    <a:pt x="29126" y="61034"/>
                    <a:pt x="28665" y="61034"/>
                  </a:cubicBezTo>
                  <a:close/>
                  <a:moveTo>
                    <a:pt x="45195" y="40090"/>
                  </a:moveTo>
                  <a:cubicBezTo>
                    <a:pt x="45258" y="40257"/>
                    <a:pt x="45300" y="40404"/>
                    <a:pt x="45362" y="40529"/>
                  </a:cubicBezTo>
                  <a:cubicBezTo>
                    <a:pt x="45572" y="41115"/>
                    <a:pt x="45760" y="41659"/>
                    <a:pt x="45948" y="42245"/>
                  </a:cubicBezTo>
                  <a:cubicBezTo>
                    <a:pt x="46011" y="42391"/>
                    <a:pt x="46053" y="42580"/>
                    <a:pt x="46137" y="42726"/>
                  </a:cubicBezTo>
                  <a:cubicBezTo>
                    <a:pt x="46597" y="43459"/>
                    <a:pt x="46806" y="44275"/>
                    <a:pt x="46995" y="45091"/>
                  </a:cubicBezTo>
                  <a:cubicBezTo>
                    <a:pt x="47371" y="46513"/>
                    <a:pt x="47706" y="47936"/>
                    <a:pt x="48041" y="49380"/>
                  </a:cubicBezTo>
                  <a:cubicBezTo>
                    <a:pt x="48187" y="49945"/>
                    <a:pt x="48229" y="50552"/>
                    <a:pt x="48250" y="51158"/>
                  </a:cubicBezTo>
                  <a:cubicBezTo>
                    <a:pt x="48313" y="51975"/>
                    <a:pt x="48731" y="52623"/>
                    <a:pt x="49547" y="52937"/>
                  </a:cubicBezTo>
                  <a:cubicBezTo>
                    <a:pt x="49694" y="52979"/>
                    <a:pt x="49903" y="53042"/>
                    <a:pt x="50070" y="52958"/>
                  </a:cubicBezTo>
                  <a:cubicBezTo>
                    <a:pt x="50761" y="52707"/>
                    <a:pt x="51472" y="52498"/>
                    <a:pt x="52163" y="52121"/>
                  </a:cubicBezTo>
                  <a:cubicBezTo>
                    <a:pt x="53000" y="51682"/>
                    <a:pt x="53795" y="51138"/>
                    <a:pt x="54611" y="50614"/>
                  </a:cubicBezTo>
                  <a:cubicBezTo>
                    <a:pt x="55887" y="49778"/>
                    <a:pt x="57142" y="48878"/>
                    <a:pt x="58189" y="47748"/>
                  </a:cubicBezTo>
                  <a:cubicBezTo>
                    <a:pt x="59214" y="46660"/>
                    <a:pt x="59067" y="45404"/>
                    <a:pt x="57958" y="44568"/>
                  </a:cubicBezTo>
                  <a:cubicBezTo>
                    <a:pt x="57896" y="44505"/>
                    <a:pt x="57812" y="44463"/>
                    <a:pt x="57749" y="44400"/>
                  </a:cubicBezTo>
                  <a:cubicBezTo>
                    <a:pt x="56368" y="43396"/>
                    <a:pt x="54820" y="42622"/>
                    <a:pt x="53355" y="41743"/>
                  </a:cubicBezTo>
                  <a:cubicBezTo>
                    <a:pt x="53251" y="41680"/>
                    <a:pt x="53146" y="41638"/>
                    <a:pt x="53021" y="41575"/>
                  </a:cubicBezTo>
                  <a:cubicBezTo>
                    <a:pt x="52100" y="41262"/>
                    <a:pt x="51263" y="40801"/>
                    <a:pt x="50426" y="40299"/>
                  </a:cubicBezTo>
                  <a:cubicBezTo>
                    <a:pt x="49861" y="39964"/>
                    <a:pt x="49254" y="39692"/>
                    <a:pt x="48627" y="39462"/>
                  </a:cubicBezTo>
                  <a:cubicBezTo>
                    <a:pt x="48229" y="39337"/>
                    <a:pt x="47873" y="39127"/>
                    <a:pt x="47455" y="38939"/>
                  </a:cubicBezTo>
                  <a:cubicBezTo>
                    <a:pt x="46743" y="39378"/>
                    <a:pt x="45927" y="39630"/>
                    <a:pt x="45195" y="40090"/>
                  </a:cubicBezTo>
                  <a:close/>
                  <a:moveTo>
                    <a:pt x="33750" y="65198"/>
                  </a:moveTo>
                  <a:cubicBezTo>
                    <a:pt x="33896" y="65198"/>
                    <a:pt x="34001" y="65219"/>
                    <a:pt x="34085" y="65198"/>
                  </a:cubicBezTo>
                  <a:cubicBezTo>
                    <a:pt x="34922" y="64968"/>
                    <a:pt x="35759" y="64696"/>
                    <a:pt x="36533" y="64278"/>
                  </a:cubicBezTo>
                  <a:cubicBezTo>
                    <a:pt x="36888" y="64110"/>
                    <a:pt x="37244" y="63964"/>
                    <a:pt x="37621" y="63838"/>
                  </a:cubicBezTo>
                  <a:cubicBezTo>
                    <a:pt x="39316" y="63231"/>
                    <a:pt x="41094" y="62897"/>
                    <a:pt x="42893" y="62687"/>
                  </a:cubicBezTo>
                  <a:cubicBezTo>
                    <a:pt x="43835" y="62583"/>
                    <a:pt x="44839" y="62562"/>
                    <a:pt x="45781" y="62583"/>
                  </a:cubicBezTo>
                  <a:cubicBezTo>
                    <a:pt x="47392" y="62583"/>
                    <a:pt x="49024" y="62478"/>
                    <a:pt x="50635" y="62687"/>
                  </a:cubicBezTo>
                  <a:cubicBezTo>
                    <a:pt x="51221" y="62771"/>
                    <a:pt x="51765" y="62813"/>
                    <a:pt x="52351" y="62897"/>
                  </a:cubicBezTo>
                  <a:cubicBezTo>
                    <a:pt x="54297" y="63106"/>
                    <a:pt x="56222" y="63441"/>
                    <a:pt x="58042" y="64173"/>
                  </a:cubicBezTo>
                  <a:cubicBezTo>
                    <a:pt x="58314" y="64278"/>
                    <a:pt x="58586" y="64361"/>
                    <a:pt x="58942" y="64466"/>
                  </a:cubicBezTo>
                  <a:cubicBezTo>
                    <a:pt x="58942" y="64319"/>
                    <a:pt x="58942" y="64215"/>
                    <a:pt x="58900" y="64152"/>
                  </a:cubicBezTo>
                  <a:cubicBezTo>
                    <a:pt x="58649" y="63713"/>
                    <a:pt x="58377" y="63273"/>
                    <a:pt x="58105" y="62855"/>
                  </a:cubicBezTo>
                  <a:cubicBezTo>
                    <a:pt x="57603" y="62081"/>
                    <a:pt x="57059" y="61390"/>
                    <a:pt x="56578" y="60595"/>
                  </a:cubicBezTo>
                  <a:cubicBezTo>
                    <a:pt x="56368" y="60260"/>
                    <a:pt x="56138" y="60051"/>
                    <a:pt x="55803" y="59925"/>
                  </a:cubicBezTo>
                  <a:cubicBezTo>
                    <a:pt x="54862" y="59549"/>
                    <a:pt x="53899" y="59130"/>
                    <a:pt x="52937" y="58796"/>
                  </a:cubicBezTo>
                  <a:cubicBezTo>
                    <a:pt x="51681" y="58356"/>
                    <a:pt x="50384" y="58084"/>
                    <a:pt x="49045" y="58063"/>
                  </a:cubicBezTo>
                  <a:cubicBezTo>
                    <a:pt x="47057" y="58042"/>
                    <a:pt x="45070" y="57938"/>
                    <a:pt x="43082" y="58210"/>
                  </a:cubicBezTo>
                  <a:cubicBezTo>
                    <a:pt x="41701" y="58419"/>
                    <a:pt x="40257" y="58503"/>
                    <a:pt x="38897" y="58942"/>
                  </a:cubicBezTo>
                  <a:cubicBezTo>
                    <a:pt x="38541" y="59089"/>
                    <a:pt x="38144" y="59151"/>
                    <a:pt x="37746" y="59214"/>
                  </a:cubicBezTo>
                  <a:cubicBezTo>
                    <a:pt x="37014" y="59298"/>
                    <a:pt x="36344" y="59528"/>
                    <a:pt x="35675" y="59821"/>
                  </a:cubicBezTo>
                  <a:cubicBezTo>
                    <a:pt x="35319" y="59967"/>
                    <a:pt x="34943" y="60135"/>
                    <a:pt x="34587" y="60239"/>
                  </a:cubicBezTo>
                  <a:cubicBezTo>
                    <a:pt x="33938" y="60407"/>
                    <a:pt x="33415" y="60825"/>
                    <a:pt x="32850" y="61181"/>
                  </a:cubicBezTo>
                  <a:cubicBezTo>
                    <a:pt x="32494" y="61411"/>
                    <a:pt x="32327" y="61746"/>
                    <a:pt x="32390" y="62164"/>
                  </a:cubicBezTo>
                  <a:cubicBezTo>
                    <a:pt x="32432" y="62541"/>
                    <a:pt x="32515" y="62876"/>
                    <a:pt x="32641" y="63210"/>
                  </a:cubicBezTo>
                  <a:cubicBezTo>
                    <a:pt x="32829" y="63650"/>
                    <a:pt x="33038" y="64110"/>
                    <a:pt x="33248" y="64529"/>
                  </a:cubicBezTo>
                  <a:cubicBezTo>
                    <a:pt x="33394" y="64738"/>
                    <a:pt x="33582" y="64968"/>
                    <a:pt x="33750" y="65198"/>
                  </a:cubicBezTo>
                  <a:close/>
                  <a:moveTo>
                    <a:pt x="15484" y="49945"/>
                  </a:moveTo>
                  <a:cubicBezTo>
                    <a:pt x="15546" y="49798"/>
                    <a:pt x="15630" y="49610"/>
                    <a:pt x="15672" y="49464"/>
                  </a:cubicBezTo>
                  <a:cubicBezTo>
                    <a:pt x="15839" y="48836"/>
                    <a:pt x="15986" y="48166"/>
                    <a:pt x="16153" y="47539"/>
                  </a:cubicBezTo>
                  <a:cubicBezTo>
                    <a:pt x="16362" y="46785"/>
                    <a:pt x="16697" y="46074"/>
                    <a:pt x="17116" y="45425"/>
                  </a:cubicBezTo>
                  <a:cubicBezTo>
                    <a:pt x="17534" y="44714"/>
                    <a:pt x="17932" y="44024"/>
                    <a:pt x="18141" y="43228"/>
                  </a:cubicBezTo>
                  <a:cubicBezTo>
                    <a:pt x="18204" y="42915"/>
                    <a:pt x="18371" y="42601"/>
                    <a:pt x="18559" y="42350"/>
                  </a:cubicBezTo>
                  <a:cubicBezTo>
                    <a:pt x="20024" y="40257"/>
                    <a:pt x="21133" y="37914"/>
                    <a:pt x="22598" y="35821"/>
                  </a:cubicBezTo>
                  <a:cubicBezTo>
                    <a:pt x="22786" y="35570"/>
                    <a:pt x="22932" y="35277"/>
                    <a:pt x="22932" y="34859"/>
                  </a:cubicBezTo>
                  <a:cubicBezTo>
                    <a:pt x="22619" y="34964"/>
                    <a:pt x="22388" y="35047"/>
                    <a:pt x="22158" y="35152"/>
                  </a:cubicBezTo>
                  <a:cubicBezTo>
                    <a:pt x="20233" y="36031"/>
                    <a:pt x="18434" y="37223"/>
                    <a:pt x="16634" y="38374"/>
                  </a:cubicBezTo>
                  <a:cubicBezTo>
                    <a:pt x="16593" y="38395"/>
                    <a:pt x="16530" y="38437"/>
                    <a:pt x="16509" y="38479"/>
                  </a:cubicBezTo>
                  <a:cubicBezTo>
                    <a:pt x="15588" y="39169"/>
                    <a:pt x="14730" y="39902"/>
                    <a:pt x="13789" y="40571"/>
                  </a:cubicBezTo>
                  <a:cubicBezTo>
                    <a:pt x="12868" y="41220"/>
                    <a:pt x="12094" y="41994"/>
                    <a:pt x="11424" y="42894"/>
                  </a:cubicBezTo>
                  <a:cubicBezTo>
                    <a:pt x="10839" y="43731"/>
                    <a:pt x="10629" y="44484"/>
                    <a:pt x="11299" y="45446"/>
                  </a:cubicBezTo>
                  <a:cubicBezTo>
                    <a:pt x="11885" y="46262"/>
                    <a:pt x="12408" y="47099"/>
                    <a:pt x="12973" y="47915"/>
                  </a:cubicBezTo>
                  <a:cubicBezTo>
                    <a:pt x="13496" y="48648"/>
                    <a:pt x="14521" y="49464"/>
                    <a:pt x="15484" y="49945"/>
                  </a:cubicBezTo>
                  <a:close/>
                  <a:moveTo>
                    <a:pt x="23686" y="44275"/>
                  </a:moveTo>
                  <a:cubicBezTo>
                    <a:pt x="24041" y="46137"/>
                    <a:pt x="24418" y="47957"/>
                    <a:pt x="25087" y="49736"/>
                  </a:cubicBezTo>
                  <a:cubicBezTo>
                    <a:pt x="25276" y="49715"/>
                    <a:pt x="25464" y="49652"/>
                    <a:pt x="25611" y="49631"/>
                  </a:cubicBezTo>
                  <a:cubicBezTo>
                    <a:pt x="25799" y="49610"/>
                    <a:pt x="26008" y="49694"/>
                    <a:pt x="26029" y="49903"/>
                  </a:cubicBezTo>
                  <a:cubicBezTo>
                    <a:pt x="26050" y="50029"/>
                    <a:pt x="26008" y="50217"/>
                    <a:pt x="25904" y="50301"/>
                  </a:cubicBezTo>
                  <a:cubicBezTo>
                    <a:pt x="25694" y="50510"/>
                    <a:pt x="25464" y="50677"/>
                    <a:pt x="25213" y="50866"/>
                  </a:cubicBezTo>
                  <a:cubicBezTo>
                    <a:pt x="25318" y="51619"/>
                    <a:pt x="25360" y="52330"/>
                    <a:pt x="25611" y="53021"/>
                  </a:cubicBezTo>
                  <a:cubicBezTo>
                    <a:pt x="26029" y="54171"/>
                    <a:pt x="26301" y="55343"/>
                    <a:pt x="26322" y="56599"/>
                  </a:cubicBezTo>
                  <a:cubicBezTo>
                    <a:pt x="26992" y="56431"/>
                    <a:pt x="27598" y="56180"/>
                    <a:pt x="28289" y="56117"/>
                  </a:cubicBezTo>
                  <a:cubicBezTo>
                    <a:pt x="28456" y="56117"/>
                    <a:pt x="28645" y="55950"/>
                    <a:pt x="28854" y="55804"/>
                  </a:cubicBezTo>
                  <a:cubicBezTo>
                    <a:pt x="28770" y="55448"/>
                    <a:pt x="28624" y="55071"/>
                    <a:pt x="28624" y="54736"/>
                  </a:cubicBezTo>
                  <a:cubicBezTo>
                    <a:pt x="28624" y="53983"/>
                    <a:pt x="28561" y="53251"/>
                    <a:pt x="28393" y="52519"/>
                  </a:cubicBezTo>
                  <a:cubicBezTo>
                    <a:pt x="28352" y="52372"/>
                    <a:pt x="28352" y="52226"/>
                    <a:pt x="28352" y="52058"/>
                  </a:cubicBezTo>
                  <a:cubicBezTo>
                    <a:pt x="28414" y="51326"/>
                    <a:pt x="28247" y="50635"/>
                    <a:pt x="28121" y="49924"/>
                  </a:cubicBezTo>
                  <a:cubicBezTo>
                    <a:pt x="27912" y="48689"/>
                    <a:pt x="27515" y="47476"/>
                    <a:pt x="27598" y="46179"/>
                  </a:cubicBezTo>
                  <a:cubicBezTo>
                    <a:pt x="27598" y="45990"/>
                    <a:pt x="27556" y="45823"/>
                    <a:pt x="27494" y="45656"/>
                  </a:cubicBezTo>
                  <a:cubicBezTo>
                    <a:pt x="27347" y="45258"/>
                    <a:pt x="27347" y="44840"/>
                    <a:pt x="27347" y="44400"/>
                  </a:cubicBezTo>
                  <a:lnTo>
                    <a:pt x="27347" y="43584"/>
                  </a:lnTo>
                  <a:cubicBezTo>
                    <a:pt x="27305" y="43208"/>
                    <a:pt x="27180" y="43061"/>
                    <a:pt x="26761" y="43061"/>
                  </a:cubicBezTo>
                  <a:cubicBezTo>
                    <a:pt x="26510" y="43061"/>
                    <a:pt x="26238" y="43124"/>
                    <a:pt x="25987" y="43166"/>
                  </a:cubicBezTo>
                  <a:cubicBezTo>
                    <a:pt x="25820" y="43208"/>
                    <a:pt x="25694" y="43270"/>
                    <a:pt x="25569" y="43312"/>
                  </a:cubicBezTo>
                  <a:cubicBezTo>
                    <a:pt x="24836" y="43375"/>
                    <a:pt x="24271" y="43710"/>
                    <a:pt x="23686" y="44275"/>
                  </a:cubicBezTo>
                  <a:close/>
                  <a:moveTo>
                    <a:pt x="25067" y="54276"/>
                  </a:moveTo>
                  <a:cubicBezTo>
                    <a:pt x="24313" y="54485"/>
                    <a:pt x="23853" y="54485"/>
                    <a:pt x="23309" y="54171"/>
                  </a:cubicBezTo>
                  <a:cubicBezTo>
                    <a:pt x="22702" y="53816"/>
                    <a:pt x="22137" y="53439"/>
                    <a:pt x="21572" y="53042"/>
                  </a:cubicBezTo>
                  <a:cubicBezTo>
                    <a:pt x="21321" y="52853"/>
                    <a:pt x="21049" y="52770"/>
                    <a:pt x="20735" y="52832"/>
                  </a:cubicBezTo>
                  <a:cubicBezTo>
                    <a:pt x="20484" y="52874"/>
                    <a:pt x="20191" y="52916"/>
                    <a:pt x="19940" y="52853"/>
                  </a:cubicBezTo>
                  <a:cubicBezTo>
                    <a:pt x="18810" y="52623"/>
                    <a:pt x="17681" y="52456"/>
                    <a:pt x="16634" y="51995"/>
                  </a:cubicBezTo>
                  <a:cubicBezTo>
                    <a:pt x="16446" y="51912"/>
                    <a:pt x="16237" y="51891"/>
                    <a:pt x="16090" y="51828"/>
                  </a:cubicBezTo>
                  <a:cubicBezTo>
                    <a:pt x="15651" y="52309"/>
                    <a:pt x="15881" y="52937"/>
                    <a:pt x="15504" y="53376"/>
                  </a:cubicBezTo>
                  <a:lnTo>
                    <a:pt x="15504" y="54653"/>
                  </a:lnTo>
                  <a:cubicBezTo>
                    <a:pt x="15714" y="54695"/>
                    <a:pt x="15902" y="54715"/>
                    <a:pt x="16111" y="54715"/>
                  </a:cubicBezTo>
                  <a:lnTo>
                    <a:pt x="18643" y="54715"/>
                  </a:lnTo>
                  <a:cubicBezTo>
                    <a:pt x="18936" y="54715"/>
                    <a:pt x="19250" y="54736"/>
                    <a:pt x="19543" y="54841"/>
                  </a:cubicBezTo>
                  <a:cubicBezTo>
                    <a:pt x="20694" y="55301"/>
                    <a:pt x="21886" y="55573"/>
                    <a:pt x="23100" y="55866"/>
                  </a:cubicBezTo>
                  <a:cubicBezTo>
                    <a:pt x="23602" y="55992"/>
                    <a:pt x="24062" y="56117"/>
                    <a:pt x="24439" y="56536"/>
                  </a:cubicBezTo>
                  <a:cubicBezTo>
                    <a:pt x="24774" y="56912"/>
                    <a:pt x="25025" y="56954"/>
                    <a:pt x="25548" y="56975"/>
                  </a:cubicBezTo>
                  <a:cubicBezTo>
                    <a:pt x="25485" y="56306"/>
                    <a:pt x="25297" y="55657"/>
                    <a:pt x="25234" y="54967"/>
                  </a:cubicBezTo>
                  <a:cubicBezTo>
                    <a:pt x="25192" y="54715"/>
                    <a:pt x="25108" y="54506"/>
                    <a:pt x="25067" y="54276"/>
                  </a:cubicBezTo>
                  <a:close/>
                  <a:moveTo>
                    <a:pt x="20714" y="22953"/>
                  </a:moveTo>
                  <a:cubicBezTo>
                    <a:pt x="20777" y="22640"/>
                    <a:pt x="20798" y="22409"/>
                    <a:pt x="20840" y="22158"/>
                  </a:cubicBezTo>
                  <a:cubicBezTo>
                    <a:pt x="20924" y="21886"/>
                    <a:pt x="21007" y="21635"/>
                    <a:pt x="21112" y="21384"/>
                  </a:cubicBezTo>
                  <a:cubicBezTo>
                    <a:pt x="21468" y="20589"/>
                    <a:pt x="21510" y="19710"/>
                    <a:pt x="21447" y="18852"/>
                  </a:cubicBezTo>
                  <a:cubicBezTo>
                    <a:pt x="21405" y="18246"/>
                    <a:pt x="21007" y="17869"/>
                    <a:pt x="20401" y="17869"/>
                  </a:cubicBezTo>
                  <a:cubicBezTo>
                    <a:pt x="20170" y="17869"/>
                    <a:pt x="19940" y="17869"/>
                    <a:pt x="19689" y="17890"/>
                  </a:cubicBezTo>
                  <a:cubicBezTo>
                    <a:pt x="19438" y="17911"/>
                    <a:pt x="19208" y="18078"/>
                    <a:pt x="19208" y="18308"/>
                  </a:cubicBezTo>
                  <a:cubicBezTo>
                    <a:pt x="19166" y="19166"/>
                    <a:pt x="19020" y="20066"/>
                    <a:pt x="19438" y="20861"/>
                  </a:cubicBezTo>
                  <a:cubicBezTo>
                    <a:pt x="19752" y="21489"/>
                    <a:pt x="20150" y="22117"/>
                    <a:pt x="20505" y="22723"/>
                  </a:cubicBezTo>
                  <a:cubicBezTo>
                    <a:pt x="20568" y="22786"/>
                    <a:pt x="20610" y="22828"/>
                    <a:pt x="20714" y="22953"/>
                  </a:cubicBezTo>
                  <a:close/>
                  <a:moveTo>
                    <a:pt x="54088" y="33771"/>
                  </a:moveTo>
                  <a:cubicBezTo>
                    <a:pt x="54485" y="33792"/>
                    <a:pt x="54778" y="33792"/>
                    <a:pt x="55071" y="33792"/>
                  </a:cubicBezTo>
                  <a:cubicBezTo>
                    <a:pt x="56368" y="33792"/>
                    <a:pt x="57331" y="33080"/>
                    <a:pt x="58147" y="32160"/>
                  </a:cubicBezTo>
                  <a:cubicBezTo>
                    <a:pt x="58544" y="31720"/>
                    <a:pt x="58210" y="30884"/>
                    <a:pt x="57624" y="30863"/>
                  </a:cubicBezTo>
                  <a:cubicBezTo>
                    <a:pt x="56954" y="30842"/>
                    <a:pt x="56243" y="30758"/>
                    <a:pt x="55510" y="30863"/>
                  </a:cubicBezTo>
                  <a:cubicBezTo>
                    <a:pt x="55071" y="31804"/>
                    <a:pt x="54611" y="32746"/>
                    <a:pt x="54088" y="33771"/>
                  </a:cubicBezTo>
                  <a:close/>
                  <a:moveTo>
                    <a:pt x="35738" y="41555"/>
                  </a:moveTo>
                  <a:cubicBezTo>
                    <a:pt x="34482" y="41324"/>
                    <a:pt x="33310" y="41073"/>
                    <a:pt x="32160" y="40864"/>
                  </a:cubicBezTo>
                  <a:cubicBezTo>
                    <a:pt x="32097" y="41596"/>
                    <a:pt x="32432" y="41994"/>
                    <a:pt x="33059" y="42182"/>
                  </a:cubicBezTo>
                  <a:cubicBezTo>
                    <a:pt x="33206" y="42224"/>
                    <a:pt x="33352" y="42224"/>
                    <a:pt x="33520" y="42224"/>
                  </a:cubicBezTo>
                  <a:lnTo>
                    <a:pt x="34817" y="42224"/>
                  </a:lnTo>
                  <a:cubicBezTo>
                    <a:pt x="35110" y="41994"/>
                    <a:pt x="35361" y="41806"/>
                    <a:pt x="35738" y="41555"/>
                  </a:cubicBezTo>
                  <a:close/>
                  <a:moveTo>
                    <a:pt x="26887" y="57833"/>
                  </a:moveTo>
                  <a:cubicBezTo>
                    <a:pt x="27222" y="58482"/>
                    <a:pt x="27724" y="58984"/>
                    <a:pt x="28310" y="59402"/>
                  </a:cubicBezTo>
                  <a:cubicBezTo>
                    <a:pt x="28540" y="59256"/>
                    <a:pt x="28728" y="59130"/>
                    <a:pt x="28896" y="59005"/>
                  </a:cubicBezTo>
                  <a:lnTo>
                    <a:pt x="28896" y="57143"/>
                  </a:lnTo>
                  <a:cubicBezTo>
                    <a:pt x="28226" y="57268"/>
                    <a:pt x="27556" y="57268"/>
                    <a:pt x="26887" y="57833"/>
                  </a:cubicBezTo>
                  <a:close/>
                  <a:moveTo>
                    <a:pt x="22472" y="52707"/>
                  </a:moveTo>
                  <a:cubicBezTo>
                    <a:pt x="22974" y="52979"/>
                    <a:pt x="23435" y="53251"/>
                    <a:pt x="23937" y="53544"/>
                  </a:cubicBezTo>
                  <a:cubicBezTo>
                    <a:pt x="24041" y="53586"/>
                    <a:pt x="24167" y="53607"/>
                    <a:pt x="24271" y="53607"/>
                  </a:cubicBezTo>
                  <a:cubicBezTo>
                    <a:pt x="24460" y="53648"/>
                    <a:pt x="24690" y="53376"/>
                    <a:pt x="24690" y="53188"/>
                  </a:cubicBezTo>
                  <a:cubicBezTo>
                    <a:pt x="24669" y="52979"/>
                    <a:pt x="24564" y="52853"/>
                    <a:pt x="24355" y="52853"/>
                  </a:cubicBezTo>
                  <a:cubicBezTo>
                    <a:pt x="23853" y="52874"/>
                    <a:pt x="23435" y="52623"/>
                    <a:pt x="22974" y="52456"/>
                  </a:cubicBezTo>
                  <a:cubicBezTo>
                    <a:pt x="22765" y="52414"/>
                    <a:pt x="22639" y="52456"/>
                    <a:pt x="22472" y="52707"/>
                  </a:cubicBezTo>
                  <a:close/>
                  <a:moveTo>
                    <a:pt x="23497" y="51723"/>
                  </a:moveTo>
                  <a:cubicBezTo>
                    <a:pt x="23832" y="51912"/>
                    <a:pt x="24083" y="52142"/>
                    <a:pt x="24460" y="51891"/>
                  </a:cubicBezTo>
                  <a:cubicBezTo>
                    <a:pt x="24418" y="51682"/>
                    <a:pt x="24376" y="51451"/>
                    <a:pt x="24334" y="51242"/>
                  </a:cubicBezTo>
                  <a:cubicBezTo>
                    <a:pt x="23937" y="51263"/>
                    <a:pt x="23707" y="51389"/>
                    <a:pt x="23497" y="51723"/>
                  </a:cubicBezTo>
                  <a:close/>
                  <a:moveTo>
                    <a:pt x="12596" y="62792"/>
                  </a:moveTo>
                  <a:lnTo>
                    <a:pt x="12596" y="62750"/>
                  </a:lnTo>
                  <a:lnTo>
                    <a:pt x="12199" y="62750"/>
                  </a:lnTo>
                  <a:lnTo>
                    <a:pt x="12199" y="62792"/>
                  </a:ln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9" name="Google Shape;380;p37">
              <a:extLst>
                <a:ext uri="{FF2B5EF4-FFF2-40B4-BE49-F238E27FC236}">
                  <a16:creationId xmlns:a16="http://schemas.microsoft.com/office/drawing/2014/main" id="{CF1CC6E2-1B7C-C2D1-9E2F-6930AD84BEAB}"/>
                </a:ext>
              </a:extLst>
            </p:cNvPr>
            <p:cNvSpPr/>
            <p:nvPr/>
          </p:nvSpPr>
          <p:spPr>
            <a:xfrm>
              <a:off x="-1599125" y="1614225"/>
              <a:ext cx="429475" cy="219725"/>
            </a:xfrm>
            <a:custGeom>
              <a:avLst/>
              <a:gdLst/>
              <a:ahLst/>
              <a:cxnLst/>
              <a:rect l="l" t="t" r="r" b="b"/>
              <a:pathLst>
                <a:path w="17179" h="8789" extrusionOk="0">
                  <a:moveTo>
                    <a:pt x="16970" y="5482"/>
                  </a:moveTo>
                  <a:cubicBezTo>
                    <a:pt x="17179" y="5671"/>
                    <a:pt x="17158" y="5859"/>
                    <a:pt x="17012" y="5985"/>
                  </a:cubicBezTo>
                  <a:cubicBezTo>
                    <a:pt x="16740" y="6299"/>
                    <a:pt x="16447" y="6591"/>
                    <a:pt x="16237" y="6947"/>
                  </a:cubicBezTo>
                  <a:cubicBezTo>
                    <a:pt x="16237" y="6989"/>
                    <a:pt x="16216" y="7010"/>
                    <a:pt x="16175" y="7010"/>
                  </a:cubicBezTo>
                  <a:cubicBezTo>
                    <a:pt x="15170" y="7575"/>
                    <a:pt x="14291" y="8412"/>
                    <a:pt x="13120" y="8705"/>
                  </a:cubicBezTo>
                  <a:cubicBezTo>
                    <a:pt x="12911" y="8747"/>
                    <a:pt x="12701" y="8788"/>
                    <a:pt x="12492" y="8788"/>
                  </a:cubicBezTo>
                  <a:lnTo>
                    <a:pt x="7701" y="8788"/>
                  </a:lnTo>
                  <a:cubicBezTo>
                    <a:pt x="7449" y="8788"/>
                    <a:pt x="7157" y="8747"/>
                    <a:pt x="6885" y="8684"/>
                  </a:cubicBezTo>
                  <a:cubicBezTo>
                    <a:pt x="6529" y="8579"/>
                    <a:pt x="6131" y="8516"/>
                    <a:pt x="5755" y="8495"/>
                  </a:cubicBezTo>
                  <a:cubicBezTo>
                    <a:pt x="5399" y="8475"/>
                    <a:pt x="5043" y="8349"/>
                    <a:pt x="4708" y="8203"/>
                  </a:cubicBezTo>
                  <a:cubicBezTo>
                    <a:pt x="4353" y="8077"/>
                    <a:pt x="4039" y="7889"/>
                    <a:pt x="3725" y="7742"/>
                  </a:cubicBezTo>
                  <a:cubicBezTo>
                    <a:pt x="3160" y="7470"/>
                    <a:pt x="2763" y="7115"/>
                    <a:pt x="2365" y="6591"/>
                  </a:cubicBezTo>
                  <a:cubicBezTo>
                    <a:pt x="1905" y="5964"/>
                    <a:pt x="1403" y="5357"/>
                    <a:pt x="984" y="4708"/>
                  </a:cubicBezTo>
                  <a:cubicBezTo>
                    <a:pt x="231" y="3558"/>
                    <a:pt x="1" y="2281"/>
                    <a:pt x="126" y="921"/>
                  </a:cubicBezTo>
                  <a:cubicBezTo>
                    <a:pt x="147" y="565"/>
                    <a:pt x="356" y="314"/>
                    <a:pt x="566" y="42"/>
                  </a:cubicBezTo>
                  <a:cubicBezTo>
                    <a:pt x="628" y="1"/>
                    <a:pt x="754" y="1"/>
                    <a:pt x="796" y="1"/>
                  </a:cubicBezTo>
                  <a:cubicBezTo>
                    <a:pt x="879" y="21"/>
                    <a:pt x="963" y="105"/>
                    <a:pt x="984" y="189"/>
                  </a:cubicBezTo>
                  <a:cubicBezTo>
                    <a:pt x="1005" y="293"/>
                    <a:pt x="1005" y="419"/>
                    <a:pt x="984" y="524"/>
                  </a:cubicBezTo>
                  <a:cubicBezTo>
                    <a:pt x="545" y="1779"/>
                    <a:pt x="963" y="2909"/>
                    <a:pt x="1507" y="3976"/>
                  </a:cubicBezTo>
                  <a:cubicBezTo>
                    <a:pt x="2009" y="4918"/>
                    <a:pt x="2784" y="5650"/>
                    <a:pt x="3411" y="6487"/>
                  </a:cubicBezTo>
                  <a:cubicBezTo>
                    <a:pt x="3495" y="6571"/>
                    <a:pt x="3600" y="6633"/>
                    <a:pt x="3704" y="6696"/>
                  </a:cubicBezTo>
                  <a:cubicBezTo>
                    <a:pt x="4206" y="6926"/>
                    <a:pt x="4667" y="7156"/>
                    <a:pt x="5169" y="7366"/>
                  </a:cubicBezTo>
                  <a:cubicBezTo>
                    <a:pt x="5273" y="7428"/>
                    <a:pt x="5399" y="7470"/>
                    <a:pt x="5504" y="7470"/>
                  </a:cubicBezTo>
                  <a:cubicBezTo>
                    <a:pt x="6320" y="7575"/>
                    <a:pt x="7115" y="7742"/>
                    <a:pt x="7910" y="7763"/>
                  </a:cubicBezTo>
                  <a:cubicBezTo>
                    <a:pt x="9333" y="7826"/>
                    <a:pt x="10734" y="7763"/>
                    <a:pt x="12157" y="7763"/>
                  </a:cubicBezTo>
                  <a:cubicBezTo>
                    <a:pt x="12973" y="7763"/>
                    <a:pt x="13664" y="7470"/>
                    <a:pt x="14291" y="6989"/>
                  </a:cubicBezTo>
                  <a:cubicBezTo>
                    <a:pt x="14480" y="6822"/>
                    <a:pt x="14689" y="6696"/>
                    <a:pt x="14898" y="6591"/>
                  </a:cubicBezTo>
                  <a:cubicBezTo>
                    <a:pt x="15233" y="6403"/>
                    <a:pt x="15589" y="6257"/>
                    <a:pt x="15819" y="5901"/>
                  </a:cubicBezTo>
                  <a:cubicBezTo>
                    <a:pt x="16133" y="5629"/>
                    <a:pt x="16593" y="5566"/>
                    <a:pt x="16970" y="5482"/>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0" name="Google Shape;381;p37">
              <a:extLst>
                <a:ext uri="{FF2B5EF4-FFF2-40B4-BE49-F238E27FC236}">
                  <a16:creationId xmlns:a16="http://schemas.microsoft.com/office/drawing/2014/main" id="{346B982A-2505-2FEC-5DFF-0D82D752424D}"/>
                </a:ext>
              </a:extLst>
            </p:cNvPr>
            <p:cNvSpPr/>
            <p:nvPr/>
          </p:nvSpPr>
          <p:spPr>
            <a:xfrm>
              <a:off x="-1261200" y="1599050"/>
              <a:ext cx="39250" cy="46575"/>
            </a:xfrm>
            <a:custGeom>
              <a:avLst/>
              <a:gdLst/>
              <a:ahLst/>
              <a:cxnLst/>
              <a:rect l="l" t="t" r="r" b="b"/>
              <a:pathLst>
                <a:path w="1570" h="1863" extrusionOk="0">
                  <a:moveTo>
                    <a:pt x="1570" y="817"/>
                  </a:moveTo>
                  <a:cubicBezTo>
                    <a:pt x="1570" y="1361"/>
                    <a:pt x="1235" y="1758"/>
                    <a:pt x="774" y="1842"/>
                  </a:cubicBezTo>
                  <a:cubicBezTo>
                    <a:pt x="523" y="1863"/>
                    <a:pt x="314" y="1800"/>
                    <a:pt x="147" y="1570"/>
                  </a:cubicBezTo>
                  <a:cubicBezTo>
                    <a:pt x="21" y="1382"/>
                    <a:pt x="0" y="1152"/>
                    <a:pt x="105" y="963"/>
                  </a:cubicBezTo>
                  <a:cubicBezTo>
                    <a:pt x="293" y="712"/>
                    <a:pt x="502" y="440"/>
                    <a:pt x="754" y="231"/>
                  </a:cubicBezTo>
                  <a:cubicBezTo>
                    <a:pt x="1046" y="1"/>
                    <a:pt x="1402" y="147"/>
                    <a:pt x="1507" y="524"/>
                  </a:cubicBezTo>
                  <a:cubicBezTo>
                    <a:pt x="1549" y="628"/>
                    <a:pt x="1549" y="733"/>
                    <a:pt x="1570" y="817"/>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1" name="Google Shape;382;p37">
              <a:extLst>
                <a:ext uri="{FF2B5EF4-FFF2-40B4-BE49-F238E27FC236}">
                  <a16:creationId xmlns:a16="http://schemas.microsoft.com/office/drawing/2014/main" id="{FE17B33A-F58F-4D9E-C9E8-6CD958AF7D4A}"/>
                </a:ext>
              </a:extLst>
            </p:cNvPr>
            <p:cNvSpPr/>
            <p:nvPr/>
          </p:nvSpPr>
          <p:spPr>
            <a:xfrm>
              <a:off x="-1527450" y="1533150"/>
              <a:ext cx="41350" cy="38725"/>
            </a:xfrm>
            <a:custGeom>
              <a:avLst/>
              <a:gdLst/>
              <a:ahLst/>
              <a:cxnLst/>
              <a:rect l="l" t="t" r="r" b="b"/>
              <a:pathLst>
                <a:path w="1654" h="1549" extrusionOk="0">
                  <a:moveTo>
                    <a:pt x="649" y="21"/>
                  </a:moveTo>
                  <a:cubicBezTo>
                    <a:pt x="1151" y="0"/>
                    <a:pt x="1402" y="84"/>
                    <a:pt x="1507" y="356"/>
                  </a:cubicBezTo>
                  <a:cubicBezTo>
                    <a:pt x="1611" y="649"/>
                    <a:pt x="1653" y="963"/>
                    <a:pt x="1465" y="1235"/>
                  </a:cubicBezTo>
                  <a:cubicBezTo>
                    <a:pt x="1381" y="1339"/>
                    <a:pt x="1235" y="1402"/>
                    <a:pt x="1088" y="1444"/>
                  </a:cubicBezTo>
                  <a:cubicBezTo>
                    <a:pt x="461" y="1549"/>
                    <a:pt x="0" y="1130"/>
                    <a:pt x="0" y="461"/>
                  </a:cubicBezTo>
                  <a:cubicBezTo>
                    <a:pt x="0" y="356"/>
                    <a:pt x="126" y="189"/>
                    <a:pt x="230" y="126"/>
                  </a:cubicBezTo>
                  <a:cubicBezTo>
                    <a:pt x="440" y="21"/>
                    <a:pt x="649" y="21"/>
                    <a:pt x="649" y="21"/>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2" name="Google Shape;383;p37">
              <a:extLst>
                <a:ext uri="{FF2B5EF4-FFF2-40B4-BE49-F238E27FC236}">
                  <a16:creationId xmlns:a16="http://schemas.microsoft.com/office/drawing/2014/main" id="{78F56BE3-A348-F92F-BFD9-A39924A9E458}"/>
                </a:ext>
              </a:extLst>
            </p:cNvPr>
            <p:cNvSpPr/>
            <p:nvPr/>
          </p:nvSpPr>
          <p:spPr>
            <a:xfrm flipH="1">
              <a:off x="-590075" y="1442125"/>
              <a:ext cx="257900" cy="310750"/>
            </a:xfrm>
            <a:custGeom>
              <a:avLst/>
              <a:gdLst/>
              <a:ahLst/>
              <a:cxnLst/>
              <a:rect l="l" t="t" r="r" b="b"/>
              <a:pathLst>
                <a:path w="10316" h="12430" extrusionOk="0">
                  <a:moveTo>
                    <a:pt x="4624" y="168"/>
                  </a:moveTo>
                  <a:cubicBezTo>
                    <a:pt x="3934" y="1110"/>
                    <a:pt x="3453" y="2114"/>
                    <a:pt x="3118" y="3223"/>
                  </a:cubicBezTo>
                  <a:cubicBezTo>
                    <a:pt x="3034" y="3516"/>
                    <a:pt x="2929" y="3830"/>
                    <a:pt x="2929" y="4144"/>
                  </a:cubicBezTo>
                  <a:cubicBezTo>
                    <a:pt x="2909" y="5294"/>
                    <a:pt x="2909" y="6403"/>
                    <a:pt x="2888" y="7554"/>
                  </a:cubicBezTo>
                  <a:cubicBezTo>
                    <a:pt x="2888" y="7993"/>
                    <a:pt x="2992" y="8370"/>
                    <a:pt x="3327" y="8663"/>
                  </a:cubicBezTo>
                  <a:cubicBezTo>
                    <a:pt x="3536" y="8830"/>
                    <a:pt x="3725" y="9040"/>
                    <a:pt x="3892" y="9228"/>
                  </a:cubicBezTo>
                  <a:cubicBezTo>
                    <a:pt x="4352" y="9730"/>
                    <a:pt x="4813" y="10170"/>
                    <a:pt x="5566" y="10065"/>
                  </a:cubicBezTo>
                  <a:cubicBezTo>
                    <a:pt x="5629" y="10065"/>
                    <a:pt x="5712" y="10065"/>
                    <a:pt x="5775" y="10086"/>
                  </a:cubicBezTo>
                  <a:cubicBezTo>
                    <a:pt x="7114" y="10609"/>
                    <a:pt x="8432" y="10462"/>
                    <a:pt x="9730" y="9960"/>
                  </a:cubicBezTo>
                  <a:cubicBezTo>
                    <a:pt x="9855" y="9918"/>
                    <a:pt x="10002" y="9877"/>
                    <a:pt x="10127" y="9835"/>
                  </a:cubicBezTo>
                  <a:cubicBezTo>
                    <a:pt x="10148" y="9835"/>
                    <a:pt x="10169" y="9835"/>
                    <a:pt x="10315" y="9877"/>
                  </a:cubicBezTo>
                  <a:cubicBezTo>
                    <a:pt x="10211" y="9981"/>
                    <a:pt x="10148" y="10086"/>
                    <a:pt x="10064" y="10149"/>
                  </a:cubicBezTo>
                  <a:cubicBezTo>
                    <a:pt x="9018" y="10902"/>
                    <a:pt x="7867" y="11446"/>
                    <a:pt x="6696" y="11948"/>
                  </a:cubicBezTo>
                  <a:cubicBezTo>
                    <a:pt x="5838" y="12325"/>
                    <a:pt x="4896" y="12429"/>
                    <a:pt x="3955" y="12157"/>
                  </a:cubicBezTo>
                  <a:cubicBezTo>
                    <a:pt x="3515" y="12032"/>
                    <a:pt x="3097" y="11948"/>
                    <a:pt x="2637" y="11843"/>
                  </a:cubicBezTo>
                  <a:cubicBezTo>
                    <a:pt x="1988" y="11697"/>
                    <a:pt x="1444" y="11341"/>
                    <a:pt x="1067" y="10755"/>
                  </a:cubicBezTo>
                  <a:cubicBezTo>
                    <a:pt x="712" y="10170"/>
                    <a:pt x="230" y="9646"/>
                    <a:pt x="105" y="8914"/>
                  </a:cubicBezTo>
                  <a:cubicBezTo>
                    <a:pt x="84" y="8684"/>
                    <a:pt x="0" y="8454"/>
                    <a:pt x="21" y="8224"/>
                  </a:cubicBezTo>
                  <a:cubicBezTo>
                    <a:pt x="168" y="6696"/>
                    <a:pt x="272" y="5148"/>
                    <a:pt x="795" y="3725"/>
                  </a:cubicBezTo>
                  <a:cubicBezTo>
                    <a:pt x="1318" y="2260"/>
                    <a:pt x="2260" y="1047"/>
                    <a:pt x="3620" y="231"/>
                  </a:cubicBezTo>
                  <a:cubicBezTo>
                    <a:pt x="3955" y="84"/>
                    <a:pt x="4269" y="1"/>
                    <a:pt x="4624" y="168"/>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33" name="Google Shape;384;p37">
              <a:extLst>
                <a:ext uri="{FF2B5EF4-FFF2-40B4-BE49-F238E27FC236}">
                  <a16:creationId xmlns:a16="http://schemas.microsoft.com/office/drawing/2014/main" id="{A7AA9944-44ED-A8B5-08D7-735FD662DF97}"/>
                </a:ext>
              </a:extLst>
            </p:cNvPr>
            <p:cNvSpPr/>
            <p:nvPr/>
          </p:nvSpPr>
          <p:spPr>
            <a:xfrm flipH="1">
              <a:off x="-640300" y="1431675"/>
              <a:ext cx="339000" cy="350475"/>
            </a:xfrm>
            <a:custGeom>
              <a:avLst/>
              <a:gdLst/>
              <a:ahLst/>
              <a:cxnLst/>
              <a:rect l="l" t="t" r="r" b="b"/>
              <a:pathLst>
                <a:path w="13560" h="14019" extrusionOk="0">
                  <a:moveTo>
                    <a:pt x="7324" y="523"/>
                  </a:moveTo>
                  <a:cubicBezTo>
                    <a:pt x="6424" y="1172"/>
                    <a:pt x="6382" y="1214"/>
                    <a:pt x="6006" y="2197"/>
                  </a:cubicBezTo>
                  <a:cubicBezTo>
                    <a:pt x="5524" y="3327"/>
                    <a:pt x="5169" y="4478"/>
                    <a:pt x="5273" y="5733"/>
                  </a:cubicBezTo>
                  <a:cubicBezTo>
                    <a:pt x="5315" y="6298"/>
                    <a:pt x="5294" y="6905"/>
                    <a:pt x="5273" y="7512"/>
                  </a:cubicBezTo>
                  <a:cubicBezTo>
                    <a:pt x="5232" y="7930"/>
                    <a:pt x="5336" y="8244"/>
                    <a:pt x="5692" y="8537"/>
                  </a:cubicBezTo>
                  <a:cubicBezTo>
                    <a:pt x="5901" y="8704"/>
                    <a:pt x="6068" y="8914"/>
                    <a:pt x="6278" y="9102"/>
                  </a:cubicBezTo>
                  <a:cubicBezTo>
                    <a:pt x="6382" y="9186"/>
                    <a:pt x="6529" y="9290"/>
                    <a:pt x="6633" y="9311"/>
                  </a:cubicBezTo>
                  <a:cubicBezTo>
                    <a:pt x="7575" y="9437"/>
                    <a:pt x="8517" y="9834"/>
                    <a:pt x="9479" y="9625"/>
                  </a:cubicBezTo>
                  <a:cubicBezTo>
                    <a:pt x="10211" y="9479"/>
                    <a:pt x="10923" y="9186"/>
                    <a:pt x="11634" y="8976"/>
                  </a:cubicBezTo>
                  <a:cubicBezTo>
                    <a:pt x="12136" y="8809"/>
                    <a:pt x="12639" y="8663"/>
                    <a:pt x="13141" y="8537"/>
                  </a:cubicBezTo>
                  <a:cubicBezTo>
                    <a:pt x="13245" y="8495"/>
                    <a:pt x="13371" y="8579"/>
                    <a:pt x="13559" y="8600"/>
                  </a:cubicBezTo>
                  <a:cubicBezTo>
                    <a:pt x="13329" y="9792"/>
                    <a:pt x="12722" y="10671"/>
                    <a:pt x="11927" y="11466"/>
                  </a:cubicBezTo>
                  <a:cubicBezTo>
                    <a:pt x="11383" y="12010"/>
                    <a:pt x="10776" y="12450"/>
                    <a:pt x="10065" y="12764"/>
                  </a:cubicBezTo>
                  <a:cubicBezTo>
                    <a:pt x="9270" y="13119"/>
                    <a:pt x="8496" y="13621"/>
                    <a:pt x="7596" y="13810"/>
                  </a:cubicBezTo>
                  <a:cubicBezTo>
                    <a:pt x="7073" y="13914"/>
                    <a:pt x="6571" y="14019"/>
                    <a:pt x="6048" y="13977"/>
                  </a:cubicBezTo>
                  <a:cubicBezTo>
                    <a:pt x="4771" y="13810"/>
                    <a:pt x="3516" y="13601"/>
                    <a:pt x="2386" y="12952"/>
                  </a:cubicBezTo>
                  <a:cubicBezTo>
                    <a:pt x="1988" y="12722"/>
                    <a:pt x="1654" y="12429"/>
                    <a:pt x="1423" y="12031"/>
                  </a:cubicBezTo>
                  <a:cubicBezTo>
                    <a:pt x="1172" y="11634"/>
                    <a:pt x="900" y="11299"/>
                    <a:pt x="691" y="10901"/>
                  </a:cubicBezTo>
                  <a:cubicBezTo>
                    <a:pt x="210" y="10127"/>
                    <a:pt x="1" y="9269"/>
                    <a:pt x="126" y="8328"/>
                  </a:cubicBezTo>
                  <a:cubicBezTo>
                    <a:pt x="294" y="6926"/>
                    <a:pt x="503" y="5566"/>
                    <a:pt x="900" y="4248"/>
                  </a:cubicBezTo>
                  <a:cubicBezTo>
                    <a:pt x="1047" y="3745"/>
                    <a:pt x="1214" y="3264"/>
                    <a:pt x="1549" y="2846"/>
                  </a:cubicBezTo>
                  <a:cubicBezTo>
                    <a:pt x="1779" y="2574"/>
                    <a:pt x="1988" y="2218"/>
                    <a:pt x="2198" y="1904"/>
                  </a:cubicBezTo>
                  <a:cubicBezTo>
                    <a:pt x="2595" y="1339"/>
                    <a:pt x="3139" y="921"/>
                    <a:pt x="3746" y="544"/>
                  </a:cubicBezTo>
                  <a:cubicBezTo>
                    <a:pt x="4562" y="21"/>
                    <a:pt x="5441" y="0"/>
                    <a:pt x="6341" y="84"/>
                  </a:cubicBezTo>
                  <a:cubicBezTo>
                    <a:pt x="6445" y="84"/>
                    <a:pt x="6550" y="105"/>
                    <a:pt x="6613" y="168"/>
                  </a:cubicBezTo>
                  <a:cubicBezTo>
                    <a:pt x="6843" y="230"/>
                    <a:pt x="7052" y="377"/>
                    <a:pt x="7324" y="523"/>
                  </a:cubicBezTo>
                  <a:close/>
                  <a:moveTo>
                    <a:pt x="5859" y="586"/>
                  </a:moveTo>
                  <a:cubicBezTo>
                    <a:pt x="5483" y="419"/>
                    <a:pt x="5169" y="481"/>
                    <a:pt x="4876" y="649"/>
                  </a:cubicBezTo>
                  <a:cubicBezTo>
                    <a:pt x="3516" y="1486"/>
                    <a:pt x="2595" y="2699"/>
                    <a:pt x="2051" y="4143"/>
                  </a:cubicBezTo>
                  <a:cubicBezTo>
                    <a:pt x="1528" y="5566"/>
                    <a:pt x="1403" y="7114"/>
                    <a:pt x="1298" y="8642"/>
                  </a:cubicBezTo>
                  <a:cubicBezTo>
                    <a:pt x="1256" y="8872"/>
                    <a:pt x="1340" y="9102"/>
                    <a:pt x="1361" y="9332"/>
                  </a:cubicBezTo>
                  <a:cubicBezTo>
                    <a:pt x="1465" y="10044"/>
                    <a:pt x="1967" y="10567"/>
                    <a:pt x="2344" y="11173"/>
                  </a:cubicBezTo>
                  <a:cubicBezTo>
                    <a:pt x="2700" y="11780"/>
                    <a:pt x="3244" y="12115"/>
                    <a:pt x="3913" y="12261"/>
                  </a:cubicBezTo>
                  <a:cubicBezTo>
                    <a:pt x="4353" y="12366"/>
                    <a:pt x="4792" y="12471"/>
                    <a:pt x="5211" y="12575"/>
                  </a:cubicBezTo>
                  <a:cubicBezTo>
                    <a:pt x="6152" y="12847"/>
                    <a:pt x="7094" y="12764"/>
                    <a:pt x="7952" y="12366"/>
                  </a:cubicBezTo>
                  <a:cubicBezTo>
                    <a:pt x="9144" y="11864"/>
                    <a:pt x="10295" y="11299"/>
                    <a:pt x="11341" y="10567"/>
                  </a:cubicBezTo>
                  <a:cubicBezTo>
                    <a:pt x="11404" y="10504"/>
                    <a:pt x="11467" y="10399"/>
                    <a:pt x="11571" y="10295"/>
                  </a:cubicBezTo>
                  <a:cubicBezTo>
                    <a:pt x="11467" y="10274"/>
                    <a:pt x="11404" y="10253"/>
                    <a:pt x="11383" y="10253"/>
                  </a:cubicBezTo>
                  <a:cubicBezTo>
                    <a:pt x="11258" y="10274"/>
                    <a:pt x="11132" y="10336"/>
                    <a:pt x="10986" y="10378"/>
                  </a:cubicBezTo>
                  <a:cubicBezTo>
                    <a:pt x="9688" y="10880"/>
                    <a:pt x="8370" y="11027"/>
                    <a:pt x="7052" y="10504"/>
                  </a:cubicBezTo>
                  <a:cubicBezTo>
                    <a:pt x="6989" y="10483"/>
                    <a:pt x="6905" y="10462"/>
                    <a:pt x="6843" y="10483"/>
                  </a:cubicBezTo>
                  <a:cubicBezTo>
                    <a:pt x="6068" y="10588"/>
                    <a:pt x="5608" y="10148"/>
                    <a:pt x="5169" y="9646"/>
                  </a:cubicBezTo>
                  <a:cubicBezTo>
                    <a:pt x="4980" y="9437"/>
                    <a:pt x="4792" y="9269"/>
                    <a:pt x="4583" y="9081"/>
                  </a:cubicBezTo>
                  <a:cubicBezTo>
                    <a:pt x="4248" y="8788"/>
                    <a:pt x="4123" y="8432"/>
                    <a:pt x="4144" y="7972"/>
                  </a:cubicBezTo>
                  <a:cubicBezTo>
                    <a:pt x="4164" y="6821"/>
                    <a:pt x="4144" y="5712"/>
                    <a:pt x="4185" y="4562"/>
                  </a:cubicBezTo>
                  <a:cubicBezTo>
                    <a:pt x="4185" y="4248"/>
                    <a:pt x="4290" y="3955"/>
                    <a:pt x="4374" y="3641"/>
                  </a:cubicBezTo>
                  <a:cubicBezTo>
                    <a:pt x="4688" y="2532"/>
                    <a:pt x="5190" y="1528"/>
                    <a:pt x="5859" y="586"/>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
        <p:nvSpPr>
          <p:cNvPr id="34" name="Bong bóng Ý nghĩ: Hình đám mây 33">
            <a:extLst>
              <a:ext uri="{FF2B5EF4-FFF2-40B4-BE49-F238E27FC236}">
                <a16:creationId xmlns:a16="http://schemas.microsoft.com/office/drawing/2014/main" id="{6512E2BA-8608-138D-7B4E-EB7302CE9A9A}"/>
              </a:ext>
            </a:extLst>
          </p:cNvPr>
          <p:cNvSpPr/>
          <p:nvPr/>
        </p:nvSpPr>
        <p:spPr>
          <a:xfrm>
            <a:off x="4260424" y="1847589"/>
            <a:ext cx="5735638" cy="2919547"/>
          </a:xfrm>
          <a:prstGeom prst="cloudCallout">
            <a:avLst>
              <a:gd name="adj1" fmla="val -66999"/>
              <a:gd name="adj2" fmla="val 29320"/>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vi-VN" sz="3200">
                <a:solidFill>
                  <a:schemeClr val="tx1"/>
                </a:solidFill>
                <a:latin typeface="+mj-lt"/>
              </a:rPr>
              <a:t>Kể tên một số Website mà nhóm tìm được. Ghi rõ địa chỉ của Website đó.</a:t>
            </a:r>
            <a:endParaRPr lang="en-US" sz="3200">
              <a:solidFill>
                <a:schemeClr val="tx1"/>
              </a:solidFill>
              <a:latin typeface="+mj-lt"/>
            </a:endParaRPr>
          </a:p>
        </p:txBody>
      </p:sp>
      <p:pic>
        <p:nvPicPr>
          <p:cNvPr id="35" name="Hình ảnh 34" descr="Ảnh có chứa Phông chữ, Đồ họa, văn bản, thiết kế đồ họa&#10;&#10;Mô tả được tạo tự động">
            <a:extLst>
              <a:ext uri="{FF2B5EF4-FFF2-40B4-BE49-F238E27FC236}">
                <a16:creationId xmlns:a16="http://schemas.microsoft.com/office/drawing/2014/main" id="{7EDF4449-C616-FA0C-B420-F71BF25E1A5F}"/>
              </a:ext>
            </a:extLst>
          </p:cNvPr>
          <p:cNvPicPr>
            <a:picLocks noChangeAspect="1"/>
          </p:cNvPicPr>
          <p:nvPr/>
        </p:nvPicPr>
        <p:blipFill>
          <a:blip r:embed="rId6"/>
          <a:stretch>
            <a:fillRect/>
          </a:stretch>
        </p:blipFill>
        <p:spPr>
          <a:xfrm>
            <a:off x="831060" y="1769958"/>
            <a:ext cx="3270418" cy="1663786"/>
          </a:xfrm>
          <a:prstGeom prst="rect">
            <a:avLst/>
          </a:prstGeom>
        </p:spPr>
      </p:pic>
      <p:pic>
        <p:nvPicPr>
          <p:cNvPr id="2" name="NoiVongTayLon-HoQuangHieuThuyKhanh-3614204 (mp3cut.net)">
            <a:hlinkClick r:id="" action="ppaction://media"/>
            <a:extLst>
              <a:ext uri="{FF2B5EF4-FFF2-40B4-BE49-F238E27FC236}">
                <a16:creationId xmlns:a16="http://schemas.microsoft.com/office/drawing/2014/main" id="{5691B1B4-ACD7-C164-D6C5-F565C64C358D}"/>
              </a:ext>
            </a:extLst>
          </p:cNvPr>
          <p:cNvPicPr>
            <a:picLocks noChangeAspect="1"/>
          </p:cNvPicPr>
          <p:nvPr>
            <a:audioFile r:link="rId3"/>
            <p:extLst>
              <p:ext uri="{DAA4B4D4-6D71-4841-9C94-3DE7FCFB9230}">
                <p14:media xmlns:p14="http://schemas.microsoft.com/office/powerpoint/2010/main" r:embed="rId2"/>
              </p:ext>
            </p:extLst>
          </p:nvPr>
        </p:nvPicPr>
        <p:blipFill>
          <a:blip r:embed="rId7"/>
          <a:stretch>
            <a:fillRect/>
          </a:stretch>
        </p:blipFill>
        <p:spPr>
          <a:xfrm>
            <a:off x="9792862" y="5799763"/>
            <a:ext cx="406400" cy="406400"/>
          </a:xfrm>
          <a:prstGeom prst="rect">
            <a:avLst/>
          </a:prstGeom>
        </p:spPr>
      </p:pic>
    </p:spTree>
    <p:custDataLst>
      <p:tags r:id="rId1"/>
    </p:custDataLst>
    <p:extLst>
      <p:ext uri="{BB962C8B-B14F-4D97-AF65-F5344CB8AC3E}">
        <p14:creationId xmlns:p14="http://schemas.microsoft.com/office/powerpoint/2010/main" val="2571998655"/>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22488"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Hình ảnh 2" descr="Ảnh có chứa cậu bé, văn bản, trang phục, phim hoạt hình&#10;&#10;Mô tả được tạo tự động">
            <a:extLst>
              <a:ext uri="{FF2B5EF4-FFF2-40B4-BE49-F238E27FC236}">
                <a16:creationId xmlns:a16="http://schemas.microsoft.com/office/drawing/2014/main" id="{241E6857-8D03-B09D-9F52-68170CE730FE}"/>
              </a:ext>
            </a:extLst>
          </p:cNvPr>
          <p:cNvPicPr>
            <a:picLocks noChangeAspect="1"/>
          </p:cNvPicPr>
          <p:nvPr/>
        </p:nvPicPr>
        <p:blipFill>
          <a:blip r:embed="rId6"/>
          <a:stretch>
            <a:fillRect/>
          </a:stretch>
        </p:blipFill>
        <p:spPr>
          <a:xfrm>
            <a:off x="482907" y="203200"/>
            <a:ext cx="9958528" cy="5786496"/>
          </a:xfrm>
          <a:prstGeom prst="rect">
            <a:avLst/>
          </a:prstGeom>
          <a:ln>
            <a:noFill/>
          </a:ln>
          <a:effectLst>
            <a:softEdge rad="112500"/>
          </a:effectLst>
        </p:spPr>
      </p:pic>
      <p:pic>
        <p:nvPicPr>
          <p:cNvPr id="5" name="Hình ảnh 4" descr="Ảnh có chứa khối lập phương&#10;&#10;Mô tả được tạo tự động">
            <a:extLst>
              <a:ext uri="{FF2B5EF4-FFF2-40B4-BE49-F238E27FC236}">
                <a16:creationId xmlns:a16="http://schemas.microsoft.com/office/drawing/2014/main" id="{254B5B76-A4AA-4FD6-BB3D-3B78EA22AE3D}"/>
              </a:ext>
            </a:extLst>
          </p:cNvPr>
          <p:cNvPicPr>
            <a:picLocks noChangeAspect="1"/>
          </p:cNvPicPr>
          <p:nvPr/>
        </p:nvPicPr>
        <p:blipFill>
          <a:blip r:embed="rId7"/>
          <a:stretch>
            <a:fillRect/>
          </a:stretch>
        </p:blipFill>
        <p:spPr>
          <a:xfrm>
            <a:off x="3604850" y="523052"/>
            <a:ext cx="3714641" cy="2573396"/>
          </a:xfrm>
          <a:prstGeom prst="rect">
            <a:avLst/>
          </a:prstGeom>
        </p:spPr>
      </p:pic>
      <p:pic>
        <p:nvPicPr>
          <p:cNvPr id="8" name="y2mate (mp3cut.net)">
            <a:hlinkClick r:id="" action="ppaction://media"/>
            <a:extLst>
              <a:ext uri="{FF2B5EF4-FFF2-40B4-BE49-F238E27FC236}">
                <a16:creationId xmlns:a16="http://schemas.microsoft.com/office/drawing/2014/main" id="{C36722D7-3CFC-497D-D9B3-8ABF7D22F4C9}"/>
              </a:ext>
            </a:extLst>
          </p:cNvPr>
          <p:cNvPicPr>
            <a:picLocks noChangeAspect="1"/>
          </p:cNvPicPr>
          <p:nvPr>
            <a:audioFile r:link="rId3"/>
            <p:extLst>
              <p:ext uri="{DAA4B4D4-6D71-4841-9C94-3DE7FCFB9230}">
                <p14:media xmlns:p14="http://schemas.microsoft.com/office/powerpoint/2010/main" r:embed="rId2"/>
              </p:ext>
            </p:extLst>
          </p:nvPr>
        </p:nvPicPr>
        <p:blipFill>
          <a:blip r:embed="rId8"/>
          <a:stretch>
            <a:fillRect/>
          </a:stretch>
        </p:blipFill>
        <p:spPr>
          <a:xfrm>
            <a:off x="205928" y="5139103"/>
            <a:ext cx="850593" cy="850593"/>
          </a:xfrm>
          <a:prstGeom prst="rect">
            <a:avLst/>
          </a:prstGeom>
        </p:spPr>
      </p:pic>
    </p:spTree>
    <p:custDataLst>
      <p:tags r:id="rId1"/>
    </p:custDataLst>
    <p:extLst>
      <p:ext uri="{BB962C8B-B14F-4D97-AF65-F5344CB8AC3E}">
        <p14:creationId xmlns:p14="http://schemas.microsoft.com/office/powerpoint/2010/main" val="4062456181"/>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30511" fill="hold"/>
                                        <p:tgtEl>
                                          <p:spTgt spid="8"/>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100000">
                <p:cTn id="7" fill="hold" display="0">
                  <p:stCondLst>
                    <p:cond delay="indefinite"/>
                  </p:stCondLst>
                  <p:endCondLst>
                    <p:cond evt="onStopAudio" delay="0">
                      <p:tgtEl>
                        <p:sldTgt/>
                      </p:tgtEl>
                    </p:cond>
                  </p:endCondLst>
                </p:cTn>
                <p:tgtEl>
                  <p:spTgt spid="8"/>
                </p:tgtEl>
              </p:cMediaNode>
            </p:audio>
          </p:childTnLst>
        </p:cTn>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358"/>
        <p:cNvGrpSpPr/>
        <p:nvPr/>
      </p:nvGrpSpPr>
      <p:grpSpPr>
        <a:xfrm>
          <a:off x="0" y="0"/>
          <a:ext cx="0" cy="0"/>
          <a:chOff x="0" y="0"/>
          <a:chExt cx="0" cy="0"/>
        </a:xfrm>
      </p:grpSpPr>
      <p:sp>
        <p:nvSpPr>
          <p:cNvPr id="6" name="Rectangle 5">
            <a:extLst>
              <a:ext uri="{FF2B5EF4-FFF2-40B4-BE49-F238E27FC236}">
                <a16:creationId xmlns:a16="http://schemas.microsoft.com/office/drawing/2014/main" id="{88B54ABD-8F1B-4B9A-A322-AB0A1ADD05C1}"/>
              </a:ext>
            </a:extLst>
          </p:cNvPr>
          <p:cNvSpPr/>
          <p:nvPr/>
        </p:nvSpPr>
        <p:spPr>
          <a:xfrm>
            <a:off x="-137738" y="162580"/>
            <a:ext cx="10719089" cy="923330"/>
          </a:xfrm>
          <a:prstGeom prst="rect">
            <a:avLst/>
          </a:prstGeom>
          <a:noFill/>
        </p:spPr>
        <p:txBody>
          <a:bodyPr wrap="square" lIns="91440" tIns="45720" rIns="91440" bIns="45720">
            <a:spAutoFit/>
          </a:bodyPr>
          <a:lstStyle/>
          <a:p>
            <a:pPr algn="ctr"/>
            <a:r>
              <a:rPr lang="en-US" sz="5400" b="1" cap="none" spc="0" err="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Bài</a:t>
            </a:r>
            <a:r>
              <a:rPr lang="en-US"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 </a:t>
            </a:r>
            <a:r>
              <a:rPr lang="vi-VN"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1: Thông tin trên web</a:t>
            </a:r>
            <a:endParaRPr lang="en-US" sz="5400" b="1" cap="none" spc="0" dirty="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endParaRPr>
          </a:p>
        </p:txBody>
      </p:sp>
      <p:pic>
        <p:nvPicPr>
          <p:cNvPr id="8" name="Hình ảnh 7" descr="Ảnh có chứa biểu tượng, Phông chữ, thiết kế&#10;&#10;Mô tả được tạo tự động">
            <a:extLst>
              <a:ext uri="{FF2B5EF4-FFF2-40B4-BE49-F238E27FC236}">
                <a16:creationId xmlns:a16="http://schemas.microsoft.com/office/drawing/2014/main" id="{E371957A-4AF2-CBE4-27D2-53478E408738}"/>
              </a:ext>
            </a:extLst>
          </p:cNvPr>
          <p:cNvPicPr>
            <a:picLocks noChangeAspect="1"/>
          </p:cNvPicPr>
          <p:nvPr/>
        </p:nvPicPr>
        <p:blipFill>
          <a:blip r:embed="rId4"/>
          <a:stretch>
            <a:fillRect/>
          </a:stretch>
        </p:blipFill>
        <p:spPr>
          <a:xfrm>
            <a:off x="3042035" y="1495138"/>
            <a:ext cx="1967507" cy="1613799"/>
          </a:xfrm>
          <a:prstGeom prst="rect">
            <a:avLst/>
          </a:prstGeom>
        </p:spPr>
      </p:pic>
      <p:pic>
        <p:nvPicPr>
          <p:cNvPr id="22" name="Hình ảnh 21" descr="Ảnh có chứa biểu tượng, Phông chữ, Đồ họa, màu đỏ&#10;&#10;Mô tả được tạo tự động">
            <a:extLst>
              <a:ext uri="{FF2B5EF4-FFF2-40B4-BE49-F238E27FC236}">
                <a16:creationId xmlns:a16="http://schemas.microsoft.com/office/drawing/2014/main" id="{A8BE2703-E23B-8E6D-0E59-2095462580C3}"/>
              </a:ext>
            </a:extLst>
          </p:cNvPr>
          <p:cNvPicPr>
            <a:picLocks noChangeAspect="1"/>
          </p:cNvPicPr>
          <p:nvPr/>
        </p:nvPicPr>
        <p:blipFill>
          <a:blip r:embed="rId5"/>
          <a:stretch>
            <a:fillRect/>
          </a:stretch>
        </p:blipFill>
        <p:spPr>
          <a:xfrm>
            <a:off x="3156690" y="3758373"/>
            <a:ext cx="1713279" cy="1691172"/>
          </a:xfrm>
          <a:prstGeom prst="rect">
            <a:avLst/>
          </a:prstGeom>
        </p:spPr>
      </p:pic>
      <p:pic>
        <p:nvPicPr>
          <p:cNvPr id="24" name="Hình ảnh 23" descr="Ảnh có chứa vòng tròn, Nhiều màu sắc, Đồ họa, thiết kế đồ họa&#10;&#10;Mô tả được tạo tự động">
            <a:extLst>
              <a:ext uri="{FF2B5EF4-FFF2-40B4-BE49-F238E27FC236}">
                <a16:creationId xmlns:a16="http://schemas.microsoft.com/office/drawing/2014/main" id="{C1D9ADE7-D55A-3EF9-16D4-4F62777E8491}"/>
              </a:ext>
            </a:extLst>
          </p:cNvPr>
          <p:cNvPicPr>
            <a:picLocks noChangeAspect="1"/>
          </p:cNvPicPr>
          <p:nvPr/>
        </p:nvPicPr>
        <p:blipFill>
          <a:blip r:embed="rId6"/>
          <a:stretch>
            <a:fillRect/>
          </a:stretch>
        </p:blipFill>
        <p:spPr>
          <a:xfrm>
            <a:off x="5718278" y="1317338"/>
            <a:ext cx="1779601" cy="1735386"/>
          </a:xfrm>
          <a:prstGeom prst="rect">
            <a:avLst/>
          </a:prstGeom>
        </p:spPr>
      </p:pic>
      <p:sp>
        <p:nvSpPr>
          <p:cNvPr id="27" name="Hộp Văn bản 26">
            <a:extLst>
              <a:ext uri="{FF2B5EF4-FFF2-40B4-BE49-F238E27FC236}">
                <a16:creationId xmlns:a16="http://schemas.microsoft.com/office/drawing/2014/main" id="{B02FFA7B-D374-876C-9D4A-5F262540DC72}"/>
              </a:ext>
            </a:extLst>
          </p:cNvPr>
          <p:cNvSpPr txBox="1"/>
          <p:nvPr/>
        </p:nvSpPr>
        <p:spPr>
          <a:xfrm>
            <a:off x="3155350" y="3023271"/>
            <a:ext cx="1853091" cy="461665"/>
          </a:xfrm>
          <a:prstGeom prst="rect">
            <a:avLst/>
          </a:prstGeom>
          <a:noFill/>
        </p:spPr>
        <p:txBody>
          <a:bodyPr wrap="square" rtlCol="0">
            <a:spAutoFit/>
          </a:bodyPr>
          <a:lstStyle/>
          <a:p>
            <a:pPr algn="ctr"/>
            <a:r>
              <a:rPr lang="vi-VN" sz="2400" b="1">
                <a:solidFill>
                  <a:srgbClr val="002060"/>
                </a:solidFill>
                <a:latin typeface="Times New Roman" panose="02020603050405020304" pitchFamily="18" charset="0"/>
                <a:cs typeface="Times New Roman" panose="02020603050405020304" pitchFamily="18" charset="0"/>
              </a:rPr>
              <a:t>Facebook</a:t>
            </a:r>
            <a:endParaRPr lang="en-US" sz="2400" b="1">
              <a:solidFill>
                <a:srgbClr val="002060"/>
              </a:solidFill>
              <a:latin typeface="Times New Roman" panose="02020603050405020304" pitchFamily="18" charset="0"/>
              <a:cs typeface="Times New Roman" panose="02020603050405020304" pitchFamily="18" charset="0"/>
            </a:endParaRPr>
          </a:p>
        </p:txBody>
      </p:sp>
      <p:sp>
        <p:nvSpPr>
          <p:cNvPr id="30" name="Hộp Văn bản 29">
            <a:extLst>
              <a:ext uri="{FF2B5EF4-FFF2-40B4-BE49-F238E27FC236}">
                <a16:creationId xmlns:a16="http://schemas.microsoft.com/office/drawing/2014/main" id="{E4B8BADB-DFCC-6F2D-9644-845FD4D38A1F}"/>
              </a:ext>
            </a:extLst>
          </p:cNvPr>
          <p:cNvSpPr txBox="1"/>
          <p:nvPr/>
        </p:nvSpPr>
        <p:spPr>
          <a:xfrm>
            <a:off x="7974236" y="2958156"/>
            <a:ext cx="2504283" cy="461665"/>
          </a:xfrm>
          <a:prstGeom prst="rect">
            <a:avLst/>
          </a:prstGeom>
          <a:noFill/>
        </p:spPr>
        <p:txBody>
          <a:bodyPr wrap="square" rtlCol="0">
            <a:spAutoFit/>
          </a:bodyPr>
          <a:lstStyle/>
          <a:p>
            <a:pPr algn="ctr"/>
            <a:r>
              <a:rPr lang="vi-VN" sz="2400" b="1">
                <a:solidFill>
                  <a:srgbClr val="002060"/>
                </a:solidFill>
                <a:latin typeface="Times New Roman" panose="02020603050405020304" pitchFamily="18" charset="0"/>
                <a:cs typeface="Times New Roman" panose="02020603050405020304" pitchFamily="18" charset="0"/>
              </a:rPr>
              <a:t>Học trực tuyến</a:t>
            </a:r>
            <a:endParaRPr lang="en-US" sz="2400" b="1">
              <a:solidFill>
                <a:srgbClr val="002060"/>
              </a:solidFill>
              <a:latin typeface="Times New Roman" panose="02020603050405020304" pitchFamily="18" charset="0"/>
              <a:cs typeface="Times New Roman" panose="02020603050405020304" pitchFamily="18" charset="0"/>
            </a:endParaRPr>
          </a:p>
        </p:txBody>
      </p:sp>
      <p:sp>
        <p:nvSpPr>
          <p:cNvPr id="34" name="Hộp Văn bản 33">
            <a:extLst>
              <a:ext uri="{FF2B5EF4-FFF2-40B4-BE49-F238E27FC236}">
                <a16:creationId xmlns:a16="http://schemas.microsoft.com/office/drawing/2014/main" id="{82A54E10-9172-1B44-690C-1969BEA64957}"/>
              </a:ext>
            </a:extLst>
          </p:cNvPr>
          <p:cNvSpPr txBox="1"/>
          <p:nvPr/>
        </p:nvSpPr>
        <p:spPr>
          <a:xfrm>
            <a:off x="3090378" y="5402794"/>
            <a:ext cx="1853091" cy="461665"/>
          </a:xfrm>
          <a:prstGeom prst="rect">
            <a:avLst/>
          </a:prstGeom>
          <a:noFill/>
        </p:spPr>
        <p:txBody>
          <a:bodyPr wrap="square" rtlCol="0">
            <a:spAutoFit/>
          </a:bodyPr>
          <a:lstStyle/>
          <a:p>
            <a:pPr algn="ctr"/>
            <a:r>
              <a:rPr lang="vi-VN" sz="2400" b="1">
                <a:solidFill>
                  <a:srgbClr val="002060"/>
                </a:solidFill>
                <a:latin typeface="Times New Roman" panose="02020603050405020304" pitchFamily="18" charset="0"/>
                <a:cs typeface="Times New Roman" panose="02020603050405020304" pitchFamily="18" charset="0"/>
              </a:rPr>
              <a:t>Báo Tuổi trẻ</a:t>
            </a:r>
            <a:endParaRPr lang="en-US" sz="2400" b="1">
              <a:solidFill>
                <a:srgbClr val="002060"/>
              </a:solidFill>
              <a:latin typeface="Times New Roman" panose="02020603050405020304" pitchFamily="18" charset="0"/>
              <a:cs typeface="Times New Roman" panose="02020603050405020304" pitchFamily="18" charset="0"/>
            </a:endParaRPr>
          </a:p>
        </p:txBody>
      </p:sp>
      <p:sp>
        <p:nvSpPr>
          <p:cNvPr id="35" name="Hộp Văn bản 34">
            <a:extLst>
              <a:ext uri="{FF2B5EF4-FFF2-40B4-BE49-F238E27FC236}">
                <a16:creationId xmlns:a16="http://schemas.microsoft.com/office/drawing/2014/main" id="{B63B0407-4215-96D3-2B0A-884381FCB8C4}"/>
              </a:ext>
            </a:extLst>
          </p:cNvPr>
          <p:cNvSpPr txBox="1"/>
          <p:nvPr/>
        </p:nvSpPr>
        <p:spPr>
          <a:xfrm>
            <a:off x="5744836" y="2953432"/>
            <a:ext cx="1853091" cy="461665"/>
          </a:xfrm>
          <a:prstGeom prst="rect">
            <a:avLst/>
          </a:prstGeom>
          <a:noFill/>
        </p:spPr>
        <p:txBody>
          <a:bodyPr wrap="square" rtlCol="0">
            <a:spAutoFit/>
          </a:bodyPr>
          <a:lstStyle/>
          <a:p>
            <a:pPr algn="ctr"/>
            <a:r>
              <a:rPr lang="vi-VN" sz="2400" b="1">
                <a:solidFill>
                  <a:srgbClr val="002060"/>
                </a:solidFill>
                <a:latin typeface="Times New Roman" panose="02020603050405020304" pitchFamily="18" charset="0"/>
                <a:cs typeface="Times New Roman" panose="02020603050405020304" pitchFamily="18" charset="0"/>
              </a:rPr>
              <a:t>MP3 Zing</a:t>
            </a:r>
            <a:endParaRPr lang="en-US" sz="2400" b="1">
              <a:solidFill>
                <a:srgbClr val="002060"/>
              </a:solidFill>
              <a:latin typeface="Times New Roman" panose="02020603050405020304" pitchFamily="18" charset="0"/>
              <a:cs typeface="Times New Roman" panose="02020603050405020304" pitchFamily="18" charset="0"/>
            </a:endParaRPr>
          </a:p>
        </p:txBody>
      </p:sp>
      <p:sp>
        <p:nvSpPr>
          <p:cNvPr id="2" name="TextBox 45">
            <a:extLst>
              <a:ext uri="{FF2B5EF4-FFF2-40B4-BE49-F238E27FC236}">
                <a16:creationId xmlns:a16="http://schemas.microsoft.com/office/drawing/2014/main" id="{AB855BC4-5B07-6819-DE3A-BF7043AA2077}"/>
              </a:ext>
            </a:extLst>
          </p:cNvPr>
          <p:cNvSpPr txBox="1"/>
          <p:nvPr/>
        </p:nvSpPr>
        <p:spPr>
          <a:xfrm>
            <a:off x="486402" y="913223"/>
            <a:ext cx="4138899" cy="657923"/>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nvGrpSpPr>
          <p:cNvPr id="4" name="Group 6">
            <a:extLst>
              <a:ext uri="{FF2B5EF4-FFF2-40B4-BE49-F238E27FC236}">
                <a16:creationId xmlns:a16="http://schemas.microsoft.com/office/drawing/2014/main" id="{76B3F159-9003-26ED-0951-E030FA355B43}"/>
              </a:ext>
            </a:extLst>
          </p:cNvPr>
          <p:cNvGrpSpPr/>
          <p:nvPr/>
        </p:nvGrpSpPr>
        <p:grpSpPr>
          <a:xfrm>
            <a:off x="218412" y="913223"/>
            <a:ext cx="4896089" cy="657923"/>
            <a:chOff x="293561" y="1124296"/>
            <a:chExt cx="3713701" cy="1077218"/>
          </a:xfrm>
        </p:grpSpPr>
        <p:sp>
          <p:nvSpPr>
            <p:cNvPr id="5" name="Rectangle: Rounded Corners 44">
              <a:extLst>
                <a:ext uri="{FF2B5EF4-FFF2-40B4-BE49-F238E27FC236}">
                  <a16:creationId xmlns:a16="http://schemas.microsoft.com/office/drawing/2014/main" id="{D6296CFD-B821-E34F-C283-F07736FB6AAB}"/>
                </a:ext>
              </a:extLst>
            </p:cNvPr>
            <p:cNvSpPr/>
            <p:nvPr/>
          </p:nvSpPr>
          <p:spPr>
            <a:xfrm>
              <a:off x="293561" y="1198683"/>
              <a:ext cx="3713701" cy="809738"/>
            </a:xfrm>
            <a:prstGeom prst="roundRect">
              <a:avLst>
                <a:gd name="adj" fmla="val 46278"/>
              </a:avLst>
            </a:prstGeom>
            <a:solidFill>
              <a:srgbClr val="FF8C65"/>
            </a:solidFill>
            <a:ln>
              <a:noFill/>
            </a:ln>
            <a:effectLst>
              <a:outerShdw blurRad="149987" dist="250190" dir="8460000" algn="ctr">
                <a:srgbClr val="000000">
                  <a:alpha val="28000"/>
                </a:srgbClr>
              </a:outerShdw>
              <a:reflection endPos="0" dist="254000" dir="5400000" sy="-100000" algn="bl" rotWithShape="0"/>
              <a:softEdge rad="0"/>
            </a:effectLst>
            <a:scene3d>
              <a:camera prst="orthographicFront">
                <a:rot lat="0" lon="0" rev="0"/>
              </a:camera>
              <a:lightRig rig="contrasting" dir="t">
                <a:rot lat="0" lon="0" rev="1500000"/>
              </a:lightRig>
            </a:scene3d>
            <a:sp3d prstMaterial="metal">
              <a:bevelT w="88900" h="889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9" name="TextBox 45">
              <a:extLst>
                <a:ext uri="{FF2B5EF4-FFF2-40B4-BE49-F238E27FC236}">
                  <a16:creationId xmlns:a16="http://schemas.microsoft.com/office/drawing/2014/main" id="{8B7CC552-DB7F-6664-15D3-8002EAB64051}"/>
                </a:ext>
              </a:extLst>
            </p:cNvPr>
            <p:cNvSpPr txBox="1"/>
            <p:nvPr/>
          </p:nvSpPr>
          <p:spPr>
            <a:xfrm>
              <a:off x="496832" y="1124296"/>
              <a:ext cx="3139370" cy="1077218"/>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sp>
        <p:nvSpPr>
          <p:cNvPr id="7" name="Hộp Văn bản 6">
            <a:extLst>
              <a:ext uri="{FF2B5EF4-FFF2-40B4-BE49-F238E27FC236}">
                <a16:creationId xmlns:a16="http://schemas.microsoft.com/office/drawing/2014/main" id="{0E040039-8929-2B62-9813-C23BC95A99E2}"/>
              </a:ext>
            </a:extLst>
          </p:cNvPr>
          <p:cNvSpPr txBox="1"/>
          <p:nvPr/>
        </p:nvSpPr>
        <p:spPr>
          <a:xfrm>
            <a:off x="541883" y="5796328"/>
            <a:ext cx="2126465" cy="384721"/>
          </a:xfrm>
          <a:prstGeom prst="rect">
            <a:avLst/>
          </a:prstGeom>
          <a:noFill/>
        </p:spPr>
        <p:txBody>
          <a:bodyPr wrap="square">
            <a:spAutoFit/>
          </a:bodyPr>
          <a:lstStyle/>
          <a:p>
            <a:r>
              <a:rPr lang="en-US" sz="1900">
                <a:latin typeface="Times New Roman" panose="02020603050405020304" pitchFamily="18" charset="0"/>
                <a:cs typeface="Times New Roman" panose="02020603050405020304" pitchFamily="18" charset="0"/>
              </a:rPr>
              <a:t>https://shopee.vn/</a:t>
            </a:r>
          </a:p>
        </p:txBody>
      </p:sp>
      <p:sp>
        <p:nvSpPr>
          <p:cNvPr id="13" name="Hộp Văn bản 12">
            <a:extLst>
              <a:ext uri="{FF2B5EF4-FFF2-40B4-BE49-F238E27FC236}">
                <a16:creationId xmlns:a16="http://schemas.microsoft.com/office/drawing/2014/main" id="{64B3A4F9-C564-6DA4-AD16-E0A56C88BB5E}"/>
              </a:ext>
            </a:extLst>
          </p:cNvPr>
          <p:cNvSpPr txBox="1"/>
          <p:nvPr/>
        </p:nvSpPr>
        <p:spPr>
          <a:xfrm>
            <a:off x="8253643" y="5771270"/>
            <a:ext cx="2638978" cy="384721"/>
          </a:xfrm>
          <a:prstGeom prst="rect">
            <a:avLst/>
          </a:prstGeom>
          <a:noFill/>
        </p:spPr>
        <p:txBody>
          <a:bodyPr wrap="square">
            <a:spAutoFit/>
          </a:bodyPr>
          <a:lstStyle/>
          <a:p>
            <a:r>
              <a:rPr lang="en-US" sz="1900">
                <a:latin typeface="Times New Roman" panose="02020603050405020304" pitchFamily="18" charset="0"/>
                <a:cs typeface="Times New Roman" panose="02020603050405020304" pitchFamily="18" charset="0"/>
              </a:rPr>
              <a:t>https://www.gamey8.vn/</a:t>
            </a:r>
          </a:p>
        </p:txBody>
      </p:sp>
      <p:sp>
        <p:nvSpPr>
          <p:cNvPr id="17" name="Hộp Văn bản 16">
            <a:extLst>
              <a:ext uri="{FF2B5EF4-FFF2-40B4-BE49-F238E27FC236}">
                <a16:creationId xmlns:a16="http://schemas.microsoft.com/office/drawing/2014/main" id="{52A915EA-78F3-29C6-75EE-AC5BAD425A61}"/>
              </a:ext>
            </a:extLst>
          </p:cNvPr>
          <p:cNvSpPr txBox="1"/>
          <p:nvPr/>
        </p:nvSpPr>
        <p:spPr>
          <a:xfrm>
            <a:off x="5669695" y="5760399"/>
            <a:ext cx="2503167" cy="384721"/>
          </a:xfrm>
          <a:prstGeom prst="rect">
            <a:avLst/>
          </a:prstGeom>
          <a:noFill/>
        </p:spPr>
        <p:txBody>
          <a:bodyPr wrap="square">
            <a:spAutoFit/>
          </a:bodyPr>
          <a:lstStyle/>
          <a:p>
            <a:r>
              <a:rPr lang="en-US" sz="1900">
                <a:latin typeface="Times New Roman" panose="02020603050405020304" pitchFamily="18" charset="0"/>
                <a:cs typeface="Times New Roman" panose="02020603050405020304" pitchFamily="18" charset="0"/>
              </a:rPr>
              <a:t>https://thethao247.vn/</a:t>
            </a:r>
          </a:p>
        </p:txBody>
      </p:sp>
      <p:sp>
        <p:nvSpPr>
          <p:cNvPr id="21" name="Hộp Văn bản 20">
            <a:extLst>
              <a:ext uri="{FF2B5EF4-FFF2-40B4-BE49-F238E27FC236}">
                <a16:creationId xmlns:a16="http://schemas.microsoft.com/office/drawing/2014/main" id="{BB1F65D4-384C-436A-0456-4C7B9F04B603}"/>
              </a:ext>
            </a:extLst>
          </p:cNvPr>
          <p:cNvSpPr txBox="1"/>
          <p:nvPr/>
        </p:nvSpPr>
        <p:spPr>
          <a:xfrm>
            <a:off x="321244" y="3380162"/>
            <a:ext cx="2503167" cy="384721"/>
          </a:xfrm>
          <a:prstGeom prst="rect">
            <a:avLst/>
          </a:prstGeom>
          <a:noFill/>
        </p:spPr>
        <p:txBody>
          <a:bodyPr wrap="square">
            <a:spAutoFit/>
          </a:bodyPr>
          <a:lstStyle/>
          <a:p>
            <a:r>
              <a:rPr lang="en-US" sz="1900">
                <a:latin typeface="Times New Roman" panose="02020603050405020304" pitchFamily="18" charset="0"/>
                <a:cs typeface="Times New Roman" panose="02020603050405020304" pitchFamily="18" charset="0"/>
              </a:rPr>
              <a:t>https://anhtester.com/</a:t>
            </a:r>
          </a:p>
        </p:txBody>
      </p:sp>
      <p:pic>
        <p:nvPicPr>
          <p:cNvPr id="25" name="Hình ảnh 24" descr="Ảnh có chứa văn bản, biểu tượng, Phông chữ, thiết kế&#10;&#10;Mô tả được tạo tự động">
            <a:extLst>
              <a:ext uri="{FF2B5EF4-FFF2-40B4-BE49-F238E27FC236}">
                <a16:creationId xmlns:a16="http://schemas.microsoft.com/office/drawing/2014/main" id="{2328C263-3744-8BBD-1A1A-264483D40CAA}"/>
              </a:ext>
            </a:extLst>
          </p:cNvPr>
          <p:cNvPicPr>
            <a:picLocks noChangeAspect="1"/>
          </p:cNvPicPr>
          <p:nvPr/>
        </p:nvPicPr>
        <p:blipFill>
          <a:blip r:embed="rId7"/>
          <a:stretch>
            <a:fillRect/>
          </a:stretch>
        </p:blipFill>
        <p:spPr>
          <a:xfrm>
            <a:off x="492348" y="2038045"/>
            <a:ext cx="2114659" cy="571529"/>
          </a:xfrm>
          <a:prstGeom prst="rect">
            <a:avLst/>
          </a:prstGeom>
        </p:spPr>
      </p:pic>
      <p:pic>
        <p:nvPicPr>
          <p:cNvPr id="37" name="Hình ảnh 36" descr="Ảnh có chứa Đồ họa, thiết kế&#10;&#10;Mô tả được tạo tự động">
            <a:extLst>
              <a:ext uri="{FF2B5EF4-FFF2-40B4-BE49-F238E27FC236}">
                <a16:creationId xmlns:a16="http://schemas.microsoft.com/office/drawing/2014/main" id="{E0FB75EA-9CA7-FC1F-4133-2384E3910F78}"/>
              </a:ext>
            </a:extLst>
          </p:cNvPr>
          <p:cNvPicPr>
            <a:picLocks noChangeAspect="1"/>
          </p:cNvPicPr>
          <p:nvPr/>
        </p:nvPicPr>
        <p:blipFill>
          <a:blip r:embed="rId8"/>
          <a:stretch>
            <a:fillRect/>
          </a:stretch>
        </p:blipFill>
        <p:spPr>
          <a:xfrm>
            <a:off x="627236" y="3848666"/>
            <a:ext cx="1641918" cy="1718286"/>
          </a:xfrm>
          <a:prstGeom prst="rect">
            <a:avLst/>
          </a:prstGeom>
        </p:spPr>
      </p:pic>
      <p:pic>
        <p:nvPicPr>
          <p:cNvPr id="40" name="Hình ảnh 39" descr="Ảnh có chứa biểu tượng, màu trắng, Đồ họa, thiết kế&#10;&#10;Mô tả được tạo tự động">
            <a:extLst>
              <a:ext uri="{FF2B5EF4-FFF2-40B4-BE49-F238E27FC236}">
                <a16:creationId xmlns:a16="http://schemas.microsoft.com/office/drawing/2014/main" id="{F8E3A616-20F0-86F7-C90B-41DE7B22C117}"/>
              </a:ext>
            </a:extLst>
          </p:cNvPr>
          <p:cNvPicPr>
            <a:picLocks noChangeAspect="1"/>
          </p:cNvPicPr>
          <p:nvPr/>
        </p:nvPicPr>
        <p:blipFill>
          <a:blip r:embed="rId9"/>
          <a:stretch>
            <a:fillRect/>
          </a:stretch>
        </p:blipFill>
        <p:spPr>
          <a:xfrm>
            <a:off x="8534629" y="3935820"/>
            <a:ext cx="1519735" cy="1464427"/>
          </a:xfrm>
          <a:prstGeom prst="rect">
            <a:avLst/>
          </a:prstGeom>
        </p:spPr>
      </p:pic>
      <p:pic>
        <p:nvPicPr>
          <p:cNvPr id="42" name="Hình ảnh 41" descr="Ảnh có chứa biểu tượng, văn bản, Đồ họa, Phông chữ&#10;&#10;Mô tả được tạo tự động">
            <a:extLst>
              <a:ext uri="{FF2B5EF4-FFF2-40B4-BE49-F238E27FC236}">
                <a16:creationId xmlns:a16="http://schemas.microsoft.com/office/drawing/2014/main" id="{4E80A10E-6CC4-EE59-9C9C-F17A94DD0D55}"/>
              </a:ext>
            </a:extLst>
          </p:cNvPr>
          <p:cNvPicPr>
            <a:picLocks noChangeAspect="1"/>
          </p:cNvPicPr>
          <p:nvPr/>
        </p:nvPicPr>
        <p:blipFill>
          <a:blip r:embed="rId10"/>
          <a:stretch>
            <a:fillRect/>
          </a:stretch>
        </p:blipFill>
        <p:spPr>
          <a:xfrm>
            <a:off x="5996470" y="3929340"/>
            <a:ext cx="1443047" cy="1443047"/>
          </a:xfrm>
          <a:prstGeom prst="rect">
            <a:avLst/>
          </a:prstGeom>
        </p:spPr>
      </p:pic>
      <p:sp>
        <p:nvSpPr>
          <p:cNvPr id="43" name="Hộp Văn bản 42">
            <a:extLst>
              <a:ext uri="{FF2B5EF4-FFF2-40B4-BE49-F238E27FC236}">
                <a16:creationId xmlns:a16="http://schemas.microsoft.com/office/drawing/2014/main" id="{BF258062-784E-D614-A31A-7B6764F6CABA}"/>
              </a:ext>
            </a:extLst>
          </p:cNvPr>
          <p:cNvSpPr txBox="1"/>
          <p:nvPr/>
        </p:nvSpPr>
        <p:spPr>
          <a:xfrm>
            <a:off x="486402" y="5400247"/>
            <a:ext cx="1853091" cy="461665"/>
          </a:xfrm>
          <a:prstGeom prst="rect">
            <a:avLst/>
          </a:prstGeom>
          <a:noFill/>
        </p:spPr>
        <p:txBody>
          <a:bodyPr wrap="square" rtlCol="0">
            <a:spAutoFit/>
          </a:bodyPr>
          <a:lstStyle/>
          <a:p>
            <a:pPr algn="ctr"/>
            <a:r>
              <a:rPr lang="vi-VN" sz="2400" b="1">
                <a:solidFill>
                  <a:srgbClr val="002060"/>
                </a:solidFill>
                <a:latin typeface="Times New Roman" panose="02020603050405020304" pitchFamily="18" charset="0"/>
                <a:cs typeface="Times New Roman" panose="02020603050405020304" pitchFamily="18" charset="0"/>
              </a:rPr>
              <a:t>Shoppe</a:t>
            </a:r>
            <a:endParaRPr lang="en-US" sz="2400" b="1">
              <a:solidFill>
                <a:srgbClr val="002060"/>
              </a:solidFill>
              <a:latin typeface="Times New Roman" panose="02020603050405020304" pitchFamily="18" charset="0"/>
              <a:cs typeface="Times New Roman" panose="02020603050405020304" pitchFamily="18" charset="0"/>
            </a:endParaRPr>
          </a:p>
        </p:txBody>
      </p:sp>
      <p:sp>
        <p:nvSpPr>
          <p:cNvPr id="44" name="Hộp Văn bản 43">
            <a:extLst>
              <a:ext uri="{FF2B5EF4-FFF2-40B4-BE49-F238E27FC236}">
                <a16:creationId xmlns:a16="http://schemas.microsoft.com/office/drawing/2014/main" id="{AB44F3D0-5166-D0BE-C9CA-96B163A6F1A6}"/>
              </a:ext>
            </a:extLst>
          </p:cNvPr>
          <p:cNvSpPr txBox="1"/>
          <p:nvPr/>
        </p:nvSpPr>
        <p:spPr>
          <a:xfrm>
            <a:off x="5495407" y="5380078"/>
            <a:ext cx="2587582" cy="461665"/>
          </a:xfrm>
          <a:prstGeom prst="rect">
            <a:avLst/>
          </a:prstGeom>
          <a:noFill/>
        </p:spPr>
        <p:txBody>
          <a:bodyPr wrap="square" rtlCol="0">
            <a:spAutoFit/>
          </a:bodyPr>
          <a:lstStyle/>
          <a:p>
            <a:pPr algn="ctr"/>
            <a:r>
              <a:rPr lang="vi-VN" sz="2400" b="1">
                <a:solidFill>
                  <a:srgbClr val="002060"/>
                </a:solidFill>
                <a:latin typeface="Times New Roman" panose="02020603050405020304" pitchFamily="18" charset="0"/>
                <a:cs typeface="Times New Roman" panose="02020603050405020304" pitchFamily="18" charset="0"/>
              </a:rPr>
              <a:t>Thể thao 247</a:t>
            </a:r>
            <a:endParaRPr lang="en-US" sz="2400" b="1">
              <a:solidFill>
                <a:srgbClr val="002060"/>
              </a:solidFill>
              <a:latin typeface="Times New Roman" panose="02020603050405020304" pitchFamily="18" charset="0"/>
              <a:cs typeface="Times New Roman" panose="02020603050405020304" pitchFamily="18" charset="0"/>
            </a:endParaRPr>
          </a:p>
        </p:txBody>
      </p:sp>
      <p:sp>
        <p:nvSpPr>
          <p:cNvPr id="48" name="Hộp Văn bản 47">
            <a:extLst>
              <a:ext uri="{FF2B5EF4-FFF2-40B4-BE49-F238E27FC236}">
                <a16:creationId xmlns:a16="http://schemas.microsoft.com/office/drawing/2014/main" id="{81ABA195-68F8-4147-30D4-10FAFABA1E17}"/>
              </a:ext>
            </a:extLst>
          </p:cNvPr>
          <p:cNvSpPr txBox="1"/>
          <p:nvPr/>
        </p:nvSpPr>
        <p:spPr>
          <a:xfrm>
            <a:off x="3123417" y="5788259"/>
            <a:ext cx="1918140" cy="384721"/>
          </a:xfrm>
          <a:prstGeom prst="rect">
            <a:avLst/>
          </a:prstGeom>
          <a:noFill/>
        </p:spPr>
        <p:txBody>
          <a:bodyPr wrap="square">
            <a:spAutoFit/>
          </a:bodyPr>
          <a:lstStyle/>
          <a:p>
            <a:r>
              <a:rPr lang="en-US" sz="1900">
                <a:latin typeface="Times New Roman" panose="02020603050405020304" pitchFamily="18" charset="0"/>
                <a:cs typeface="Times New Roman" panose="02020603050405020304" pitchFamily="18" charset="0"/>
              </a:rPr>
              <a:t>https://tuoitre.vn/</a:t>
            </a:r>
          </a:p>
        </p:txBody>
      </p:sp>
      <p:sp>
        <p:nvSpPr>
          <p:cNvPr id="50" name="Hộp Văn bản 49">
            <a:extLst>
              <a:ext uri="{FF2B5EF4-FFF2-40B4-BE49-F238E27FC236}">
                <a16:creationId xmlns:a16="http://schemas.microsoft.com/office/drawing/2014/main" id="{9DD6BA82-FB23-548B-CE69-2DF30DB09155}"/>
              </a:ext>
            </a:extLst>
          </p:cNvPr>
          <p:cNvSpPr txBox="1"/>
          <p:nvPr/>
        </p:nvSpPr>
        <p:spPr>
          <a:xfrm>
            <a:off x="5669389" y="3375512"/>
            <a:ext cx="2240265" cy="384721"/>
          </a:xfrm>
          <a:prstGeom prst="rect">
            <a:avLst/>
          </a:prstGeom>
          <a:noFill/>
        </p:spPr>
        <p:txBody>
          <a:bodyPr wrap="square">
            <a:spAutoFit/>
          </a:bodyPr>
          <a:lstStyle/>
          <a:p>
            <a:r>
              <a:rPr lang="en-US" sz="1900">
                <a:latin typeface="Times New Roman" panose="02020603050405020304" pitchFamily="18" charset="0"/>
                <a:cs typeface="Times New Roman" panose="02020603050405020304" pitchFamily="18" charset="0"/>
              </a:rPr>
              <a:t>https://zingmp3.vn/</a:t>
            </a:r>
          </a:p>
        </p:txBody>
      </p:sp>
      <p:sp>
        <p:nvSpPr>
          <p:cNvPr id="52" name="Hộp Văn bản 51">
            <a:extLst>
              <a:ext uri="{FF2B5EF4-FFF2-40B4-BE49-F238E27FC236}">
                <a16:creationId xmlns:a16="http://schemas.microsoft.com/office/drawing/2014/main" id="{4E31C482-4D6E-753D-4E74-679D634E78D8}"/>
              </a:ext>
            </a:extLst>
          </p:cNvPr>
          <p:cNvSpPr txBox="1"/>
          <p:nvPr/>
        </p:nvSpPr>
        <p:spPr>
          <a:xfrm>
            <a:off x="2650926" y="3406918"/>
            <a:ext cx="2890395" cy="384721"/>
          </a:xfrm>
          <a:prstGeom prst="rect">
            <a:avLst/>
          </a:prstGeom>
          <a:noFill/>
        </p:spPr>
        <p:txBody>
          <a:bodyPr wrap="square">
            <a:spAutoFit/>
          </a:bodyPr>
          <a:lstStyle/>
          <a:p>
            <a:r>
              <a:rPr lang="en-US" sz="1900">
                <a:latin typeface="Times New Roman" panose="02020603050405020304" pitchFamily="18" charset="0"/>
                <a:cs typeface="Times New Roman" panose="02020603050405020304" pitchFamily="18" charset="0"/>
              </a:rPr>
              <a:t>https://www.facebook.com/</a:t>
            </a:r>
          </a:p>
        </p:txBody>
      </p:sp>
      <p:sp>
        <p:nvSpPr>
          <p:cNvPr id="53" name="Hộp Văn bản 52">
            <a:extLst>
              <a:ext uri="{FF2B5EF4-FFF2-40B4-BE49-F238E27FC236}">
                <a16:creationId xmlns:a16="http://schemas.microsoft.com/office/drawing/2014/main" id="{0AABCE55-562E-FFC9-9745-E7C66F7C4D14}"/>
              </a:ext>
            </a:extLst>
          </p:cNvPr>
          <p:cNvSpPr txBox="1"/>
          <p:nvPr/>
        </p:nvSpPr>
        <p:spPr>
          <a:xfrm>
            <a:off x="8404788" y="5400247"/>
            <a:ext cx="1853091" cy="461665"/>
          </a:xfrm>
          <a:prstGeom prst="rect">
            <a:avLst/>
          </a:prstGeom>
          <a:noFill/>
        </p:spPr>
        <p:txBody>
          <a:bodyPr wrap="square" rtlCol="0">
            <a:spAutoFit/>
          </a:bodyPr>
          <a:lstStyle/>
          <a:p>
            <a:pPr algn="ctr"/>
            <a:r>
              <a:rPr lang="vi-VN" sz="2400" b="1">
                <a:solidFill>
                  <a:srgbClr val="002060"/>
                </a:solidFill>
                <a:latin typeface="Times New Roman" panose="02020603050405020304" pitchFamily="18" charset="0"/>
                <a:cs typeface="Times New Roman" panose="02020603050405020304" pitchFamily="18" charset="0"/>
              </a:rPr>
              <a:t>Game Y8</a:t>
            </a:r>
            <a:endParaRPr lang="en-US" sz="2400" b="1">
              <a:solidFill>
                <a:srgbClr val="002060"/>
              </a:solidFill>
              <a:latin typeface="Times New Roman" panose="02020603050405020304" pitchFamily="18" charset="0"/>
              <a:cs typeface="Times New Roman" panose="02020603050405020304" pitchFamily="18" charset="0"/>
            </a:endParaRPr>
          </a:p>
        </p:txBody>
      </p:sp>
      <p:sp>
        <p:nvSpPr>
          <p:cNvPr id="55" name="Hộp Văn bản 54">
            <a:extLst>
              <a:ext uri="{FF2B5EF4-FFF2-40B4-BE49-F238E27FC236}">
                <a16:creationId xmlns:a16="http://schemas.microsoft.com/office/drawing/2014/main" id="{5DBD3371-05DA-E052-668A-6CB61D14DDEF}"/>
              </a:ext>
            </a:extLst>
          </p:cNvPr>
          <p:cNvSpPr txBox="1"/>
          <p:nvPr/>
        </p:nvSpPr>
        <p:spPr>
          <a:xfrm>
            <a:off x="8404787" y="3395297"/>
            <a:ext cx="2126465" cy="384721"/>
          </a:xfrm>
          <a:prstGeom prst="rect">
            <a:avLst/>
          </a:prstGeom>
          <a:noFill/>
        </p:spPr>
        <p:txBody>
          <a:bodyPr wrap="square">
            <a:spAutoFit/>
          </a:bodyPr>
          <a:lstStyle/>
          <a:p>
            <a:r>
              <a:rPr lang="en-US" sz="1900">
                <a:latin typeface="Times New Roman" panose="02020603050405020304" pitchFamily="18" charset="0"/>
                <a:cs typeface="Times New Roman" panose="02020603050405020304" pitchFamily="18" charset="0"/>
              </a:rPr>
              <a:t>https://hocmai.vn/</a:t>
            </a:r>
          </a:p>
        </p:txBody>
      </p:sp>
      <p:pic>
        <p:nvPicPr>
          <p:cNvPr id="57" name="Hình ảnh 56" descr="Ảnh có chứa văn bản, Phông chữ, biểu tượng, Đồ họa&#10;&#10;Mô tả được tạo tự động">
            <a:extLst>
              <a:ext uri="{FF2B5EF4-FFF2-40B4-BE49-F238E27FC236}">
                <a16:creationId xmlns:a16="http://schemas.microsoft.com/office/drawing/2014/main" id="{CA4F2670-AF6C-A359-8B57-D5E3FA7AB218}"/>
              </a:ext>
            </a:extLst>
          </p:cNvPr>
          <p:cNvPicPr>
            <a:picLocks noChangeAspect="1"/>
          </p:cNvPicPr>
          <p:nvPr/>
        </p:nvPicPr>
        <p:blipFill>
          <a:blip r:embed="rId11"/>
          <a:stretch>
            <a:fillRect/>
          </a:stretch>
        </p:blipFill>
        <p:spPr>
          <a:xfrm>
            <a:off x="8562994" y="1456496"/>
            <a:ext cx="1463003" cy="1463003"/>
          </a:xfrm>
          <a:prstGeom prst="rect">
            <a:avLst/>
          </a:prstGeom>
        </p:spPr>
      </p:pic>
    </p:spTree>
    <p:custDataLst>
      <p:tags r:id="rId1"/>
    </p:custDataLst>
    <p:extLst>
      <p:ext uri="{BB962C8B-B14F-4D97-AF65-F5344CB8AC3E}">
        <p14:creationId xmlns:p14="http://schemas.microsoft.com/office/powerpoint/2010/main" val="869471646"/>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358"/>
        <p:cNvGrpSpPr/>
        <p:nvPr/>
      </p:nvGrpSpPr>
      <p:grpSpPr>
        <a:xfrm>
          <a:off x="0" y="0"/>
          <a:ext cx="0" cy="0"/>
          <a:chOff x="0" y="0"/>
          <a:chExt cx="0" cy="0"/>
        </a:xfrm>
      </p:grpSpPr>
      <p:sp>
        <p:nvSpPr>
          <p:cNvPr id="6" name="Rectangle 5">
            <a:extLst>
              <a:ext uri="{FF2B5EF4-FFF2-40B4-BE49-F238E27FC236}">
                <a16:creationId xmlns:a16="http://schemas.microsoft.com/office/drawing/2014/main" id="{88B54ABD-8F1B-4B9A-A322-AB0A1ADD05C1}"/>
              </a:ext>
            </a:extLst>
          </p:cNvPr>
          <p:cNvSpPr/>
          <p:nvPr/>
        </p:nvSpPr>
        <p:spPr>
          <a:xfrm>
            <a:off x="-137738" y="162580"/>
            <a:ext cx="10719089" cy="923330"/>
          </a:xfrm>
          <a:prstGeom prst="rect">
            <a:avLst/>
          </a:prstGeom>
          <a:noFill/>
        </p:spPr>
        <p:txBody>
          <a:bodyPr wrap="square" lIns="91440" tIns="45720" rIns="91440" bIns="45720">
            <a:spAutoFit/>
          </a:bodyPr>
          <a:lstStyle/>
          <a:p>
            <a:pPr algn="ctr"/>
            <a:r>
              <a:rPr lang="en-US" sz="5400" b="1" cap="none" spc="0" err="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Bài</a:t>
            </a:r>
            <a:r>
              <a:rPr lang="en-US"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 </a:t>
            </a:r>
            <a:r>
              <a:rPr lang="vi-VN"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1: Thông tin trên web</a:t>
            </a:r>
            <a:endParaRPr lang="en-US" sz="5400" b="1" cap="none" spc="0" dirty="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endParaRPr>
          </a:p>
        </p:txBody>
      </p:sp>
      <p:pic>
        <p:nvPicPr>
          <p:cNvPr id="3" name="Hình ảnh 2" descr="Ảnh có chứa Nhân vật hư cấu, phim hoạt hình, Siêu anh hùng, Anh hùng&#10;&#10;Mô tả được tạo tự động">
            <a:extLst>
              <a:ext uri="{FF2B5EF4-FFF2-40B4-BE49-F238E27FC236}">
                <a16:creationId xmlns:a16="http://schemas.microsoft.com/office/drawing/2014/main" id="{484D1BFA-6858-E8A9-19BF-01DD3F342663}"/>
              </a:ext>
            </a:extLst>
          </p:cNvPr>
          <p:cNvPicPr>
            <a:picLocks noChangeAspect="1"/>
          </p:cNvPicPr>
          <p:nvPr/>
        </p:nvPicPr>
        <p:blipFill rotWithShape="1">
          <a:blip r:embed="rId6"/>
          <a:srcRect l="20855"/>
          <a:stretch/>
        </p:blipFill>
        <p:spPr>
          <a:xfrm>
            <a:off x="480538" y="1322976"/>
            <a:ext cx="4301066" cy="4358157"/>
          </a:xfrm>
          <a:prstGeom prst="rect">
            <a:avLst/>
          </a:prstGeom>
        </p:spPr>
      </p:pic>
      <p:pic>
        <p:nvPicPr>
          <p:cNvPr id="5" name="Hình ảnh 4" descr="Ảnh có chứa Bán lẻ, Cửa hàng tiện lợi, Giao thương, siêu thị&#10;&#10;Mô tả được tạo tự động">
            <a:extLst>
              <a:ext uri="{FF2B5EF4-FFF2-40B4-BE49-F238E27FC236}">
                <a16:creationId xmlns:a16="http://schemas.microsoft.com/office/drawing/2014/main" id="{C1A76385-0540-6894-7AEE-8FE47C083CF4}"/>
              </a:ext>
            </a:extLst>
          </p:cNvPr>
          <p:cNvPicPr>
            <a:picLocks noChangeAspect="1"/>
          </p:cNvPicPr>
          <p:nvPr/>
        </p:nvPicPr>
        <p:blipFill>
          <a:blip r:embed="rId7"/>
          <a:stretch>
            <a:fillRect/>
          </a:stretch>
        </p:blipFill>
        <p:spPr>
          <a:xfrm>
            <a:off x="5399880" y="1085909"/>
            <a:ext cx="4599251" cy="2495491"/>
          </a:xfrm>
          <a:prstGeom prst="rect">
            <a:avLst/>
          </a:prstGeom>
        </p:spPr>
      </p:pic>
      <p:sp>
        <p:nvSpPr>
          <p:cNvPr id="10" name="Hình chữ nhật: Góc Tròn 9">
            <a:extLst>
              <a:ext uri="{FF2B5EF4-FFF2-40B4-BE49-F238E27FC236}">
                <a16:creationId xmlns:a16="http://schemas.microsoft.com/office/drawing/2014/main" id="{27E0FF3F-06CA-6985-A708-65005C0B7696}"/>
              </a:ext>
            </a:extLst>
          </p:cNvPr>
          <p:cNvSpPr/>
          <p:nvPr/>
        </p:nvSpPr>
        <p:spPr>
          <a:xfrm>
            <a:off x="6457951" y="4276725"/>
            <a:ext cx="2886912" cy="1117541"/>
          </a:xfrm>
          <a:custGeom>
            <a:avLst/>
            <a:gdLst>
              <a:gd name="connsiteX0" fmla="*/ 0 w 2886912"/>
              <a:gd name="connsiteY0" fmla="*/ 186261 h 1117541"/>
              <a:gd name="connsiteX1" fmla="*/ 186261 w 2886912"/>
              <a:gd name="connsiteY1" fmla="*/ 0 h 1117541"/>
              <a:gd name="connsiteX2" fmla="*/ 689139 w 2886912"/>
              <a:gd name="connsiteY2" fmla="*/ 0 h 1117541"/>
              <a:gd name="connsiteX3" fmla="*/ 1116585 w 2886912"/>
              <a:gd name="connsiteY3" fmla="*/ 0 h 1117541"/>
              <a:gd name="connsiteX4" fmla="*/ 1669751 w 2886912"/>
              <a:gd name="connsiteY4" fmla="*/ 0 h 1117541"/>
              <a:gd name="connsiteX5" fmla="*/ 2122341 w 2886912"/>
              <a:gd name="connsiteY5" fmla="*/ 0 h 1117541"/>
              <a:gd name="connsiteX6" fmla="*/ 2700651 w 2886912"/>
              <a:gd name="connsiteY6" fmla="*/ 0 h 1117541"/>
              <a:gd name="connsiteX7" fmla="*/ 2886912 w 2886912"/>
              <a:gd name="connsiteY7" fmla="*/ 186261 h 1117541"/>
              <a:gd name="connsiteX8" fmla="*/ 2886912 w 2886912"/>
              <a:gd name="connsiteY8" fmla="*/ 536420 h 1117541"/>
              <a:gd name="connsiteX9" fmla="*/ 2886912 w 2886912"/>
              <a:gd name="connsiteY9" fmla="*/ 931280 h 1117541"/>
              <a:gd name="connsiteX10" fmla="*/ 2700651 w 2886912"/>
              <a:gd name="connsiteY10" fmla="*/ 1117541 h 1117541"/>
              <a:gd name="connsiteX11" fmla="*/ 2172629 w 2886912"/>
              <a:gd name="connsiteY11" fmla="*/ 1117541 h 1117541"/>
              <a:gd name="connsiteX12" fmla="*/ 1669751 w 2886912"/>
              <a:gd name="connsiteY12" fmla="*/ 1117541 h 1117541"/>
              <a:gd name="connsiteX13" fmla="*/ 1116585 w 2886912"/>
              <a:gd name="connsiteY13" fmla="*/ 1117541 h 1117541"/>
              <a:gd name="connsiteX14" fmla="*/ 186261 w 2886912"/>
              <a:gd name="connsiteY14" fmla="*/ 1117541 h 1117541"/>
              <a:gd name="connsiteX15" fmla="*/ 0 w 2886912"/>
              <a:gd name="connsiteY15" fmla="*/ 931280 h 1117541"/>
              <a:gd name="connsiteX16" fmla="*/ 0 w 2886912"/>
              <a:gd name="connsiteY16" fmla="*/ 566221 h 1117541"/>
              <a:gd name="connsiteX17" fmla="*/ 0 w 2886912"/>
              <a:gd name="connsiteY17" fmla="*/ 186261 h 11175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Lst>
            <a:rect l="l" t="t" r="r" b="b"/>
            <a:pathLst>
              <a:path w="2886912" h="1117541" fill="none" extrusionOk="0">
                <a:moveTo>
                  <a:pt x="0" y="186261"/>
                </a:moveTo>
                <a:cubicBezTo>
                  <a:pt x="-8571" y="91450"/>
                  <a:pt x="76249" y="-26110"/>
                  <a:pt x="186261" y="0"/>
                </a:cubicBezTo>
                <a:cubicBezTo>
                  <a:pt x="416679" y="-21564"/>
                  <a:pt x="472567" y="47349"/>
                  <a:pt x="689139" y="0"/>
                </a:cubicBezTo>
                <a:cubicBezTo>
                  <a:pt x="905711" y="-47349"/>
                  <a:pt x="944064" y="22044"/>
                  <a:pt x="1116585" y="0"/>
                </a:cubicBezTo>
                <a:cubicBezTo>
                  <a:pt x="1289106" y="-22044"/>
                  <a:pt x="1476077" y="65515"/>
                  <a:pt x="1669751" y="0"/>
                </a:cubicBezTo>
                <a:cubicBezTo>
                  <a:pt x="1863425" y="-65515"/>
                  <a:pt x="1918668" y="43796"/>
                  <a:pt x="2122341" y="0"/>
                </a:cubicBezTo>
                <a:cubicBezTo>
                  <a:pt x="2326014" y="-43796"/>
                  <a:pt x="2423353" y="56673"/>
                  <a:pt x="2700651" y="0"/>
                </a:cubicBezTo>
                <a:cubicBezTo>
                  <a:pt x="2827165" y="-9672"/>
                  <a:pt x="2863462" y="85905"/>
                  <a:pt x="2886912" y="186261"/>
                </a:cubicBezTo>
                <a:cubicBezTo>
                  <a:pt x="2902247" y="323121"/>
                  <a:pt x="2871725" y="437559"/>
                  <a:pt x="2886912" y="536420"/>
                </a:cubicBezTo>
                <a:cubicBezTo>
                  <a:pt x="2902099" y="635281"/>
                  <a:pt x="2885519" y="823613"/>
                  <a:pt x="2886912" y="931280"/>
                </a:cubicBezTo>
                <a:cubicBezTo>
                  <a:pt x="2882899" y="1053305"/>
                  <a:pt x="2818807" y="1110818"/>
                  <a:pt x="2700651" y="1117541"/>
                </a:cubicBezTo>
                <a:cubicBezTo>
                  <a:pt x="2528010" y="1179945"/>
                  <a:pt x="2327215" y="1054802"/>
                  <a:pt x="2172629" y="1117541"/>
                </a:cubicBezTo>
                <a:cubicBezTo>
                  <a:pt x="2018043" y="1180280"/>
                  <a:pt x="1869384" y="1073477"/>
                  <a:pt x="1669751" y="1117541"/>
                </a:cubicBezTo>
                <a:cubicBezTo>
                  <a:pt x="1470118" y="1161605"/>
                  <a:pt x="1251913" y="1077867"/>
                  <a:pt x="1116585" y="1117541"/>
                </a:cubicBezTo>
                <a:cubicBezTo>
                  <a:pt x="981257" y="1157215"/>
                  <a:pt x="381491" y="1034647"/>
                  <a:pt x="186261" y="1117541"/>
                </a:cubicBezTo>
                <a:cubicBezTo>
                  <a:pt x="60378" y="1114581"/>
                  <a:pt x="24425" y="1032930"/>
                  <a:pt x="0" y="931280"/>
                </a:cubicBezTo>
                <a:cubicBezTo>
                  <a:pt x="-34319" y="782200"/>
                  <a:pt x="27070" y="747222"/>
                  <a:pt x="0" y="566221"/>
                </a:cubicBezTo>
                <a:cubicBezTo>
                  <a:pt x="-27070" y="385220"/>
                  <a:pt x="33443" y="352664"/>
                  <a:pt x="0" y="186261"/>
                </a:cubicBezTo>
                <a:close/>
              </a:path>
              <a:path w="2886912" h="1117541" stroke="0" extrusionOk="0">
                <a:moveTo>
                  <a:pt x="0" y="186261"/>
                </a:moveTo>
                <a:cubicBezTo>
                  <a:pt x="11427" y="74798"/>
                  <a:pt x="93251" y="8854"/>
                  <a:pt x="186261" y="0"/>
                </a:cubicBezTo>
                <a:cubicBezTo>
                  <a:pt x="322717" y="-28404"/>
                  <a:pt x="426568" y="9187"/>
                  <a:pt x="613707" y="0"/>
                </a:cubicBezTo>
                <a:cubicBezTo>
                  <a:pt x="800846" y="-9187"/>
                  <a:pt x="946275" y="46054"/>
                  <a:pt x="1066298" y="0"/>
                </a:cubicBezTo>
                <a:cubicBezTo>
                  <a:pt x="1186321" y="-46054"/>
                  <a:pt x="1446773" y="42564"/>
                  <a:pt x="1544032" y="0"/>
                </a:cubicBezTo>
                <a:cubicBezTo>
                  <a:pt x="1641291" y="-42564"/>
                  <a:pt x="1820591" y="7737"/>
                  <a:pt x="1996622" y="0"/>
                </a:cubicBezTo>
                <a:cubicBezTo>
                  <a:pt x="2172653" y="-7737"/>
                  <a:pt x="2488420" y="32498"/>
                  <a:pt x="2700651" y="0"/>
                </a:cubicBezTo>
                <a:cubicBezTo>
                  <a:pt x="2818389" y="17048"/>
                  <a:pt x="2875409" y="104070"/>
                  <a:pt x="2886912" y="186261"/>
                </a:cubicBezTo>
                <a:cubicBezTo>
                  <a:pt x="2899362" y="346946"/>
                  <a:pt x="2869527" y="461916"/>
                  <a:pt x="2886912" y="566221"/>
                </a:cubicBezTo>
                <a:cubicBezTo>
                  <a:pt x="2904297" y="670526"/>
                  <a:pt x="2881236" y="817328"/>
                  <a:pt x="2886912" y="931280"/>
                </a:cubicBezTo>
                <a:cubicBezTo>
                  <a:pt x="2867082" y="1041347"/>
                  <a:pt x="2786431" y="1130690"/>
                  <a:pt x="2700651" y="1117541"/>
                </a:cubicBezTo>
                <a:cubicBezTo>
                  <a:pt x="2480269" y="1133751"/>
                  <a:pt x="2335461" y="1092189"/>
                  <a:pt x="2222917" y="1117541"/>
                </a:cubicBezTo>
                <a:cubicBezTo>
                  <a:pt x="2110373" y="1142893"/>
                  <a:pt x="1909569" y="1075342"/>
                  <a:pt x="1795471" y="1117541"/>
                </a:cubicBezTo>
                <a:cubicBezTo>
                  <a:pt x="1681373" y="1159740"/>
                  <a:pt x="1568880" y="1106772"/>
                  <a:pt x="1342880" y="1117541"/>
                </a:cubicBezTo>
                <a:cubicBezTo>
                  <a:pt x="1116880" y="1128310"/>
                  <a:pt x="1114751" y="1115939"/>
                  <a:pt x="915434" y="1117541"/>
                </a:cubicBezTo>
                <a:cubicBezTo>
                  <a:pt x="716117" y="1119143"/>
                  <a:pt x="354266" y="1080236"/>
                  <a:pt x="186261" y="1117541"/>
                </a:cubicBezTo>
                <a:cubicBezTo>
                  <a:pt x="70865" y="1139984"/>
                  <a:pt x="-12912" y="1040797"/>
                  <a:pt x="0" y="931280"/>
                </a:cubicBezTo>
                <a:cubicBezTo>
                  <a:pt x="-40087" y="801176"/>
                  <a:pt x="13253" y="671315"/>
                  <a:pt x="0" y="581121"/>
                </a:cubicBezTo>
                <a:cubicBezTo>
                  <a:pt x="-13253" y="490927"/>
                  <a:pt x="24924" y="265626"/>
                  <a:pt x="0" y="186261"/>
                </a:cubicBezTo>
                <a:close/>
              </a:path>
            </a:pathLst>
          </a:custGeom>
          <a:ln w="57150">
            <a:solidFill>
              <a:srgbClr val="00B050"/>
            </a:solidFill>
            <a:prstDash val="lgDashDotDot"/>
            <a:extLst>
              <a:ext uri="{C807C97D-BFC1-408E-A445-0C87EB9F89A2}">
                <ask:lineSketchStyleProps xmlns:ask="http://schemas.microsoft.com/office/drawing/2018/sketchyshapes" sd="2745233706">
                  <a:prstGeom prst="roundRect">
                    <a:avLst/>
                  </a:prstGeom>
                  <ask:type>
                    <ask:lineSketchScribble/>
                  </ask:type>
                </ask:lineSketchStyleProps>
              </a:ext>
            </a:extLst>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vi-VN" sz="3200" b="1">
                <a:solidFill>
                  <a:schemeClr val="tx1"/>
                </a:solidFill>
                <a:latin typeface="Times New Roman" panose="02020603050405020304" pitchFamily="18" charset="0"/>
                <a:cs typeface="Times New Roman" panose="02020603050405020304" pitchFamily="18" charset="0"/>
              </a:rPr>
              <a:t>SIÊU…..</a:t>
            </a:r>
            <a:endParaRPr lang="en-US" sz="3200" b="1">
              <a:solidFill>
                <a:schemeClr val="tx1"/>
              </a:solidFill>
              <a:latin typeface="Times New Roman" panose="02020603050405020304" pitchFamily="18" charset="0"/>
              <a:cs typeface="Times New Roman" panose="02020603050405020304" pitchFamily="18" charset="0"/>
            </a:endParaRPr>
          </a:p>
        </p:txBody>
      </p:sp>
      <p:pic>
        <p:nvPicPr>
          <p:cNvPr id="11" name="X2Download (mp3cut.net)">
            <a:hlinkClick r:id="" action="ppaction://media"/>
            <a:extLst>
              <a:ext uri="{FF2B5EF4-FFF2-40B4-BE49-F238E27FC236}">
                <a16:creationId xmlns:a16="http://schemas.microsoft.com/office/drawing/2014/main" id="{5EAAAF64-27A3-5847-2730-6DC4F0B85D1A}"/>
              </a:ext>
            </a:extLst>
          </p:cNvPr>
          <p:cNvPicPr>
            <a:picLocks noChangeAspect="1"/>
          </p:cNvPicPr>
          <p:nvPr>
            <a:audioFile r:link="rId3"/>
            <p:extLst>
              <p:ext uri="{DAA4B4D4-6D71-4841-9C94-3DE7FCFB9230}">
                <p14:media xmlns:p14="http://schemas.microsoft.com/office/powerpoint/2010/main" r:embed="rId2"/>
              </p:ext>
            </p:extLst>
          </p:nvPr>
        </p:nvPicPr>
        <p:blipFill>
          <a:blip r:embed="rId8"/>
          <a:stretch>
            <a:fillRect/>
          </a:stretch>
        </p:blipFill>
        <p:spPr>
          <a:xfrm>
            <a:off x="681038" y="5191066"/>
            <a:ext cx="406400" cy="406400"/>
          </a:xfrm>
          <a:prstGeom prst="rect">
            <a:avLst/>
          </a:prstGeom>
        </p:spPr>
      </p:pic>
    </p:spTree>
    <p:custDataLst>
      <p:tags r:id="rId1"/>
    </p:custDataLst>
    <p:extLst>
      <p:ext uri="{BB962C8B-B14F-4D97-AF65-F5344CB8AC3E}">
        <p14:creationId xmlns:p14="http://schemas.microsoft.com/office/powerpoint/2010/main" val="3070234788"/>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 presetClass="mediacall" presetSubtype="0" fill="hold" nodeType="clickEffect">
                                  <p:stCondLst>
                                    <p:cond delay="0"/>
                                  </p:stCondLst>
                                  <p:childTnLst>
                                    <p:cmd type="call" cmd="playFrom(0.0)">
                                      <p:cBhvr>
                                        <p:cTn id="11" dur="5856" fill="hold"/>
                                        <p:tgtEl>
                                          <p:spTgt spid="11"/>
                                        </p:tgtEl>
                                      </p:cBhvr>
                                    </p:cmd>
                                  </p:childTnLst>
                                </p:cTn>
                              </p:par>
                            </p:childTnLst>
                          </p:cTn>
                        </p:par>
                      </p:childTnLst>
                    </p:cTn>
                  </p:par>
                  <p:par>
                    <p:cTn id="12" fill="hold">
                      <p:stCondLst>
                        <p:cond delay="indefinite"/>
                      </p:stCondLst>
                      <p:childTnLst>
                        <p:par>
                          <p:cTn id="13" fill="hold">
                            <p:stCondLst>
                              <p:cond delay="0"/>
                            </p:stCondLst>
                            <p:childTnLst>
                              <p:par>
                                <p:cTn id="14" presetID="10" presetClass="entr" presetSubtype="0" fill="hold" nodeType="clickEffect">
                                  <p:stCondLst>
                                    <p:cond delay="0"/>
                                  </p:stCondLst>
                                  <p:childTnLst>
                                    <p:set>
                                      <p:cBhvr>
                                        <p:cTn id="15" dur="1" fill="hold">
                                          <p:stCondLst>
                                            <p:cond delay="0"/>
                                          </p:stCondLst>
                                        </p:cTn>
                                        <p:tgtEl>
                                          <p:spTgt spid="5"/>
                                        </p:tgtEl>
                                        <p:attrNameLst>
                                          <p:attrName>style.visibility</p:attrName>
                                        </p:attrNameLst>
                                      </p:cBhvr>
                                      <p:to>
                                        <p:strVal val="visible"/>
                                      </p:to>
                                    </p:set>
                                    <p:animEffect transition="in" filter="fade">
                                      <p:cBhvr>
                                        <p:cTn id="16" dur="500"/>
                                        <p:tgtEl>
                                          <p:spTgt spid="5"/>
                                        </p:tgtEl>
                                      </p:cBhvr>
                                    </p:animEffect>
                                  </p:childTnLst>
                                </p:cTn>
                              </p:par>
                            </p:childTnLst>
                          </p:cTn>
                        </p:par>
                      </p:childTnLst>
                    </p:cTn>
                  </p:par>
                  <p:par>
                    <p:cTn id="17" fill="hold">
                      <p:stCondLst>
                        <p:cond delay="indefinite"/>
                      </p:stCondLst>
                      <p:childTnLst>
                        <p:par>
                          <p:cTn id="18" fill="hold">
                            <p:stCondLst>
                              <p:cond delay="0"/>
                            </p:stCondLst>
                            <p:childTnLst>
                              <p:par>
                                <p:cTn id="19" presetID="26" presetClass="entr" presetSubtype="0" fill="hold" grpId="0" nodeType="clickEffect">
                                  <p:stCondLst>
                                    <p:cond delay="0"/>
                                  </p:stCondLst>
                                  <p:childTnLst>
                                    <p:set>
                                      <p:cBhvr>
                                        <p:cTn id="20" dur="1" fill="hold">
                                          <p:stCondLst>
                                            <p:cond delay="0"/>
                                          </p:stCondLst>
                                        </p:cTn>
                                        <p:tgtEl>
                                          <p:spTgt spid="10"/>
                                        </p:tgtEl>
                                        <p:attrNameLst>
                                          <p:attrName>style.visibility</p:attrName>
                                        </p:attrNameLst>
                                      </p:cBhvr>
                                      <p:to>
                                        <p:strVal val="visible"/>
                                      </p:to>
                                    </p:set>
                                    <p:animEffect transition="in" filter="wipe(down)">
                                      <p:cBhvr>
                                        <p:cTn id="21" dur="580">
                                          <p:stCondLst>
                                            <p:cond delay="0"/>
                                          </p:stCondLst>
                                        </p:cTn>
                                        <p:tgtEl>
                                          <p:spTgt spid="10"/>
                                        </p:tgtEl>
                                      </p:cBhvr>
                                    </p:animEffect>
                                    <p:anim calcmode="lin" valueType="num">
                                      <p:cBhvr>
                                        <p:cTn id="22" dur="1822" tmFilter="0,0; 0.14,0.36; 0.43,0.73; 0.71,0.91; 1.0,1.0">
                                          <p:stCondLst>
                                            <p:cond delay="0"/>
                                          </p:stCondLst>
                                        </p:cTn>
                                        <p:tgtEl>
                                          <p:spTgt spid="10"/>
                                        </p:tgtEl>
                                        <p:attrNameLst>
                                          <p:attrName>ppt_x</p:attrName>
                                        </p:attrNameLst>
                                      </p:cBhvr>
                                      <p:tavLst>
                                        <p:tav tm="0">
                                          <p:val>
                                            <p:strVal val="#ppt_x-0.25"/>
                                          </p:val>
                                        </p:tav>
                                        <p:tav tm="100000">
                                          <p:val>
                                            <p:strVal val="#ppt_x"/>
                                          </p:val>
                                        </p:tav>
                                      </p:tavLst>
                                    </p:anim>
                                    <p:anim calcmode="lin" valueType="num">
                                      <p:cBhvr>
                                        <p:cTn id="23" dur="664" tmFilter="0.0,0.0; 0.25,0.07; 0.50,0.2; 0.75,0.467; 1.0,1.0">
                                          <p:stCondLst>
                                            <p:cond delay="0"/>
                                          </p:stCondLst>
                                        </p:cTn>
                                        <p:tgtEl>
                                          <p:spTgt spid="10"/>
                                        </p:tgtEl>
                                        <p:attrNameLst>
                                          <p:attrName>ppt_y</p:attrName>
                                        </p:attrNameLst>
                                      </p:cBhvr>
                                      <p:tavLst>
                                        <p:tav tm="0" fmla="#ppt_y-sin(pi*$)/3">
                                          <p:val>
                                            <p:fltVal val="0.5"/>
                                          </p:val>
                                        </p:tav>
                                        <p:tav tm="100000">
                                          <p:val>
                                            <p:fltVal val="1"/>
                                          </p:val>
                                        </p:tav>
                                      </p:tavLst>
                                    </p:anim>
                                    <p:anim calcmode="lin" valueType="num">
                                      <p:cBhvr>
                                        <p:cTn id="24" dur="664" tmFilter="0, 0; 0.125,0.2665; 0.25,0.4; 0.375,0.465; 0.5,0.5;  0.625,0.535; 0.75,0.6; 0.875,0.7335; 1,1">
                                          <p:stCondLst>
                                            <p:cond delay="664"/>
                                          </p:stCondLst>
                                        </p:cTn>
                                        <p:tgtEl>
                                          <p:spTgt spid="10"/>
                                        </p:tgtEl>
                                        <p:attrNameLst>
                                          <p:attrName>ppt_y</p:attrName>
                                        </p:attrNameLst>
                                      </p:cBhvr>
                                      <p:tavLst>
                                        <p:tav tm="0" fmla="#ppt_y-sin(pi*$)/9">
                                          <p:val>
                                            <p:fltVal val="0"/>
                                          </p:val>
                                        </p:tav>
                                        <p:tav tm="100000">
                                          <p:val>
                                            <p:fltVal val="1"/>
                                          </p:val>
                                        </p:tav>
                                      </p:tavLst>
                                    </p:anim>
                                    <p:anim calcmode="lin" valueType="num">
                                      <p:cBhvr>
                                        <p:cTn id="25" dur="332" tmFilter="0, 0; 0.125,0.2665; 0.25,0.4; 0.375,0.465; 0.5,0.5;  0.625,0.535; 0.75,0.6; 0.875,0.7335; 1,1">
                                          <p:stCondLst>
                                            <p:cond delay="1324"/>
                                          </p:stCondLst>
                                        </p:cTn>
                                        <p:tgtEl>
                                          <p:spTgt spid="10"/>
                                        </p:tgtEl>
                                        <p:attrNameLst>
                                          <p:attrName>ppt_y</p:attrName>
                                        </p:attrNameLst>
                                      </p:cBhvr>
                                      <p:tavLst>
                                        <p:tav tm="0" fmla="#ppt_y-sin(pi*$)/27">
                                          <p:val>
                                            <p:fltVal val="0"/>
                                          </p:val>
                                        </p:tav>
                                        <p:tav tm="100000">
                                          <p:val>
                                            <p:fltVal val="1"/>
                                          </p:val>
                                        </p:tav>
                                      </p:tavLst>
                                    </p:anim>
                                    <p:anim calcmode="lin" valueType="num">
                                      <p:cBhvr>
                                        <p:cTn id="26" dur="164" tmFilter="0, 0; 0.125,0.2665; 0.25,0.4; 0.375,0.465; 0.5,0.5;  0.625,0.535; 0.75,0.6; 0.875,0.7335; 1,1">
                                          <p:stCondLst>
                                            <p:cond delay="1656"/>
                                          </p:stCondLst>
                                        </p:cTn>
                                        <p:tgtEl>
                                          <p:spTgt spid="10"/>
                                        </p:tgtEl>
                                        <p:attrNameLst>
                                          <p:attrName>ppt_y</p:attrName>
                                        </p:attrNameLst>
                                      </p:cBhvr>
                                      <p:tavLst>
                                        <p:tav tm="0" fmla="#ppt_y-sin(pi*$)/81">
                                          <p:val>
                                            <p:fltVal val="0"/>
                                          </p:val>
                                        </p:tav>
                                        <p:tav tm="100000">
                                          <p:val>
                                            <p:fltVal val="1"/>
                                          </p:val>
                                        </p:tav>
                                      </p:tavLst>
                                    </p:anim>
                                    <p:animScale>
                                      <p:cBhvr>
                                        <p:cTn id="27" dur="26">
                                          <p:stCondLst>
                                            <p:cond delay="650"/>
                                          </p:stCondLst>
                                        </p:cTn>
                                        <p:tgtEl>
                                          <p:spTgt spid="10"/>
                                        </p:tgtEl>
                                      </p:cBhvr>
                                      <p:to x="100000" y="60000"/>
                                    </p:animScale>
                                    <p:animScale>
                                      <p:cBhvr>
                                        <p:cTn id="28" dur="166" decel="50000">
                                          <p:stCondLst>
                                            <p:cond delay="676"/>
                                          </p:stCondLst>
                                        </p:cTn>
                                        <p:tgtEl>
                                          <p:spTgt spid="10"/>
                                        </p:tgtEl>
                                      </p:cBhvr>
                                      <p:to x="100000" y="100000"/>
                                    </p:animScale>
                                    <p:animScale>
                                      <p:cBhvr>
                                        <p:cTn id="29" dur="26">
                                          <p:stCondLst>
                                            <p:cond delay="1312"/>
                                          </p:stCondLst>
                                        </p:cTn>
                                        <p:tgtEl>
                                          <p:spTgt spid="10"/>
                                        </p:tgtEl>
                                      </p:cBhvr>
                                      <p:to x="100000" y="80000"/>
                                    </p:animScale>
                                    <p:animScale>
                                      <p:cBhvr>
                                        <p:cTn id="30" dur="166" decel="50000">
                                          <p:stCondLst>
                                            <p:cond delay="1338"/>
                                          </p:stCondLst>
                                        </p:cTn>
                                        <p:tgtEl>
                                          <p:spTgt spid="10"/>
                                        </p:tgtEl>
                                      </p:cBhvr>
                                      <p:to x="100000" y="100000"/>
                                    </p:animScale>
                                    <p:animScale>
                                      <p:cBhvr>
                                        <p:cTn id="31" dur="26">
                                          <p:stCondLst>
                                            <p:cond delay="1642"/>
                                          </p:stCondLst>
                                        </p:cTn>
                                        <p:tgtEl>
                                          <p:spTgt spid="10"/>
                                        </p:tgtEl>
                                      </p:cBhvr>
                                      <p:to x="100000" y="90000"/>
                                    </p:animScale>
                                    <p:animScale>
                                      <p:cBhvr>
                                        <p:cTn id="32" dur="166" decel="50000">
                                          <p:stCondLst>
                                            <p:cond delay="1668"/>
                                          </p:stCondLst>
                                        </p:cTn>
                                        <p:tgtEl>
                                          <p:spTgt spid="10"/>
                                        </p:tgtEl>
                                      </p:cBhvr>
                                      <p:to x="100000" y="100000"/>
                                    </p:animScale>
                                    <p:animScale>
                                      <p:cBhvr>
                                        <p:cTn id="33" dur="26">
                                          <p:stCondLst>
                                            <p:cond delay="1808"/>
                                          </p:stCondLst>
                                        </p:cTn>
                                        <p:tgtEl>
                                          <p:spTgt spid="10"/>
                                        </p:tgtEl>
                                      </p:cBhvr>
                                      <p:to x="100000" y="95000"/>
                                    </p:animScale>
                                    <p:animScale>
                                      <p:cBhvr>
                                        <p:cTn id="34" dur="166" decel="50000">
                                          <p:stCondLst>
                                            <p:cond delay="1834"/>
                                          </p:stCondLst>
                                        </p:cTn>
                                        <p:tgtEl>
                                          <p:spTgt spid="10"/>
                                        </p:tgtEl>
                                      </p:cBhvr>
                                      <p:to x="100000" y="100000"/>
                                    </p:animScale>
                                  </p:childTnLst>
                                </p:cTn>
                              </p:par>
                            </p:childTnLst>
                          </p:cTn>
                        </p:par>
                      </p:childTnLst>
                    </p:cTn>
                  </p:par>
                </p:childTnLst>
              </p:cTn>
              <p:prevCondLst>
                <p:cond evt="onPrev" delay="0">
                  <p:tgtEl>
                    <p:sldTgt/>
                  </p:tgtEl>
                </p:cond>
              </p:prevCondLst>
              <p:nextCondLst>
                <p:cond evt="onNext" delay="0">
                  <p:tgtEl>
                    <p:sldTgt/>
                  </p:tgtEl>
                </p:cond>
              </p:nextCondLst>
            </p:seq>
            <p:audio>
              <p:cMediaNode vol="80000">
                <p:cTn id="35" fill="hold" display="0">
                  <p:stCondLst>
                    <p:cond delay="indefinite"/>
                  </p:stCondLst>
                  <p:endCondLst>
                    <p:cond evt="onStopAudio" delay="0">
                      <p:tgtEl>
                        <p:sldTgt/>
                      </p:tgtEl>
                    </p:cond>
                  </p:endCondLst>
                </p:cTn>
                <p:tgtEl>
                  <p:spTgt spid="11"/>
                </p:tgtEl>
              </p:cMediaNode>
            </p:audio>
          </p:childTnLst>
        </p:cTn>
      </p:par>
    </p:tnLst>
    <p:bldLst>
      <p:bldP spid="10"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358"/>
        <p:cNvGrpSpPr/>
        <p:nvPr/>
      </p:nvGrpSpPr>
      <p:grpSpPr>
        <a:xfrm>
          <a:off x="0" y="0"/>
          <a:ext cx="0" cy="0"/>
          <a:chOff x="0" y="0"/>
          <a:chExt cx="0" cy="0"/>
        </a:xfrm>
      </p:grpSpPr>
      <p:sp>
        <p:nvSpPr>
          <p:cNvPr id="6" name="Rectangle 5">
            <a:extLst>
              <a:ext uri="{FF2B5EF4-FFF2-40B4-BE49-F238E27FC236}">
                <a16:creationId xmlns:a16="http://schemas.microsoft.com/office/drawing/2014/main" id="{88B54ABD-8F1B-4B9A-A322-AB0A1ADD05C1}"/>
              </a:ext>
            </a:extLst>
          </p:cNvPr>
          <p:cNvSpPr/>
          <p:nvPr/>
        </p:nvSpPr>
        <p:spPr>
          <a:xfrm>
            <a:off x="-137738" y="162580"/>
            <a:ext cx="10719089" cy="923330"/>
          </a:xfrm>
          <a:prstGeom prst="rect">
            <a:avLst/>
          </a:prstGeom>
          <a:noFill/>
        </p:spPr>
        <p:txBody>
          <a:bodyPr wrap="square" lIns="91440" tIns="45720" rIns="91440" bIns="45720">
            <a:spAutoFit/>
          </a:bodyPr>
          <a:lstStyle/>
          <a:p>
            <a:pPr algn="ctr"/>
            <a:r>
              <a:rPr lang="en-US" sz="5400" b="1" cap="none" spc="0" err="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Bài</a:t>
            </a:r>
            <a:r>
              <a:rPr lang="en-US"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 </a:t>
            </a:r>
            <a:r>
              <a:rPr lang="vi-VN"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1: Thông tin trên web</a:t>
            </a:r>
            <a:endParaRPr lang="en-US" sz="5400" b="1" cap="none" spc="0" dirty="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endParaRPr>
          </a:p>
        </p:txBody>
      </p:sp>
      <p:grpSp>
        <p:nvGrpSpPr>
          <p:cNvPr id="2" name="Group 6">
            <a:extLst>
              <a:ext uri="{FF2B5EF4-FFF2-40B4-BE49-F238E27FC236}">
                <a16:creationId xmlns:a16="http://schemas.microsoft.com/office/drawing/2014/main" id="{7B4247E9-D807-11F3-CD08-205691680CC0}"/>
              </a:ext>
            </a:extLst>
          </p:cNvPr>
          <p:cNvGrpSpPr/>
          <p:nvPr/>
        </p:nvGrpSpPr>
        <p:grpSpPr>
          <a:xfrm>
            <a:off x="218413" y="913223"/>
            <a:ext cx="6029988" cy="584775"/>
            <a:chOff x="293561" y="1124296"/>
            <a:chExt cx="3713701" cy="957453"/>
          </a:xfrm>
        </p:grpSpPr>
        <p:sp>
          <p:nvSpPr>
            <p:cNvPr id="3" name="Rectangle: Rounded Corners 44">
              <a:extLst>
                <a:ext uri="{FF2B5EF4-FFF2-40B4-BE49-F238E27FC236}">
                  <a16:creationId xmlns:a16="http://schemas.microsoft.com/office/drawing/2014/main" id="{4F09377A-9074-7E9C-4C0B-A02D84B4B163}"/>
                </a:ext>
              </a:extLst>
            </p:cNvPr>
            <p:cNvSpPr/>
            <p:nvPr/>
          </p:nvSpPr>
          <p:spPr>
            <a:xfrm>
              <a:off x="293561" y="1198683"/>
              <a:ext cx="3713701" cy="809738"/>
            </a:xfrm>
            <a:prstGeom prst="roundRect">
              <a:avLst>
                <a:gd name="adj" fmla="val 46278"/>
              </a:avLst>
            </a:prstGeom>
            <a:solidFill>
              <a:srgbClr val="FF8C65"/>
            </a:solidFill>
            <a:ln>
              <a:noFill/>
            </a:ln>
            <a:effectLst>
              <a:outerShdw blurRad="149987" dist="250190" dir="8460000" algn="ctr">
                <a:srgbClr val="000000">
                  <a:alpha val="28000"/>
                </a:srgbClr>
              </a:outerShdw>
              <a:reflection endPos="0" dist="254000" dir="5400000" sy="-100000" algn="bl" rotWithShape="0"/>
              <a:softEdge rad="0"/>
            </a:effectLst>
            <a:scene3d>
              <a:camera prst="orthographicFront">
                <a:rot lat="0" lon="0" rev="0"/>
              </a:camera>
              <a:lightRig rig="contrasting" dir="t">
                <a:rot lat="0" lon="0" rev="1500000"/>
              </a:lightRig>
            </a:scene3d>
            <a:sp3d prstMaterial="metal">
              <a:bevelT w="88900" h="889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4" name="TextBox 45">
              <a:extLst>
                <a:ext uri="{FF2B5EF4-FFF2-40B4-BE49-F238E27FC236}">
                  <a16:creationId xmlns:a16="http://schemas.microsoft.com/office/drawing/2014/main" id="{904D4BB9-CD94-9BCD-99BC-B7FC3D7E4BBF}"/>
                </a:ext>
              </a:extLst>
            </p:cNvPr>
            <p:cNvSpPr txBox="1"/>
            <p:nvPr/>
          </p:nvSpPr>
          <p:spPr>
            <a:xfrm>
              <a:off x="496832" y="1124296"/>
              <a:ext cx="3139370" cy="957453"/>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vi-VN" sz="3200" b="1">
                  <a:solidFill>
                    <a:schemeClr val="tx1">
                      <a:lumMod val="85000"/>
                      <a:lumOff val="15000"/>
                    </a:schemeClr>
                  </a:solidFill>
                  <a:latin typeface="Times New Roman" pitchFamily="18" charset="0"/>
                  <a:cs typeface="Times New Roman" pitchFamily="18" charset="0"/>
                </a:rPr>
                <a:t>2. Siêu văn bản, siêu liên kết</a:t>
              </a:r>
              <a:endParaRPr lang="en-GB" sz="3200" dirty="0">
                <a:solidFill>
                  <a:schemeClr val="tx1">
                    <a:lumMod val="85000"/>
                    <a:lumOff val="15000"/>
                  </a:schemeClr>
                </a:solidFill>
              </a:endParaRPr>
            </a:p>
          </p:txBody>
        </p:sp>
      </p:grpSp>
    </p:spTree>
    <p:custDataLst>
      <p:tags r:id="rId1"/>
    </p:custDataLst>
    <p:extLst>
      <p:ext uri="{BB962C8B-B14F-4D97-AF65-F5344CB8AC3E}">
        <p14:creationId xmlns:p14="http://schemas.microsoft.com/office/powerpoint/2010/main" val="2954824916"/>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358"/>
        <p:cNvGrpSpPr/>
        <p:nvPr/>
      </p:nvGrpSpPr>
      <p:grpSpPr>
        <a:xfrm>
          <a:off x="0" y="0"/>
          <a:ext cx="0" cy="0"/>
          <a:chOff x="0" y="0"/>
          <a:chExt cx="0" cy="0"/>
        </a:xfrm>
      </p:grpSpPr>
      <p:sp>
        <p:nvSpPr>
          <p:cNvPr id="6" name="Rectangle 5">
            <a:extLst>
              <a:ext uri="{FF2B5EF4-FFF2-40B4-BE49-F238E27FC236}">
                <a16:creationId xmlns:a16="http://schemas.microsoft.com/office/drawing/2014/main" id="{88B54ABD-8F1B-4B9A-A322-AB0A1ADD05C1}"/>
              </a:ext>
            </a:extLst>
          </p:cNvPr>
          <p:cNvSpPr/>
          <p:nvPr/>
        </p:nvSpPr>
        <p:spPr>
          <a:xfrm>
            <a:off x="-137738" y="162580"/>
            <a:ext cx="10719089" cy="923330"/>
          </a:xfrm>
          <a:prstGeom prst="rect">
            <a:avLst/>
          </a:prstGeom>
          <a:noFill/>
        </p:spPr>
        <p:txBody>
          <a:bodyPr wrap="square" lIns="91440" tIns="45720" rIns="91440" bIns="45720">
            <a:spAutoFit/>
          </a:bodyPr>
          <a:lstStyle/>
          <a:p>
            <a:pPr algn="ctr"/>
            <a:r>
              <a:rPr lang="en-US" sz="5400" b="1" cap="none" spc="0" err="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Bài</a:t>
            </a:r>
            <a:r>
              <a:rPr lang="en-US"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 </a:t>
            </a:r>
            <a:r>
              <a:rPr lang="vi-VN" sz="5400" b="1" cap="none" spc="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rPr>
              <a:t>1: Thông tin trên web</a:t>
            </a:r>
            <a:endParaRPr lang="en-US" sz="5400" b="1" cap="none" spc="0" dirty="0">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Patrick Hand SC" panose="020B0604020202020204" charset="0"/>
              <a:ea typeface="Tahoma" panose="020B0604030504040204" pitchFamily="34" charset="0"/>
              <a:cs typeface="Tahoma" panose="020B0604030504040204" pitchFamily="34" charset="0"/>
            </a:endParaRPr>
          </a:p>
        </p:txBody>
      </p:sp>
      <p:sp>
        <p:nvSpPr>
          <p:cNvPr id="3" name="TextBox 45">
            <a:extLst>
              <a:ext uri="{FF2B5EF4-FFF2-40B4-BE49-F238E27FC236}">
                <a16:creationId xmlns:a16="http://schemas.microsoft.com/office/drawing/2014/main" id="{B4C1637E-D907-45C7-B4B5-787D545C7F63}"/>
              </a:ext>
            </a:extLst>
          </p:cNvPr>
          <p:cNvSpPr txBox="1"/>
          <p:nvPr/>
        </p:nvSpPr>
        <p:spPr>
          <a:xfrm>
            <a:off x="486402" y="913223"/>
            <a:ext cx="4138899" cy="657923"/>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en-US" sz="3200" b="1" dirty="0">
                <a:solidFill>
                  <a:schemeClr val="tx1">
                    <a:lumMod val="85000"/>
                    <a:lumOff val="15000"/>
                  </a:schemeClr>
                </a:solidFill>
                <a:latin typeface="Times New Roman" pitchFamily="18" charset="0"/>
                <a:cs typeface="Times New Roman" pitchFamily="18" charset="0"/>
              </a:rPr>
              <a:t>1</a:t>
            </a:r>
            <a:r>
              <a:rPr lang="en-US" sz="3200" b="1">
                <a:solidFill>
                  <a:schemeClr val="tx1">
                    <a:lumMod val="85000"/>
                    <a:lumOff val="15000"/>
                  </a:schemeClr>
                </a:solidFill>
                <a:latin typeface="Times New Roman" pitchFamily="18" charset="0"/>
                <a:cs typeface="Times New Roman" pitchFamily="18" charset="0"/>
              </a:rPr>
              <a:t>. </a:t>
            </a:r>
            <a:r>
              <a:rPr lang="vi-VN" sz="3200" b="1">
                <a:solidFill>
                  <a:schemeClr val="tx1">
                    <a:lumMod val="85000"/>
                    <a:lumOff val="15000"/>
                  </a:schemeClr>
                </a:solidFill>
                <a:latin typeface="Times New Roman" pitchFamily="18" charset="0"/>
                <a:cs typeface="Times New Roman" pitchFamily="18" charset="0"/>
              </a:rPr>
              <a:t>Khám phá website</a:t>
            </a:r>
            <a:endParaRPr lang="en-GB" sz="3200" dirty="0">
              <a:solidFill>
                <a:schemeClr val="tx1">
                  <a:lumMod val="85000"/>
                  <a:lumOff val="15000"/>
                </a:schemeClr>
              </a:solidFill>
            </a:endParaRPr>
          </a:p>
        </p:txBody>
      </p:sp>
      <p:grpSp>
        <p:nvGrpSpPr>
          <p:cNvPr id="4" name="Group 6">
            <a:extLst>
              <a:ext uri="{FF2B5EF4-FFF2-40B4-BE49-F238E27FC236}">
                <a16:creationId xmlns:a16="http://schemas.microsoft.com/office/drawing/2014/main" id="{AFC2AB11-164D-BB7E-D061-B6C017F745A6}"/>
              </a:ext>
            </a:extLst>
          </p:cNvPr>
          <p:cNvGrpSpPr/>
          <p:nvPr/>
        </p:nvGrpSpPr>
        <p:grpSpPr>
          <a:xfrm>
            <a:off x="218412" y="913223"/>
            <a:ext cx="6096663" cy="1077218"/>
            <a:chOff x="293561" y="1124296"/>
            <a:chExt cx="3713701" cy="1763731"/>
          </a:xfrm>
        </p:grpSpPr>
        <p:sp>
          <p:nvSpPr>
            <p:cNvPr id="5" name="Rectangle: Rounded Corners 44">
              <a:extLst>
                <a:ext uri="{FF2B5EF4-FFF2-40B4-BE49-F238E27FC236}">
                  <a16:creationId xmlns:a16="http://schemas.microsoft.com/office/drawing/2014/main" id="{F7631F67-4393-009F-58D6-4FB8B18AB418}"/>
                </a:ext>
              </a:extLst>
            </p:cNvPr>
            <p:cNvSpPr/>
            <p:nvPr/>
          </p:nvSpPr>
          <p:spPr>
            <a:xfrm>
              <a:off x="293561" y="1198683"/>
              <a:ext cx="3713701" cy="809738"/>
            </a:xfrm>
            <a:prstGeom prst="roundRect">
              <a:avLst>
                <a:gd name="adj" fmla="val 46278"/>
              </a:avLst>
            </a:prstGeom>
            <a:solidFill>
              <a:srgbClr val="FF8C65"/>
            </a:solidFill>
            <a:ln>
              <a:noFill/>
            </a:ln>
            <a:effectLst>
              <a:outerShdw blurRad="149987" dist="250190" dir="8460000" algn="ctr">
                <a:srgbClr val="000000">
                  <a:alpha val="28000"/>
                </a:srgbClr>
              </a:outerShdw>
              <a:reflection endPos="0" dist="254000" dir="5400000" sy="-100000" algn="bl" rotWithShape="0"/>
              <a:softEdge rad="0"/>
            </a:effectLst>
            <a:scene3d>
              <a:camera prst="orthographicFront">
                <a:rot lat="0" lon="0" rev="0"/>
              </a:camera>
              <a:lightRig rig="contrasting" dir="t">
                <a:rot lat="0" lon="0" rev="1500000"/>
              </a:lightRig>
            </a:scene3d>
            <a:sp3d prstMaterial="metal">
              <a:bevelT w="88900" h="889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8" name="TextBox 45">
              <a:extLst>
                <a:ext uri="{FF2B5EF4-FFF2-40B4-BE49-F238E27FC236}">
                  <a16:creationId xmlns:a16="http://schemas.microsoft.com/office/drawing/2014/main" id="{1561AF78-ACC1-D542-CF7C-9090F06EC148}"/>
                </a:ext>
              </a:extLst>
            </p:cNvPr>
            <p:cNvSpPr txBox="1"/>
            <p:nvPr/>
          </p:nvSpPr>
          <p:spPr>
            <a:xfrm>
              <a:off x="496832" y="1124296"/>
              <a:ext cx="3139370" cy="1763731"/>
            </a:xfrm>
            <a:prstGeom prst="rect">
              <a:avLst/>
            </a:prstGeom>
            <a:noFill/>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p:spPr>
          <p:txBody>
            <a:bodyPr wrap="square">
              <a:spAutoFit/>
            </a:bodyPr>
            <a:lstStyle/>
            <a:p>
              <a:r>
                <a:rPr lang="vi-VN" sz="3200" b="1">
                  <a:solidFill>
                    <a:schemeClr val="tx1">
                      <a:lumMod val="85000"/>
                      <a:lumOff val="15000"/>
                    </a:schemeClr>
                  </a:solidFill>
                  <a:latin typeface="Times New Roman" pitchFamily="18" charset="0"/>
                  <a:cs typeface="Times New Roman" pitchFamily="18" charset="0"/>
                </a:rPr>
                <a:t>2. Siêu văn bản, siêu liên kết</a:t>
              </a:r>
              <a:endParaRPr lang="en-GB" sz="3200" dirty="0">
                <a:solidFill>
                  <a:schemeClr val="tx1">
                    <a:lumMod val="85000"/>
                    <a:lumOff val="15000"/>
                  </a:schemeClr>
                </a:solidFill>
              </a:endParaRPr>
            </a:p>
          </p:txBody>
        </p:sp>
      </p:grpSp>
      <p:sp>
        <p:nvSpPr>
          <p:cNvPr id="10" name="Hộp Văn bản 9">
            <a:extLst>
              <a:ext uri="{FF2B5EF4-FFF2-40B4-BE49-F238E27FC236}">
                <a16:creationId xmlns:a16="http://schemas.microsoft.com/office/drawing/2014/main" id="{0EE5BC28-1983-1809-C655-426CB1546576}"/>
              </a:ext>
            </a:extLst>
          </p:cNvPr>
          <p:cNvSpPr txBox="1"/>
          <p:nvPr/>
        </p:nvSpPr>
        <p:spPr>
          <a:xfrm>
            <a:off x="552115" y="3365516"/>
            <a:ext cx="9839660" cy="1077218"/>
          </a:xfrm>
          <a:prstGeom prst="rect">
            <a:avLst/>
          </a:prstGeom>
          <a:noFill/>
        </p:spPr>
        <p:txBody>
          <a:bodyPr wrap="square">
            <a:spAutoFit/>
          </a:bodyPr>
          <a:lstStyle/>
          <a:p>
            <a:pPr algn="just"/>
            <a:r>
              <a:rPr lang="vi-VN" sz="3200">
                <a:solidFill>
                  <a:schemeClr val="tx1"/>
                </a:solidFill>
                <a:latin typeface="Times New Roman" panose="02020603050405020304" pitchFamily="18" charset="0"/>
                <a:cs typeface="Times New Roman" panose="02020603050405020304" pitchFamily="18" charset="0"/>
              </a:rPr>
              <a:t>- Siêu liên kết là ……………đến .…………..của đoạn văn bản/trang web cần truy cập đến</a:t>
            </a:r>
            <a:endParaRPr lang="en-US" sz="3200">
              <a:solidFill>
                <a:schemeClr val="tx1"/>
              </a:solidFill>
              <a:latin typeface="Times New Roman" panose="02020603050405020304" pitchFamily="18" charset="0"/>
              <a:cs typeface="Times New Roman" panose="02020603050405020304" pitchFamily="18" charset="0"/>
            </a:endParaRPr>
          </a:p>
        </p:txBody>
      </p:sp>
      <p:sp>
        <p:nvSpPr>
          <p:cNvPr id="14" name="Hộp Văn bản 13">
            <a:extLst>
              <a:ext uri="{FF2B5EF4-FFF2-40B4-BE49-F238E27FC236}">
                <a16:creationId xmlns:a16="http://schemas.microsoft.com/office/drawing/2014/main" id="{E62C5D2F-AF85-BE0E-1B2D-6200DB89BD38}"/>
              </a:ext>
            </a:extLst>
          </p:cNvPr>
          <p:cNvSpPr txBox="1"/>
          <p:nvPr/>
        </p:nvSpPr>
        <p:spPr>
          <a:xfrm>
            <a:off x="552115" y="4870524"/>
            <a:ext cx="9839660" cy="1077218"/>
          </a:xfrm>
          <a:prstGeom prst="rect">
            <a:avLst/>
          </a:prstGeom>
          <a:noFill/>
        </p:spPr>
        <p:txBody>
          <a:bodyPr wrap="square">
            <a:spAutoFit/>
          </a:bodyPr>
          <a:lstStyle/>
          <a:p>
            <a:pPr algn="just"/>
            <a:r>
              <a:rPr lang="vi-VN" sz="3200">
                <a:solidFill>
                  <a:schemeClr val="tx1"/>
                </a:solidFill>
                <a:latin typeface="Times New Roman" panose="02020603050405020304" pitchFamily="18" charset="0"/>
                <a:cs typeface="Times New Roman" panose="02020603050405020304" pitchFamily="18" charset="0"/>
              </a:rPr>
              <a:t>- Siêu văn bản là đoạn văn bản, hình ảnh có chứa……………………</a:t>
            </a:r>
            <a:endParaRPr lang="en-US" sz="3200">
              <a:solidFill>
                <a:schemeClr val="tx1"/>
              </a:solidFill>
              <a:latin typeface="Times New Roman" panose="02020603050405020304" pitchFamily="18" charset="0"/>
              <a:cs typeface="Times New Roman" panose="02020603050405020304" pitchFamily="18" charset="0"/>
            </a:endParaRPr>
          </a:p>
        </p:txBody>
      </p:sp>
      <p:sp>
        <p:nvSpPr>
          <p:cNvPr id="18" name="Hộp Văn bản 17">
            <a:extLst>
              <a:ext uri="{FF2B5EF4-FFF2-40B4-BE49-F238E27FC236}">
                <a16:creationId xmlns:a16="http://schemas.microsoft.com/office/drawing/2014/main" id="{8146D0F1-D08A-3DCA-4DB2-E35EA691E4B4}"/>
              </a:ext>
            </a:extLst>
          </p:cNvPr>
          <p:cNvSpPr txBox="1"/>
          <p:nvPr/>
        </p:nvSpPr>
        <p:spPr>
          <a:xfrm>
            <a:off x="1187909" y="2320926"/>
            <a:ext cx="2310949" cy="584775"/>
          </a:xfrm>
          <a:prstGeom prst="rect">
            <a:avLst/>
          </a:prstGeom>
          <a:noFill/>
        </p:spPr>
        <p:txBody>
          <a:bodyPr wrap="square">
            <a:spAutoFit/>
          </a:bodyPr>
          <a:lstStyle/>
          <a:p>
            <a:r>
              <a:rPr lang="vi-VN" sz="3200">
                <a:solidFill>
                  <a:srgbClr val="FF0070"/>
                </a:solidFill>
                <a:latin typeface="Times New Roman" panose="02020603050405020304" pitchFamily="18" charset="0"/>
                <a:cs typeface="Times New Roman" panose="02020603050405020304" pitchFamily="18" charset="0"/>
              </a:rPr>
              <a:t>đường dẫn </a:t>
            </a:r>
            <a:endParaRPr lang="en-US" sz="2800">
              <a:solidFill>
                <a:srgbClr val="FF0070"/>
              </a:solidFill>
              <a:latin typeface="Times New Roman" panose="02020603050405020304" pitchFamily="18" charset="0"/>
              <a:cs typeface="Times New Roman" panose="02020603050405020304" pitchFamily="18" charset="0"/>
            </a:endParaRPr>
          </a:p>
        </p:txBody>
      </p:sp>
      <p:sp>
        <p:nvSpPr>
          <p:cNvPr id="20" name="Hộp Văn bản 19">
            <a:extLst>
              <a:ext uri="{FF2B5EF4-FFF2-40B4-BE49-F238E27FC236}">
                <a16:creationId xmlns:a16="http://schemas.microsoft.com/office/drawing/2014/main" id="{9070E0D7-5335-FA9A-2895-F9189FE4C419}"/>
              </a:ext>
            </a:extLst>
          </p:cNvPr>
          <p:cNvSpPr txBox="1"/>
          <p:nvPr/>
        </p:nvSpPr>
        <p:spPr>
          <a:xfrm>
            <a:off x="7920030" y="2312988"/>
            <a:ext cx="1793552" cy="584775"/>
          </a:xfrm>
          <a:prstGeom prst="rect">
            <a:avLst/>
          </a:prstGeom>
          <a:noFill/>
        </p:spPr>
        <p:txBody>
          <a:bodyPr wrap="square">
            <a:spAutoFit/>
          </a:bodyPr>
          <a:lstStyle/>
          <a:p>
            <a:r>
              <a:rPr lang="vi-VN" sz="3200">
                <a:solidFill>
                  <a:srgbClr val="FF0070"/>
                </a:solidFill>
                <a:latin typeface="Times New Roman" panose="02020603050405020304" pitchFamily="18" charset="0"/>
                <a:cs typeface="Times New Roman" panose="02020603050405020304" pitchFamily="18" charset="0"/>
              </a:rPr>
              <a:t>vị trí </a:t>
            </a:r>
            <a:endParaRPr lang="en-US" sz="2800">
              <a:solidFill>
                <a:srgbClr val="FF0070"/>
              </a:solidFill>
              <a:latin typeface="Times New Roman" panose="02020603050405020304" pitchFamily="18" charset="0"/>
              <a:cs typeface="Times New Roman" panose="02020603050405020304" pitchFamily="18" charset="0"/>
            </a:endParaRPr>
          </a:p>
        </p:txBody>
      </p:sp>
      <p:sp>
        <p:nvSpPr>
          <p:cNvPr id="22" name="Hộp Văn bản 21">
            <a:extLst>
              <a:ext uri="{FF2B5EF4-FFF2-40B4-BE49-F238E27FC236}">
                <a16:creationId xmlns:a16="http://schemas.microsoft.com/office/drawing/2014/main" id="{A7897D7B-0048-BCF6-E727-B769CEC8BC76}"/>
              </a:ext>
            </a:extLst>
          </p:cNvPr>
          <p:cNvSpPr txBox="1"/>
          <p:nvPr/>
        </p:nvSpPr>
        <p:spPr>
          <a:xfrm>
            <a:off x="4251554" y="2317170"/>
            <a:ext cx="2440781" cy="584775"/>
          </a:xfrm>
          <a:prstGeom prst="rect">
            <a:avLst/>
          </a:prstGeom>
          <a:noFill/>
        </p:spPr>
        <p:txBody>
          <a:bodyPr wrap="square">
            <a:spAutoFit/>
          </a:bodyPr>
          <a:lstStyle/>
          <a:p>
            <a:r>
              <a:rPr lang="vi-VN" sz="3200">
                <a:solidFill>
                  <a:srgbClr val="FF0070"/>
                </a:solidFill>
                <a:latin typeface="Times New Roman" panose="02020603050405020304" pitchFamily="18" charset="0"/>
                <a:cs typeface="Times New Roman" panose="02020603050405020304" pitchFamily="18" charset="0"/>
              </a:rPr>
              <a:t>siêu liên kết</a:t>
            </a:r>
            <a:endParaRPr lang="en-US" sz="2800">
              <a:solidFill>
                <a:srgbClr val="FF0070"/>
              </a:solidFill>
              <a:latin typeface="Times New Roman" panose="02020603050405020304" pitchFamily="18" charset="0"/>
              <a:cs typeface="Times New Roman" panose="02020603050405020304" pitchFamily="18" charset="0"/>
            </a:endParaRPr>
          </a:p>
        </p:txBody>
      </p:sp>
      <p:sp>
        <p:nvSpPr>
          <p:cNvPr id="23" name="Rectangle: Rounded Corners 123">
            <a:extLst>
              <a:ext uri="{FF2B5EF4-FFF2-40B4-BE49-F238E27FC236}">
                <a16:creationId xmlns:a16="http://schemas.microsoft.com/office/drawing/2014/main" id="{C5B602B0-B832-0C6C-014A-6FDB02BB753F}"/>
              </a:ext>
            </a:extLst>
          </p:cNvPr>
          <p:cNvSpPr/>
          <p:nvPr/>
        </p:nvSpPr>
        <p:spPr>
          <a:xfrm>
            <a:off x="1136545" y="1392687"/>
            <a:ext cx="8375020" cy="923330"/>
          </a:xfrm>
          <a:prstGeom prst="roundRect">
            <a:avLst/>
          </a:prstGeom>
          <a:noFill/>
          <a:ln>
            <a:noFill/>
          </a:ln>
          <a:effectLst>
            <a:glow rad="63500">
              <a:schemeClr val="accent1">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3200" b="1">
                <a:solidFill>
                  <a:srgbClr val="002060"/>
                </a:solidFill>
                <a:latin typeface="Times New Roman" panose="02020603050405020304" pitchFamily="18" charset="0"/>
                <a:cs typeface="Times New Roman" panose="02020603050405020304" pitchFamily="18" charset="0"/>
              </a:rPr>
              <a:t>Điền cụm từ thích hợp vào chỗ trống:</a:t>
            </a:r>
          </a:p>
        </p:txBody>
      </p:sp>
    </p:spTree>
    <p:custDataLst>
      <p:tags r:id="rId1"/>
    </p:custDataLst>
    <p:extLst>
      <p:ext uri="{BB962C8B-B14F-4D97-AF65-F5344CB8AC3E}">
        <p14:creationId xmlns:p14="http://schemas.microsoft.com/office/powerpoint/2010/main" val="1482707730"/>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0" presetClass="path" presetSubtype="0" accel="50000" decel="50000" fill="hold" grpId="0" nodeType="clickEffect">
                                  <p:stCondLst>
                                    <p:cond delay="0"/>
                                  </p:stCondLst>
                                  <p:childTnLst>
                                    <p:animMotion origin="layout" path="M 0.00118 -0.00588 L 0.10804 -0.00588 C 0.15596 -0.00588 0.2152 0.03528 0.2152 0.0686 L 0.2152 0.14356 " pathEditMode="relative" rAng="0" ptsTypes="AAAA">
                                      <p:cBhvr>
                                        <p:cTn id="6" dur="2000" fill="hold"/>
                                        <p:tgtEl>
                                          <p:spTgt spid="18"/>
                                        </p:tgtEl>
                                        <p:attrNameLst>
                                          <p:attrName>ppt_x</p:attrName>
                                          <p:attrName>ppt_y</p:attrName>
                                        </p:attrNameLst>
                                      </p:cBhvr>
                                      <p:rCtr x="10701" y="7472"/>
                                    </p:animMotion>
                                  </p:childTnLst>
                                </p:cTn>
                              </p:par>
                            </p:childTnLst>
                          </p:cTn>
                        </p:par>
                      </p:childTnLst>
                    </p:cTn>
                  </p:par>
                  <p:par>
                    <p:cTn id="7" fill="hold">
                      <p:stCondLst>
                        <p:cond delay="indefinite"/>
                      </p:stCondLst>
                      <p:childTnLst>
                        <p:par>
                          <p:cTn id="8" fill="hold">
                            <p:stCondLst>
                              <p:cond delay="0"/>
                            </p:stCondLst>
                            <p:childTnLst>
                              <p:par>
                                <p:cTn id="9" presetID="50" presetClass="path" presetSubtype="0" accel="50000" decel="50000" fill="hold" grpId="0" nodeType="clickEffect">
                                  <p:stCondLst>
                                    <p:cond delay="0"/>
                                  </p:stCondLst>
                                  <p:childTnLst>
                                    <p:animMotion origin="layout" path="M -0.01175 1.18079E-6 L -0.06776 1.18079E-6 C -0.09275 1.18079E-6 -0.12347 0.03969 -0.12347 0.07202 L -0.12347 0.14478 " pathEditMode="relative" rAng="0" ptsTypes="AAAA">
                                      <p:cBhvr>
                                        <p:cTn id="10" dur="2000" fill="hold"/>
                                        <p:tgtEl>
                                          <p:spTgt spid="20"/>
                                        </p:tgtEl>
                                        <p:attrNameLst>
                                          <p:attrName>ppt_x</p:attrName>
                                          <p:attrName>ppt_y</p:attrName>
                                        </p:attrNameLst>
                                      </p:cBhvr>
                                      <p:rCtr x="-5586" y="7227"/>
                                    </p:animMotion>
                                  </p:childTnLst>
                                </p:cTn>
                              </p:par>
                            </p:childTnLst>
                          </p:cTn>
                        </p:par>
                      </p:childTnLst>
                    </p:cTn>
                  </p:par>
                  <p:par>
                    <p:cTn id="11" fill="hold">
                      <p:stCondLst>
                        <p:cond delay="indefinite"/>
                      </p:stCondLst>
                      <p:childTnLst>
                        <p:par>
                          <p:cTn id="12" fill="hold">
                            <p:stCondLst>
                              <p:cond delay="0"/>
                            </p:stCondLst>
                            <p:childTnLst>
                              <p:par>
                                <p:cTn id="13" presetID="50" presetClass="path" presetSubtype="0" accel="50000" decel="50000" fill="hold" grpId="0" nodeType="clickEffect">
                                  <p:stCondLst>
                                    <p:cond delay="0"/>
                                  </p:stCondLst>
                                  <p:childTnLst>
                                    <p:animMotion origin="layout" path="M -0.00676 -0.02302 L -0.1198 -0.02302 C -0.17037 -0.02302 -0.23269 0.10657 -0.23269 0.21142 L -0.23269 0.4466 " pathEditMode="relative" rAng="0" ptsTypes="AAAA">
                                      <p:cBhvr>
                                        <p:cTn id="14" dur="2000" fill="hold"/>
                                        <p:tgtEl>
                                          <p:spTgt spid="22"/>
                                        </p:tgtEl>
                                        <p:attrNameLst>
                                          <p:attrName>ppt_x</p:attrName>
                                          <p:attrName>ppt_y</p:attrName>
                                        </p:attrNameLst>
                                      </p:cBhvr>
                                      <p:rCtr x="-11304" y="23469"/>
                                    </p:animMotion>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p:bldP spid="20" grpId="0"/>
      <p:bldP spid="22" grpId="0"/>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847"/>
        <p:cNvGrpSpPr/>
        <p:nvPr/>
      </p:nvGrpSpPr>
      <p:grpSpPr>
        <a:xfrm>
          <a:off x="0" y="0"/>
          <a:ext cx="0" cy="0"/>
          <a:chOff x="0" y="0"/>
          <a:chExt cx="0" cy="0"/>
        </a:xfrm>
      </p:grpSpPr>
      <p:grpSp>
        <p:nvGrpSpPr>
          <p:cNvPr id="849" name="Google Shape;849;p49"/>
          <p:cNvGrpSpPr/>
          <p:nvPr/>
        </p:nvGrpSpPr>
        <p:grpSpPr>
          <a:xfrm rot="-6123802">
            <a:off x="277156" y="89534"/>
            <a:ext cx="1068247" cy="1196196"/>
            <a:chOff x="1835200" y="3337050"/>
            <a:chExt cx="279350" cy="312825"/>
          </a:xfrm>
        </p:grpSpPr>
        <p:sp>
          <p:nvSpPr>
            <p:cNvPr id="850" name="Google Shape;850;p49"/>
            <p:cNvSpPr/>
            <p:nvPr/>
          </p:nvSpPr>
          <p:spPr>
            <a:xfrm>
              <a:off x="1835200" y="3337050"/>
              <a:ext cx="64900" cy="154325"/>
            </a:xfrm>
            <a:custGeom>
              <a:avLst/>
              <a:gdLst/>
              <a:ahLst/>
              <a:cxnLst/>
              <a:rect l="l" t="t" r="r" b="b"/>
              <a:pathLst>
                <a:path w="2596" h="6173" extrusionOk="0">
                  <a:moveTo>
                    <a:pt x="2595" y="795"/>
                  </a:moveTo>
                  <a:cubicBezTo>
                    <a:pt x="2574" y="942"/>
                    <a:pt x="2511" y="1172"/>
                    <a:pt x="2449" y="1381"/>
                  </a:cubicBezTo>
                  <a:lnTo>
                    <a:pt x="1967" y="3034"/>
                  </a:lnTo>
                  <a:cubicBezTo>
                    <a:pt x="1779" y="3599"/>
                    <a:pt x="1549" y="4143"/>
                    <a:pt x="1361" y="4729"/>
                  </a:cubicBezTo>
                  <a:cubicBezTo>
                    <a:pt x="1277" y="4959"/>
                    <a:pt x="1214" y="5189"/>
                    <a:pt x="1130" y="5461"/>
                  </a:cubicBezTo>
                  <a:cubicBezTo>
                    <a:pt x="1110" y="5566"/>
                    <a:pt x="1089" y="5691"/>
                    <a:pt x="1047" y="5796"/>
                  </a:cubicBezTo>
                  <a:cubicBezTo>
                    <a:pt x="963" y="6005"/>
                    <a:pt x="838" y="6131"/>
                    <a:pt x="607" y="6173"/>
                  </a:cubicBezTo>
                  <a:cubicBezTo>
                    <a:pt x="398" y="6173"/>
                    <a:pt x="231" y="6068"/>
                    <a:pt x="168" y="5859"/>
                  </a:cubicBezTo>
                  <a:cubicBezTo>
                    <a:pt x="63" y="5545"/>
                    <a:pt x="1" y="5252"/>
                    <a:pt x="105" y="4938"/>
                  </a:cubicBezTo>
                  <a:cubicBezTo>
                    <a:pt x="168" y="4771"/>
                    <a:pt x="252" y="4624"/>
                    <a:pt x="314" y="4457"/>
                  </a:cubicBezTo>
                  <a:cubicBezTo>
                    <a:pt x="628" y="3871"/>
                    <a:pt x="838" y="3201"/>
                    <a:pt x="1026" y="2532"/>
                  </a:cubicBezTo>
                  <a:cubicBezTo>
                    <a:pt x="1193" y="2030"/>
                    <a:pt x="1361" y="1569"/>
                    <a:pt x="1528" y="1088"/>
                  </a:cubicBezTo>
                  <a:cubicBezTo>
                    <a:pt x="1612" y="858"/>
                    <a:pt x="1654" y="586"/>
                    <a:pt x="1737" y="356"/>
                  </a:cubicBezTo>
                  <a:cubicBezTo>
                    <a:pt x="1821" y="147"/>
                    <a:pt x="1988" y="0"/>
                    <a:pt x="2177" y="21"/>
                  </a:cubicBezTo>
                  <a:cubicBezTo>
                    <a:pt x="2386" y="63"/>
                    <a:pt x="2511" y="230"/>
                    <a:pt x="2532" y="440"/>
                  </a:cubicBezTo>
                  <a:cubicBezTo>
                    <a:pt x="2532" y="460"/>
                    <a:pt x="2574" y="586"/>
                    <a:pt x="2595" y="79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1" name="Google Shape;851;p49"/>
            <p:cNvSpPr/>
            <p:nvPr/>
          </p:nvSpPr>
          <p:spPr>
            <a:xfrm>
              <a:off x="1948725" y="3612700"/>
              <a:ext cx="165825" cy="37175"/>
            </a:xfrm>
            <a:custGeom>
              <a:avLst/>
              <a:gdLst/>
              <a:ahLst/>
              <a:cxnLst/>
              <a:rect l="l" t="t" r="r" b="b"/>
              <a:pathLst>
                <a:path w="6633" h="1487" extrusionOk="0">
                  <a:moveTo>
                    <a:pt x="2260" y="1466"/>
                  </a:moveTo>
                  <a:cubicBezTo>
                    <a:pt x="1653" y="1382"/>
                    <a:pt x="1088" y="1340"/>
                    <a:pt x="481" y="1256"/>
                  </a:cubicBezTo>
                  <a:cubicBezTo>
                    <a:pt x="377" y="1235"/>
                    <a:pt x="272" y="1214"/>
                    <a:pt x="167" y="1152"/>
                  </a:cubicBezTo>
                  <a:cubicBezTo>
                    <a:pt x="21" y="1068"/>
                    <a:pt x="0" y="817"/>
                    <a:pt x="146" y="733"/>
                  </a:cubicBezTo>
                  <a:cubicBezTo>
                    <a:pt x="272" y="649"/>
                    <a:pt x="398" y="608"/>
                    <a:pt x="544" y="587"/>
                  </a:cubicBezTo>
                  <a:cubicBezTo>
                    <a:pt x="1109" y="524"/>
                    <a:pt x="1653" y="440"/>
                    <a:pt x="2239" y="419"/>
                  </a:cubicBezTo>
                  <a:cubicBezTo>
                    <a:pt x="2846" y="398"/>
                    <a:pt x="3411" y="398"/>
                    <a:pt x="4017" y="273"/>
                  </a:cubicBezTo>
                  <a:cubicBezTo>
                    <a:pt x="4582" y="126"/>
                    <a:pt x="5189" y="85"/>
                    <a:pt x="5796" y="22"/>
                  </a:cubicBezTo>
                  <a:cubicBezTo>
                    <a:pt x="5984" y="1"/>
                    <a:pt x="6193" y="64"/>
                    <a:pt x="6361" y="105"/>
                  </a:cubicBezTo>
                  <a:cubicBezTo>
                    <a:pt x="6612" y="189"/>
                    <a:pt x="6633" y="524"/>
                    <a:pt x="6445" y="691"/>
                  </a:cubicBezTo>
                  <a:cubicBezTo>
                    <a:pt x="6361" y="754"/>
                    <a:pt x="6277" y="817"/>
                    <a:pt x="6152" y="859"/>
                  </a:cubicBezTo>
                  <a:cubicBezTo>
                    <a:pt x="5900" y="942"/>
                    <a:pt x="5608" y="1068"/>
                    <a:pt x="5356" y="1110"/>
                  </a:cubicBezTo>
                  <a:cubicBezTo>
                    <a:pt x="4310" y="1173"/>
                    <a:pt x="3306" y="1486"/>
                    <a:pt x="2260" y="146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2" name="Google Shape;852;p49"/>
            <p:cNvSpPr/>
            <p:nvPr/>
          </p:nvSpPr>
          <p:spPr>
            <a:xfrm>
              <a:off x="1926750" y="3445325"/>
              <a:ext cx="122425" cy="81100"/>
            </a:xfrm>
            <a:custGeom>
              <a:avLst/>
              <a:gdLst/>
              <a:ahLst/>
              <a:cxnLst/>
              <a:rect l="l" t="t" r="r" b="b"/>
              <a:pathLst>
                <a:path w="4897" h="3244" extrusionOk="0">
                  <a:moveTo>
                    <a:pt x="4373" y="0"/>
                  </a:moveTo>
                  <a:cubicBezTo>
                    <a:pt x="4415" y="21"/>
                    <a:pt x="4562" y="63"/>
                    <a:pt x="4624" y="84"/>
                  </a:cubicBezTo>
                  <a:cubicBezTo>
                    <a:pt x="4855" y="189"/>
                    <a:pt x="4896" y="502"/>
                    <a:pt x="4729" y="649"/>
                  </a:cubicBezTo>
                  <a:cubicBezTo>
                    <a:pt x="4708" y="712"/>
                    <a:pt x="4666" y="733"/>
                    <a:pt x="4603" y="754"/>
                  </a:cubicBezTo>
                  <a:cubicBezTo>
                    <a:pt x="3515" y="1528"/>
                    <a:pt x="2427" y="2302"/>
                    <a:pt x="1235" y="2909"/>
                  </a:cubicBezTo>
                  <a:cubicBezTo>
                    <a:pt x="1005" y="3013"/>
                    <a:pt x="753" y="3118"/>
                    <a:pt x="523" y="3202"/>
                  </a:cubicBezTo>
                  <a:cubicBezTo>
                    <a:pt x="356" y="3243"/>
                    <a:pt x="168" y="3202"/>
                    <a:pt x="84" y="3034"/>
                  </a:cubicBezTo>
                  <a:cubicBezTo>
                    <a:pt x="42" y="2909"/>
                    <a:pt x="0" y="2699"/>
                    <a:pt x="63" y="2574"/>
                  </a:cubicBezTo>
                  <a:cubicBezTo>
                    <a:pt x="147" y="2407"/>
                    <a:pt x="314" y="2260"/>
                    <a:pt x="481" y="2176"/>
                  </a:cubicBezTo>
                  <a:cubicBezTo>
                    <a:pt x="942" y="1883"/>
                    <a:pt x="1465" y="1632"/>
                    <a:pt x="1946" y="1298"/>
                  </a:cubicBezTo>
                  <a:cubicBezTo>
                    <a:pt x="2406" y="1026"/>
                    <a:pt x="2867" y="733"/>
                    <a:pt x="3306" y="419"/>
                  </a:cubicBezTo>
                  <a:cubicBezTo>
                    <a:pt x="3641" y="210"/>
                    <a:pt x="3955" y="21"/>
                    <a:pt x="4373" y="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53" name="Google Shape;853;p49"/>
          <p:cNvGrpSpPr/>
          <p:nvPr/>
        </p:nvGrpSpPr>
        <p:grpSpPr>
          <a:xfrm rot="2964127">
            <a:off x="9680767" y="1115767"/>
            <a:ext cx="1068254" cy="1196197"/>
            <a:chOff x="1835200" y="3337050"/>
            <a:chExt cx="279350" cy="312825"/>
          </a:xfrm>
        </p:grpSpPr>
        <p:sp>
          <p:nvSpPr>
            <p:cNvPr id="854" name="Google Shape;854;p49"/>
            <p:cNvSpPr/>
            <p:nvPr/>
          </p:nvSpPr>
          <p:spPr>
            <a:xfrm>
              <a:off x="1835200" y="3337050"/>
              <a:ext cx="64900" cy="154325"/>
            </a:xfrm>
            <a:custGeom>
              <a:avLst/>
              <a:gdLst/>
              <a:ahLst/>
              <a:cxnLst/>
              <a:rect l="l" t="t" r="r" b="b"/>
              <a:pathLst>
                <a:path w="2596" h="6173" extrusionOk="0">
                  <a:moveTo>
                    <a:pt x="2595" y="795"/>
                  </a:moveTo>
                  <a:cubicBezTo>
                    <a:pt x="2574" y="942"/>
                    <a:pt x="2511" y="1172"/>
                    <a:pt x="2449" y="1381"/>
                  </a:cubicBezTo>
                  <a:lnTo>
                    <a:pt x="1967" y="3034"/>
                  </a:lnTo>
                  <a:cubicBezTo>
                    <a:pt x="1779" y="3599"/>
                    <a:pt x="1549" y="4143"/>
                    <a:pt x="1361" y="4729"/>
                  </a:cubicBezTo>
                  <a:cubicBezTo>
                    <a:pt x="1277" y="4959"/>
                    <a:pt x="1214" y="5189"/>
                    <a:pt x="1130" y="5461"/>
                  </a:cubicBezTo>
                  <a:cubicBezTo>
                    <a:pt x="1110" y="5566"/>
                    <a:pt x="1089" y="5691"/>
                    <a:pt x="1047" y="5796"/>
                  </a:cubicBezTo>
                  <a:cubicBezTo>
                    <a:pt x="963" y="6005"/>
                    <a:pt x="838" y="6131"/>
                    <a:pt x="607" y="6173"/>
                  </a:cubicBezTo>
                  <a:cubicBezTo>
                    <a:pt x="398" y="6173"/>
                    <a:pt x="231" y="6068"/>
                    <a:pt x="168" y="5859"/>
                  </a:cubicBezTo>
                  <a:cubicBezTo>
                    <a:pt x="63" y="5545"/>
                    <a:pt x="1" y="5252"/>
                    <a:pt x="105" y="4938"/>
                  </a:cubicBezTo>
                  <a:cubicBezTo>
                    <a:pt x="168" y="4771"/>
                    <a:pt x="252" y="4624"/>
                    <a:pt x="314" y="4457"/>
                  </a:cubicBezTo>
                  <a:cubicBezTo>
                    <a:pt x="628" y="3871"/>
                    <a:pt x="838" y="3201"/>
                    <a:pt x="1026" y="2532"/>
                  </a:cubicBezTo>
                  <a:cubicBezTo>
                    <a:pt x="1193" y="2030"/>
                    <a:pt x="1361" y="1569"/>
                    <a:pt x="1528" y="1088"/>
                  </a:cubicBezTo>
                  <a:cubicBezTo>
                    <a:pt x="1612" y="858"/>
                    <a:pt x="1654" y="586"/>
                    <a:pt x="1737" y="356"/>
                  </a:cubicBezTo>
                  <a:cubicBezTo>
                    <a:pt x="1821" y="147"/>
                    <a:pt x="1988" y="0"/>
                    <a:pt x="2177" y="21"/>
                  </a:cubicBezTo>
                  <a:cubicBezTo>
                    <a:pt x="2386" y="63"/>
                    <a:pt x="2511" y="230"/>
                    <a:pt x="2532" y="440"/>
                  </a:cubicBezTo>
                  <a:cubicBezTo>
                    <a:pt x="2532" y="460"/>
                    <a:pt x="2574" y="586"/>
                    <a:pt x="2595" y="79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5" name="Google Shape;855;p49"/>
            <p:cNvSpPr/>
            <p:nvPr/>
          </p:nvSpPr>
          <p:spPr>
            <a:xfrm>
              <a:off x="1948725" y="3612700"/>
              <a:ext cx="165825" cy="37175"/>
            </a:xfrm>
            <a:custGeom>
              <a:avLst/>
              <a:gdLst/>
              <a:ahLst/>
              <a:cxnLst/>
              <a:rect l="l" t="t" r="r" b="b"/>
              <a:pathLst>
                <a:path w="6633" h="1487" extrusionOk="0">
                  <a:moveTo>
                    <a:pt x="2260" y="1466"/>
                  </a:moveTo>
                  <a:cubicBezTo>
                    <a:pt x="1653" y="1382"/>
                    <a:pt x="1088" y="1340"/>
                    <a:pt x="481" y="1256"/>
                  </a:cubicBezTo>
                  <a:cubicBezTo>
                    <a:pt x="377" y="1235"/>
                    <a:pt x="272" y="1214"/>
                    <a:pt x="167" y="1152"/>
                  </a:cubicBezTo>
                  <a:cubicBezTo>
                    <a:pt x="21" y="1068"/>
                    <a:pt x="0" y="817"/>
                    <a:pt x="146" y="733"/>
                  </a:cubicBezTo>
                  <a:cubicBezTo>
                    <a:pt x="272" y="649"/>
                    <a:pt x="398" y="608"/>
                    <a:pt x="544" y="587"/>
                  </a:cubicBezTo>
                  <a:cubicBezTo>
                    <a:pt x="1109" y="524"/>
                    <a:pt x="1653" y="440"/>
                    <a:pt x="2239" y="419"/>
                  </a:cubicBezTo>
                  <a:cubicBezTo>
                    <a:pt x="2846" y="398"/>
                    <a:pt x="3411" y="398"/>
                    <a:pt x="4017" y="273"/>
                  </a:cubicBezTo>
                  <a:cubicBezTo>
                    <a:pt x="4582" y="126"/>
                    <a:pt x="5189" y="85"/>
                    <a:pt x="5796" y="22"/>
                  </a:cubicBezTo>
                  <a:cubicBezTo>
                    <a:pt x="5984" y="1"/>
                    <a:pt x="6193" y="64"/>
                    <a:pt x="6361" y="105"/>
                  </a:cubicBezTo>
                  <a:cubicBezTo>
                    <a:pt x="6612" y="189"/>
                    <a:pt x="6633" y="524"/>
                    <a:pt x="6445" y="691"/>
                  </a:cubicBezTo>
                  <a:cubicBezTo>
                    <a:pt x="6361" y="754"/>
                    <a:pt x="6277" y="817"/>
                    <a:pt x="6152" y="859"/>
                  </a:cubicBezTo>
                  <a:cubicBezTo>
                    <a:pt x="5900" y="942"/>
                    <a:pt x="5608" y="1068"/>
                    <a:pt x="5356" y="1110"/>
                  </a:cubicBezTo>
                  <a:cubicBezTo>
                    <a:pt x="4310" y="1173"/>
                    <a:pt x="3306" y="1486"/>
                    <a:pt x="2260" y="146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6" name="Google Shape;856;p49"/>
            <p:cNvSpPr/>
            <p:nvPr/>
          </p:nvSpPr>
          <p:spPr>
            <a:xfrm>
              <a:off x="1926750" y="3445325"/>
              <a:ext cx="122425" cy="81100"/>
            </a:xfrm>
            <a:custGeom>
              <a:avLst/>
              <a:gdLst/>
              <a:ahLst/>
              <a:cxnLst/>
              <a:rect l="l" t="t" r="r" b="b"/>
              <a:pathLst>
                <a:path w="4897" h="3244" extrusionOk="0">
                  <a:moveTo>
                    <a:pt x="4373" y="0"/>
                  </a:moveTo>
                  <a:cubicBezTo>
                    <a:pt x="4415" y="21"/>
                    <a:pt x="4562" y="63"/>
                    <a:pt x="4624" y="84"/>
                  </a:cubicBezTo>
                  <a:cubicBezTo>
                    <a:pt x="4855" y="189"/>
                    <a:pt x="4896" y="502"/>
                    <a:pt x="4729" y="649"/>
                  </a:cubicBezTo>
                  <a:cubicBezTo>
                    <a:pt x="4708" y="712"/>
                    <a:pt x="4666" y="733"/>
                    <a:pt x="4603" y="754"/>
                  </a:cubicBezTo>
                  <a:cubicBezTo>
                    <a:pt x="3515" y="1528"/>
                    <a:pt x="2427" y="2302"/>
                    <a:pt x="1235" y="2909"/>
                  </a:cubicBezTo>
                  <a:cubicBezTo>
                    <a:pt x="1005" y="3013"/>
                    <a:pt x="753" y="3118"/>
                    <a:pt x="523" y="3202"/>
                  </a:cubicBezTo>
                  <a:cubicBezTo>
                    <a:pt x="356" y="3243"/>
                    <a:pt x="168" y="3202"/>
                    <a:pt x="84" y="3034"/>
                  </a:cubicBezTo>
                  <a:cubicBezTo>
                    <a:pt x="42" y="2909"/>
                    <a:pt x="0" y="2699"/>
                    <a:pt x="63" y="2574"/>
                  </a:cubicBezTo>
                  <a:cubicBezTo>
                    <a:pt x="147" y="2407"/>
                    <a:pt x="314" y="2260"/>
                    <a:pt x="481" y="2176"/>
                  </a:cubicBezTo>
                  <a:cubicBezTo>
                    <a:pt x="942" y="1883"/>
                    <a:pt x="1465" y="1632"/>
                    <a:pt x="1946" y="1298"/>
                  </a:cubicBezTo>
                  <a:cubicBezTo>
                    <a:pt x="2406" y="1026"/>
                    <a:pt x="2867" y="733"/>
                    <a:pt x="3306" y="419"/>
                  </a:cubicBezTo>
                  <a:cubicBezTo>
                    <a:pt x="3641" y="210"/>
                    <a:pt x="3955" y="21"/>
                    <a:pt x="4373" y="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91" name="Google Shape;891;p49"/>
          <p:cNvGrpSpPr/>
          <p:nvPr/>
        </p:nvGrpSpPr>
        <p:grpSpPr>
          <a:xfrm>
            <a:off x="70862" y="-102479"/>
            <a:ext cx="608900" cy="407500"/>
            <a:chOff x="4137713" y="525925"/>
            <a:chExt cx="608900" cy="407500"/>
          </a:xfrm>
        </p:grpSpPr>
        <p:sp>
          <p:nvSpPr>
            <p:cNvPr id="892" name="Google Shape;892;p49"/>
            <p:cNvSpPr/>
            <p:nvPr/>
          </p:nvSpPr>
          <p:spPr>
            <a:xfrm>
              <a:off x="4168063" y="559925"/>
              <a:ext cx="556575" cy="353625"/>
            </a:xfrm>
            <a:custGeom>
              <a:avLst/>
              <a:gdLst/>
              <a:ahLst/>
              <a:cxnLst/>
              <a:rect l="l" t="t" r="r" b="b"/>
              <a:pathLst>
                <a:path w="22263" h="14145" extrusionOk="0">
                  <a:moveTo>
                    <a:pt x="8913" y="11257"/>
                  </a:moveTo>
                  <a:cubicBezTo>
                    <a:pt x="8495" y="11069"/>
                    <a:pt x="8160" y="11195"/>
                    <a:pt x="7825" y="11487"/>
                  </a:cubicBezTo>
                  <a:cubicBezTo>
                    <a:pt x="7302" y="11948"/>
                    <a:pt x="6696" y="12345"/>
                    <a:pt x="6110" y="12764"/>
                  </a:cubicBezTo>
                  <a:cubicBezTo>
                    <a:pt x="5670" y="13078"/>
                    <a:pt x="5147" y="13161"/>
                    <a:pt x="4603" y="13057"/>
                  </a:cubicBezTo>
                  <a:cubicBezTo>
                    <a:pt x="4101" y="12952"/>
                    <a:pt x="3599" y="12889"/>
                    <a:pt x="3118" y="12827"/>
                  </a:cubicBezTo>
                  <a:cubicBezTo>
                    <a:pt x="2825" y="12764"/>
                    <a:pt x="2678" y="12638"/>
                    <a:pt x="2657" y="12345"/>
                  </a:cubicBezTo>
                  <a:cubicBezTo>
                    <a:pt x="2657" y="12136"/>
                    <a:pt x="2615" y="11927"/>
                    <a:pt x="2678" y="11739"/>
                  </a:cubicBezTo>
                  <a:cubicBezTo>
                    <a:pt x="3013" y="10881"/>
                    <a:pt x="3139" y="9960"/>
                    <a:pt x="3724" y="9228"/>
                  </a:cubicBezTo>
                  <a:cubicBezTo>
                    <a:pt x="3829" y="9102"/>
                    <a:pt x="3913" y="8956"/>
                    <a:pt x="3996" y="8788"/>
                  </a:cubicBezTo>
                  <a:lnTo>
                    <a:pt x="3996" y="8684"/>
                  </a:lnTo>
                  <a:cubicBezTo>
                    <a:pt x="3913" y="8663"/>
                    <a:pt x="3829" y="8600"/>
                    <a:pt x="3766" y="8642"/>
                  </a:cubicBezTo>
                  <a:cubicBezTo>
                    <a:pt x="3578" y="8705"/>
                    <a:pt x="3369" y="8767"/>
                    <a:pt x="3201" y="8893"/>
                  </a:cubicBezTo>
                  <a:cubicBezTo>
                    <a:pt x="2762" y="9270"/>
                    <a:pt x="2323" y="9270"/>
                    <a:pt x="1799" y="9165"/>
                  </a:cubicBezTo>
                  <a:cubicBezTo>
                    <a:pt x="1193" y="9018"/>
                    <a:pt x="670" y="8809"/>
                    <a:pt x="251" y="8349"/>
                  </a:cubicBezTo>
                  <a:cubicBezTo>
                    <a:pt x="126" y="8182"/>
                    <a:pt x="63" y="7972"/>
                    <a:pt x="21" y="7805"/>
                  </a:cubicBezTo>
                  <a:cubicBezTo>
                    <a:pt x="0" y="7638"/>
                    <a:pt x="0" y="7449"/>
                    <a:pt x="21" y="7282"/>
                  </a:cubicBezTo>
                  <a:cubicBezTo>
                    <a:pt x="84" y="6591"/>
                    <a:pt x="356" y="5985"/>
                    <a:pt x="983" y="5671"/>
                  </a:cubicBezTo>
                  <a:cubicBezTo>
                    <a:pt x="1465" y="5441"/>
                    <a:pt x="2511" y="5566"/>
                    <a:pt x="3013" y="6236"/>
                  </a:cubicBezTo>
                  <a:cubicBezTo>
                    <a:pt x="3055" y="6298"/>
                    <a:pt x="3118" y="6403"/>
                    <a:pt x="3160" y="6403"/>
                  </a:cubicBezTo>
                  <a:cubicBezTo>
                    <a:pt x="3264" y="6445"/>
                    <a:pt x="3390" y="6403"/>
                    <a:pt x="3452" y="6361"/>
                  </a:cubicBezTo>
                  <a:cubicBezTo>
                    <a:pt x="3536" y="6277"/>
                    <a:pt x="3536" y="6152"/>
                    <a:pt x="3536" y="6026"/>
                  </a:cubicBezTo>
                  <a:cubicBezTo>
                    <a:pt x="3557" y="5566"/>
                    <a:pt x="3536" y="5127"/>
                    <a:pt x="3557" y="4687"/>
                  </a:cubicBezTo>
                  <a:cubicBezTo>
                    <a:pt x="3662" y="2951"/>
                    <a:pt x="4415" y="1591"/>
                    <a:pt x="5754" y="523"/>
                  </a:cubicBezTo>
                  <a:cubicBezTo>
                    <a:pt x="6193" y="168"/>
                    <a:pt x="6717" y="0"/>
                    <a:pt x="7323" y="0"/>
                  </a:cubicBezTo>
                  <a:cubicBezTo>
                    <a:pt x="8558" y="0"/>
                    <a:pt x="9520" y="900"/>
                    <a:pt x="9541" y="2156"/>
                  </a:cubicBezTo>
                  <a:lnTo>
                    <a:pt x="9541" y="3118"/>
                  </a:lnTo>
                  <a:cubicBezTo>
                    <a:pt x="9541" y="3327"/>
                    <a:pt x="9625" y="3536"/>
                    <a:pt x="9834" y="3620"/>
                  </a:cubicBezTo>
                  <a:cubicBezTo>
                    <a:pt x="10043" y="3725"/>
                    <a:pt x="10274" y="3620"/>
                    <a:pt x="10441" y="3390"/>
                  </a:cubicBezTo>
                  <a:cubicBezTo>
                    <a:pt x="10504" y="3285"/>
                    <a:pt x="10546" y="3181"/>
                    <a:pt x="10608" y="3097"/>
                  </a:cubicBezTo>
                  <a:cubicBezTo>
                    <a:pt x="10818" y="2804"/>
                    <a:pt x="11090" y="2532"/>
                    <a:pt x="11424" y="2428"/>
                  </a:cubicBezTo>
                  <a:cubicBezTo>
                    <a:pt x="12387" y="2156"/>
                    <a:pt x="13328" y="2176"/>
                    <a:pt x="14228" y="2783"/>
                  </a:cubicBezTo>
                  <a:cubicBezTo>
                    <a:pt x="14751" y="3139"/>
                    <a:pt x="15044" y="3641"/>
                    <a:pt x="15044" y="4269"/>
                  </a:cubicBezTo>
                  <a:lnTo>
                    <a:pt x="15044" y="5336"/>
                  </a:lnTo>
                  <a:cubicBezTo>
                    <a:pt x="15065" y="5775"/>
                    <a:pt x="15295" y="5964"/>
                    <a:pt x="15735" y="5943"/>
                  </a:cubicBezTo>
                  <a:cubicBezTo>
                    <a:pt x="15923" y="5922"/>
                    <a:pt x="16090" y="5880"/>
                    <a:pt x="16258" y="5817"/>
                  </a:cubicBezTo>
                  <a:cubicBezTo>
                    <a:pt x="16990" y="5545"/>
                    <a:pt x="17785" y="5503"/>
                    <a:pt x="18538" y="5587"/>
                  </a:cubicBezTo>
                  <a:cubicBezTo>
                    <a:pt x="19898" y="5754"/>
                    <a:pt x="21007" y="6424"/>
                    <a:pt x="21761" y="7554"/>
                  </a:cubicBezTo>
                  <a:cubicBezTo>
                    <a:pt x="22263" y="8286"/>
                    <a:pt x="22179" y="9186"/>
                    <a:pt x="21593" y="9855"/>
                  </a:cubicBezTo>
                  <a:cubicBezTo>
                    <a:pt x="20714" y="10943"/>
                    <a:pt x="19543" y="11508"/>
                    <a:pt x="18204" y="11780"/>
                  </a:cubicBezTo>
                  <a:cubicBezTo>
                    <a:pt x="17932" y="11822"/>
                    <a:pt x="17680" y="11843"/>
                    <a:pt x="17408" y="11906"/>
                  </a:cubicBezTo>
                  <a:cubicBezTo>
                    <a:pt x="16718" y="12052"/>
                    <a:pt x="16237" y="11801"/>
                    <a:pt x="15881" y="11195"/>
                  </a:cubicBezTo>
                  <a:cubicBezTo>
                    <a:pt x="15588" y="10734"/>
                    <a:pt x="15149" y="10755"/>
                    <a:pt x="14835" y="11195"/>
                  </a:cubicBezTo>
                  <a:cubicBezTo>
                    <a:pt x="14542" y="11634"/>
                    <a:pt x="14228" y="12052"/>
                    <a:pt x="13914" y="12513"/>
                  </a:cubicBezTo>
                  <a:cubicBezTo>
                    <a:pt x="13642" y="12889"/>
                    <a:pt x="13266" y="13182"/>
                    <a:pt x="12889" y="13475"/>
                  </a:cubicBezTo>
                  <a:cubicBezTo>
                    <a:pt x="12073" y="14145"/>
                    <a:pt x="10755" y="13915"/>
                    <a:pt x="10127" y="13308"/>
                  </a:cubicBezTo>
                  <a:cubicBezTo>
                    <a:pt x="9562" y="12764"/>
                    <a:pt x="9123" y="12094"/>
                    <a:pt x="8913" y="11257"/>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893" name="Google Shape;893;p49"/>
            <p:cNvSpPr/>
            <p:nvPr/>
          </p:nvSpPr>
          <p:spPr>
            <a:xfrm>
              <a:off x="4137713" y="525925"/>
              <a:ext cx="608900" cy="407500"/>
            </a:xfrm>
            <a:custGeom>
              <a:avLst/>
              <a:gdLst/>
              <a:ahLst/>
              <a:cxnLst/>
              <a:rect l="l" t="t" r="r" b="b"/>
              <a:pathLst>
                <a:path w="24356" h="16300" extrusionOk="0">
                  <a:moveTo>
                    <a:pt x="3976" y="6194"/>
                  </a:moveTo>
                  <a:cubicBezTo>
                    <a:pt x="3913" y="4896"/>
                    <a:pt x="4353" y="3788"/>
                    <a:pt x="5001" y="2741"/>
                  </a:cubicBezTo>
                  <a:cubicBezTo>
                    <a:pt x="5336" y="2218"/>
                    <a:pt x="5713" y="1737"/>
                    <a:pt x="6215" y="1360"/>
                  </a:cubicBezTo>
                  <a:cubicBezTo>
                    <a:pt x="6529" y="1130"/>
                    <a:pt x="6884" y="858"/>
                    <a:pt x="7261" y="712"/>
                  </a:cubicBezTo>
                  <a:cubicBezTo>
                    <a:pt x="9081" y="0"/>
                    <a:pt x="10567" y="544"/>
                    <a:pt x="11488" y="2281"/>
                  </a:cubicBezTo>
                  <a:cubicBezTo>
                    <a:pt x="11613" y="2511"/>
                    <a:pt x="11697" y="2741"/>
                    <a:pt x="11780" y="2992"/>
                  </a:cubicBezTo>
                  <a:cubicBezTo>
                    <a:pt x="11864" y="3013"/>
                    <a:pt x="11927" y="3034"/>
                    <a:pt x="11969" y="3013"/>
                  </a:cubicBezTo>
                  <a:cubicBezTo>
                    <a:pt x="12806" y="2574"/>
                    <a:pt x="13685" y="2616"/>
                    <a:pt x="14542" y="2720"/>
                  </a:cubicBezTo>
                  <a:cubicBezTo>
                    <a:pt x="15944" y="2888"/>
                    <a:pt x="17032" y="3997"/>
                    <a:pt x="17221" y="5378"/>
                  </a:cubicBezTo>
                  <a:cubicBezTo>
                    <a:pt x="17242" y="5629"/>
                    <a:pt x="17262" y="5838"/>
                    <a:pt x="17304" y="6089"/>
                  </a:cubicBezTo>
                  <a:cubicBezTo>
                    <a:pt x="17723" y="6047"/>
                    <a:pt x="18099" y="5985"/>
                    <a:pt x="18476" y="5943"/>
                  </a:cubicBezTo>
                  <a:cubicBezTo>
                    <a:pt x="20464" y="5692"/>
                    <a:pt x="22117" y="6424"/>
                    <a:pt x="23435" y="7868"/>
                  </a:cubicBezTo>
                  <a:cubicBezTo>
                    <a:pt x="24230" y="8746"/>
                    <a:pt x="24356" y="9751"/>
                    <a:pt x="24125" y="10860"/>
                  </a:cubicBezTo>
                  <a:cubicBezTo>
                    <a:pt x="24042" y="11215"/>
                    <a:pt x="23812" y="11529"/>
                    <a:pt x="23581" y="11843"/>
                  </a:cubicBezTo>
                  <a:cubicBezTo>
                    <a:pt x="22786" y="12889"/>
                    <a:pt x="21719" y="13559"/>
                    <a:pt x="20464" y="13935"/>
                  </a:cubicBezTo>
                  <a:cubicBezTo>
                    <a:pt x="19941" y="14103"/>
                    <a:pt x="19418" y="14354"/>
                    <a:pt x="18832" y="14354"/>
                  </a:cubicBezTo>
                  <a:cubicBezTo>
                    <a:pt x="18204" y="14354"/>
                    <a:pt x="17618" y="14249"/>
                    <a:pt x="17095" y="13894"/>
                  </a:cubicBezTo>
                  <a:cubicBezTo>
                    <a:pt x="16949" y="13789"/>
                    <a:pt x="16802" y="13705"/>
                    <a:pt x="16614" y="13601"/>
                  </a:cubicBezTo>
                  <a:cubicBezTo>
                    <a:pt x="16321" y="13998"/>
                    <a:pt x="15840" y="14145"/>
                    <a:pt x="15756" y="14710"/>
                  </a:cubicBezTo>
                  <a:cubicBezTo>
                    <a:pt x="15756" y="14814"/>
                    <a:pt x="15589" y="14877"/>
                    <a:pt x="15526" y="14961"/>
                  </a:cubicBezTo>
                  <a:cubicBezTo>
                    <a:pt x="15317" y="15107"/>
                    <a:pt x="15107" y="15275"/>
                    <a:pt x="14898" y="15463"/>
                  </a:cubicBezTo>
                  <a:cubicBezTo>
                    <a:pt x="14082" y="16216"/>
                    <a:pt x="13120" y="16300"/>
                    <a:pt x="12073" y="16112"/>
                  </a:cubicBezTo>
                  <a:cubicBezTo>
                    <a:pt x="11718" y="16070"/>
                    <a:pt x="11383" y="15881"/>
                    <a:pt x="11090" y="15714"/>
                  </a:cubicBezTo>
                  <a:cubicBezTo>
                    <a:pt x="10567" y="15400"/>
                    <a:pt x="10211" y="14961"/>
                    <a:pt x="9876" y="14459"/>
                  </a:cubicBezTo>
                  <a:cubicBezTo>
                    <a:pt x="9709" y="14249"/>
                    <a:pt x="9583" y="14019"/>
                    <a:pt x="9416" y="13768"/>
                  </a:cubicBezTo>
                  <a:cubicBezTo>
                    <a:pt x="9270" y="13873"/>
                    <a:pt x="9102" y="13935"/>
                    <a:pt x="8977" y="14040"/>
                  </a:cubicBezTo>
                  <a:cubicBezTo>
                    <a:pt x="8726" y="14228"/>
                    <a:pt x="8454" y="14438"/>
                    <a:pt x="8203" y="14626"/>
                  </a:cubicBezTo>
                  <a:cubicBezTo>
                    <a:pt x="6738" y="15693"/>
                    <a:pt x="5169" y="15588"/>
                    <a:pt x="3599" y="14940"/>
                  </a:cubicBezTo>
                  <a:cubicBezTo>
                    <a:pt x="3390" y="14856"/>
                    <a:pt x="3181" y="14689"/>
                    <a:pt x="2993" y="14563"/>
                  </a:cubicBezTo>
                  <a:cubicBezTo>
                    <a:pt x="2721" y="14354"/>
                    <a:pt x="2595" y="14061"/>
                    <a:pt x="2595" y="13726"/>
                  </a:cubicBezTo>
                  <a:cubicBezTo>
                    <a:pt x="2595" y="13119"/>
                    <a:pt x="2595" y="12555"/>
                    <a:pt x="2888" y="12011"/>
                  </a:cubicBezTo>
                  <a:cubicBezTo>
                    <a:pt x="2909" y="11927"/>
                    <a:pt x="2930" y="11843"/>
                    <a:pt x="2972" y="11718"/>
                  </a:cubicBezTo>
                  <a:cubicBezTo>
                    <a:pt x="2762" y="11487"/>
                    <a:pt x="2449" y="11508"/>
                    <a:pt x="2177" y="11425"/>
                  </a:cubicBezTo>
                  <a:cubicBezTo>
                    <a:pt x="1570" y="11215"/>
                    <a:pt x="1047" y="10902"/>
                    <a:pt x="628" y="10441"/>
                  </a:cubicBezTo>
                  <a:cubicBezTo>
                    <a:pt x="398" y="10190"/>
                    <a:pt x="252" y="9918"/>
                    <a:pt x="189" y="9562"/>
                  </a:cubicBezTo>
                  <a:cubicBezTo>
                    <a:pt x="0" y="8474"/>
                    <a:pt x="210" y="7449"/>
                    <a:pt x="1026" y="6612"/>
                  </a:cubicBezTo>
                  <a:cubicBezTo>
                    <a:pt x="1402" y="6215"/>
                    <a:pt x="1821" y="5985"/>
                    <a:pt x="2365" y="6047"/>
                  </a:cubicBezTo>
                  <a:cubicBezTo>
                    <a:pt x="2888" y="6089"/>
                    <a:pt x="3369" y="6152"/>
                    <a:pt x="3976" y="6194"/>
                  </a:cubicBezTo>
                  <a:close/>
                  <a:moveTo>
                    <a:pt x="10127" y="12617"/>
                  </a:moveTo>
                  <a:cubicBezTo>
                    <a:pt x="10316" y="13454"/>
                    <a:pt x="10755" y="14124"/>
                    <a:pt x="11383" y="14668"/>
                  </a:cubicBezTo>
                  <a:cubicBezTo>
                    <a:pt x="12011" y="15275"/>
                    <a:pt x="13350" y="15484"/>
                    <a:pt x="14166" y="14835"/>
                  </a:cubicBezTo>
                  <a:cubicBezTo>
                    <a:pt x="14521" y="14542"/>
                    <a:pt x="14877" y="14249"/>
                    <a:pt x="15170" y="13873"/>
                  </a:cubicBezTo>
                  <a:cubicBezTo>
                    <a:pt x="15463" y="13412"/>
                    <a:pt x="15777" y="12994"/>
                    <a:pt x="16091" y="12555"/>
                  </a:cubicBezTo>
                  <a:cubicBezTo>
                    <a:pt x="16405" y="12094"/>
                    <a:pt x="16844" y="12094"/>
                    <a:pt x="17137" y="12555"/>
                  </a:cubicBezTo>
                  <a:cubicBezTo>
                    <a:pt x="17493" y="13161"/>
                    <a:pt x="17974" y="13412"/>
                    <a:pt x="18685" y="13266"/>
                  </a:cubicBezTo>
                  <a:cubicBezTo>
                    <a:pt x="18936" y="13203"/>
                    <a:pt x="19208" y="13182"/>
                    <a:pt x="19459" y="13140"/>
                  </a:cubicBezTo>
                  <a:cubicBezTo>
                    <a:pt x="20799" y="12847"/>
                    <a:pt x="21970" y="12303"/>
                    <a:pt x="22870" y="11215"/>
                  </a:cubicBezTo>
                  <a:cubicBezTo>
                    <a:pt x="23435" y="10546"/>
                    <a:pt x="23519" y="9646"/>
                    <a:pt x="23016" y="8914"/>
                  </a:cubicBezTo>
                  <a:cubicBezTo>
                    <a:pt x="22242" y="7784"/>
                    <a:pt x="21133" y="7135"/>
                    <a:pt x="19815" y="6947"/>
                  </a:cubicBezTo>
                  <a:cubicBezTo>
                    <a:pt x="19041" y="6842"/>
                    <a:pt x="18267" y="6905"/>
                    <a:pt x="17534" y="7177"/>
                  </a:cubicBezTo>
                  <a:cubicBezTo>
                    <a:pt x="17367" y="7219"/>
                    <a:pt x="17200" y="7282"/>
                    <a:pt x="17011" y="7303"/>
                  </a:cubicBezTo>
                  <a:cubicBezTo>
                    <a:pt x="16593" y="7345"/>
                    <a:pt x="16321" y="7135"/>
                    <a:pt x="16300" y="6696"/>
                  </a:cubicBezTo>
                  <a:cubicBezTo>
                    <a:pt x="16279" y="6361"/>
                    <a:pt x="16300" y="5985"/>
                    <a:pt x="16300" y="5629"/>
                  </a:cubicBezTo>
                  <a:cubicBezTo>
                    <a:pt x="16300" y="5001"/>
                    <a:pt x="16007" y="4499"/>
                    <a:pt x="15484" y="4143"/>
                  </a:cubicBezTo>
                  <a:cubicBezTo>
                    <a:pt x="14626" y="3536"/>
                    <a:pt x="13685" y="3516"/>
                    <a:pt x="12680" y="3788"/>
                  </a:cubicBezTo>
                  <a:cubicBezTo>
                    <a:pt x="12345" y="3892"/>
                    <a:pt x="12094" y="4164"/>
                    <a:pt x="11885" y="4457"/>
                  </a:cubicBezTo>
                  <a:cubicBezTo>
                    <a:pt x="11801" y="4562"/>
                    <a:pt x="11780" y="4666"/>
                    <a:pt x="11697" y="4750"/>
                  </a:cubicBezTo>
                  <a:cubicBezTo>
                    <a:pt x="11529" y="5001"/>
                    <a:pt x="11299" y="5064"/>
                    <a:pt x="11090" y="4980"/>
                  </a:cubicBezTo>
                  <a:cubicBezTo>
                    <a:pt x="10881" y="4896"/>
                    <a:pt x="10797" y="4687"/>
                    <a:pt x="10797" y="4478"/>
                  </a:cubicBezTo>
                  <a:cubicBezTo>
                    <a:pt x="10797" y="4164"/>
                    <a:pt x="10839" y="3808"/>
                    <a:pt x="10797" y="3516"/>
                  </a:cubicBezTo>
                  <a:cubicBezTo>
                    <a:pt x="10755" y="2281"/>
                    <a:pt x="9814" y="1360"/>
                    <a:pt x="8579" y="1360"/>
                  </a:cubicBezTo>
                  <a:cubicBezTo>
                    <a:pt x="8014" y="1360"/>
                    <a:pt x="7491" y="1549"/>
                    <a:pt x="7010" y="1883"/>
                  </a:cubicBezTo>
                  <a:cubicBezTo>
                    <a:pt x="5671" y="2951"/>
                    <a:pt x="4897" y="4311"/>
                    <a:pt x="4813" y="6047"/>
                  </a:cubicBezTo>
                  <a:cubicBezTo>
                    <a:pt x="4792" y="6487"/>
                    <a:pt x="4792" y="6926"/>
                    <a:pt x="4792" y="7386"/>
                  </a:cubicBezTo>
                  <a:cubicBezTo>
                    <a:pt x="4792" y="7491"/>
                    <a:pt x="4771" y="7637"/>
                    <a:pt x="4708" y="7721"/>
                  </a:cubicBezTo>
                  <a:cubicBezTo>
                    <a:pt x="4666" y="7763"/>
                    <a:pt x="4499" y="7805"/>
                    <a:pt x="4415" y="7763"/>
                  </a:cubicBezTo>
                  <a:cubicBezTo>
                    <a:pt x="4374" y="7742"/>
                    <a:pt x="4311" y="7637"/>
                    <a:pt x="4269" y="7596"/>
                  </a:cubicBezTo>
                  <a:cubicBezTo>
                    <a:pt x="3767" y="6926"/>
                    <a:pt x="2721" y="6801"/>
                    <a:pt x="2260" y="7031"/>
                  </a:cubicBezTo>
                  <a:cubicBezTo>
                    <a:pt x="1633" y="7345"/>
                    <a:pt x="1361" y="7951"/>
                    <a:pt x="1277" y="8642"/>
                  </a:cubicBezTo>
                  <a:cubicBezTo>
                    <a:pt x="1256" y="8809"/>
                    <a:pt x="1256" y="8998"/>
                    <a:pt x="1277" y="9165"/>
                  </a:cubicBezTo>
                  <a:cubicBezTo>
                    <a:pt x="1340" y="9332"/>
                    <a:pt x="1381" y="9583"/>
                    <a:pt x="1528" y="9709"/>
                  </a:cubicBezTo>
                  <a:cubicBezTo>
                    <a:pt x="1905" y="10169"/>
                    <a:pt x="2469" y="10378"/>
                    <a:pt x="3055" y="10525"/>
                  </a:cubicBezTo>
                  <a:cubicBezTo>
                    <a:pt x="3578" y="10630"/>
                    <a:pt x="4060" y="10630"/>
                    <a:pt x="4478" y="10253"/>
                  </a:cubicBezTo>
                  <a:cubicBezTo>
                    <a:pt x="4625" y="10127"/>
                    <a:pt x="4834" y="10065"/>
                    <a:pt x="5022" y="10002"/>
                  </a:cubicBezTo>
                  <a:cubicBezTo>
                    <a:pt x="5106" y="9960"/>
                    <a:pt x="5190" y="10023"/>
                    <a:pt x="5252" y="10044"/>
                  </a:cubicBezTo>
                  <a:cubicBezTo>
                    <a:pt x="5252" y="10106"/>
                    <a:pt x="5294" y="10127"/>
                    <a:pt x="5252" y="10148"/>
                  </a:cubicBezTo>
                  <a:cubicBezTo>
                    <a:pt x="5190" y="10316"/>
                    <a:pt x="5106" y="10462"/>
                    <a:pt x="5001" y="10588"/>
                  </a:cubicBezTo>
                  <a:cubicBezTo>
                    <a:pt x="4415" y="11320"/>
                    <a:pt x="4269" y="12241"/>
                    <a:pt x="3955" y="13099"/>
                  </a:cubicBezTo>
                  <a:cubicBezTo>
                    <a:pt x="3871" y="13287"/>
                    <a:pt x="3934" y="13517"/>
                    <a:pt x="3934" y="13705"/>
                  </a:cubicBezTo>
                  <a:cubicBezTo>
                    <a:pt x="3955" y="13998"/>
                    <a:pt x="4081" y="14124"/>
                    <a:pt x="4374" y="14187"/>
                  </a:cubicBezTo>
                  <a:cubicBezTo>
                    <a:pt x="4876" y="14249"/>
                    <a:pt x="5357" y="14312"/>
                    <a:pt x="5859" y="14417"/>
                  </a:cubicBezTo>
                  <a:cubicBezTo>
                    <a:pt x="6403" y="14521"/>
                    <a:pt x="6926" y="14438"/>
                    <a:pt x="7387" y="14124"/>
                  </a:cubicBezTo>
                  <a:cubicBezTo>
                    <a:pt x="7951" y="13726"/>
                    <a:pt x="8558" y="13308"/>
                    <a:pt x="9081" y="12847"/>
                  </a:cubicBezTo>
                  <a:cubicBezTo>
                    <a:pt x="9395" y="12555"/>
                    <a:pt x="9709" y="12429"/>
                    <a:pt x="10127" y="1261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94" name="Google Shape;894;p49"/>
          <p:cNvGrpSpPr/>
          <p:nvPr/>
        </p:nvGrpSpPr>
        <p:grpSpPr>
          <a:xfrm>
            <a:off x="9829463" y="1262528"/>
            <a:ext cx="475525" cy="287725"/>
            <a:chOff x="622013" y="907250"/>
            <a:chExt cx="475525" cy="287725"/>
          </a:xfrm>
        </p:grpSpPr>
        <p:sp>
          <p:nvSpPr>
            <p:cNvPr id="895" name="Google Shape;895;p49"/>
            <p:cNvSpPr/>
            <p:nvPr/>
          </p:nvSpPr>
          <p:spPr>
            <a:xfrm>
              <a:off x="650263" y="929225"/>
              <a:ext cx="423725" cy="240125"/>
            </a:xfrm>
            <a:custGeom>
              <a:avLst/>
              <a:gdLst/>
              <a:ahLst/>
              <a:cxnLst/>
              <a:rect l="l" t="t" r="r" b="b"/>
              <a:pathLst>
                <a:path w="16949" h="9605" extrusionOk="0">
                  <a:moveTo>
                    <a:pt x="14459" y="7261"/>
                  </a:moveTo>
                  <a:cubicBezTo>
                    <a:pt x="14584" y="7889"/>
                    <a:pt x="15003" y="8370"/>
                    <a:pt x="14877" y="9081"/>
                  </a:cubicBezTo>
                  <a:cubicBezTo>
                    <a:pt x="14752" y="9165"/>
                    <a:pt x="14626" y="9291"/>
                    <a:pt x="14459" y="9311"/>
                  </a:cubicBezTo>
                  <a:cubicBezTo>
                    <a:pt x="13810" y="9416"/>
                    <a:pt x="13120" y="9521"/>
                    <a:pt x="12450" y="9563"/>
                  </a:cubicBezTo>
                  <a:cubicBezTo>
                    <a:pt x="11007" y="9604"/>
                    <a:pt x="10379" y="9311"/>
                    <a:pt x="9312" y="8244"/>
                  </a:cubicBezTo>
                  <a:cubicBezTo>
                    <a:pt x="9270" y="7931"/>
                    <a:pt x="9270" y="7617"/>
                    <a:pt x="9249" y="7303"/>
                  </a:cubicBezTo>
                  <a:cubicBezTo>
                    <a:pt x="9228" y="7114"/>
                    <a:pt x="9102" y="6968"/>
                    <a:pt x="8893" y="6989"/>
                  </a:cubicBezTo>
                  <a:cubicBezTo>
                    <a:pt x="8747" y="7010"/>
                    <a:pt x="8600" y="7094"/>
                    <a:pt x="8558" y="7219"/>
                  </a:cubicBezTo>
                  <a:cubicBezTo>
                    <a:pt x="7889" y="8747"/>
                    <a:pt x="6529" y="9102"/>
                    <a:pt x="5106" y="9249"/>
                  </a:cubicBezTo>
                  <a:cubicBezTo>
                    <a:pt x="4478" y="9291"/>
                    <a:pt x="3809" y="9186"/>
                    <a:pt x="3160" y="9102"/>
                  </a:cubicBezTo>
                  <a:cubicBezTo>
                    <a:pt x="2658" y="9060"/>
                    <a:pt x="2344" y="8747"/>
                    <a:pt x="2281" y="8244"/>
                  </a:cubicBezTo>
                  <a:cubicBezTo>
                    <a:pt x="2135" y="7533"/>
                    <a:pt x="2135" y="6842"/>
                    <a:pt x="2323" y="6152"/>
                  </a:cubicBezTo>
                  <a:cubicBezTo>
                    <a:pt x="2386" y="5964"/>
                    <a:pt x="2512" y="5796"/>
                    <a:pt x="2616" y="5608"/>
                  </a:cubicBezTo>
                  <a:cubicBezTo>
                    <a:pt x="2700" y="5441"/>
                    <a:pt x="2804" y="5315"/>
                    <a:pt x="2930" y="5106"/>
                  </a:cubicBezTo>
                  <a:cubicBezTo>
                    <a:pt x="2512" y="4980"/>
                    <a:pt x="2177" y="5085"/>
                    <a:pt x="1821" y="5022"/>
                  </a:cubicBezTo>
                  <a:cubicBezTo>
                    <a:pt x="1507" y="4980"/>
                    <a:pt x="1193" y="4897"/>
                    <a:pt x="880" y="4792"/>
                  </a:cubicBezTo>
                  <a:cubicBezTo>
                    <a:pt x="566" y="4666"/>
                    <a:pt x="231" y="4541"/>
                    <a:pt x="1" y="4164"/>
                  </a:cubicBezTo>
                  <a:cubicBezTo>
                    <a:pt x="440" y="3557"/>
                    <a:pt x="1047" y="3160"/>
                    <a:pt x="1821" y="3160"/>
                  </a:cubicBezTo>
                  <a:cubicBezTo>
                    <a:pt x="2595" y="3160"/>
                    <a:pt x="3349" y="3244"/>
                    <a:pt x="4123" y="3306"/>
                  </a:cubicBezTo>
                  <a:cubicBezTo>
                    <a:pt x="4311" y="3306"/>
                    <a:pt x="4499" y="3390"/>
                    <a:pt x="4646" y="3348"/>
                  </a:cubicBezTo>
                  <a:cubicBezTo>
                    <a:pt x="4813" y="3327"/>
                    <a:pt x="4939" y="3223"/>
                    <a:pt x="5169" y="3118"/>
                  </a:cubicBezTo>
                  <a:cubicBezTo>
                    <a:pt x="5043" y="2951"/>
                    <a:pt x="4960" y="2825"/>
                    <a:pt x="4855" y="2741"/>
                  </a:cubicBezTo>
                  <a:cubicBezTo>
                    <a:pt x="4541" y="2469"/>
                    <a:pt x="4478" y="2260"/>
                    <a:pt x="4604" y="1946"/>
                  </a:cubicBezTo>
                  <a:cubicBezTo>
                    <a:pt x="4688" y="1779"/>
                    <a:pt x="4792" y="1632"/>
                    <a:pt x="4897" y="1486"/>
                  </a:cubicBezTo>
                  <a:cubicBezTo>
                    <a:pt x="5755" y="398"/>
                    <a:pt x="6906" y="0"/>
                    <a:pt x="8245" y="147"/>
                  </a:cubicBezTo>
                  <a:cubicBezTo>
                    <a:pt x="9144" y="252"/>
                    <a:pt x="9647" y="816"/>
                    <a:pt x="9667" y="1737"/>
                  </a:cubicBezTo>
                  <a:cubicBezTo>
                    <a:pt x="9667" y="2093"/>
                    <a:pt x="9647" y="2428"/>
                    <a:pt x="9521" y="2783"/>
                  </a:cubicBezTo>
                  <a:cubicBezTo>
                    <a:pt x="9416" y="2993"/>
                    <a:pt x="9458" y="3202"/>
                    <a:pt x="9626" y="3348"/>
                  </a:cubicBezTo>
                  <a:cubicBezTo>
                    <a:pt x="9772" y="3516"/>
                    <a:pt x="10044" y="3516"/>
                    <a:pt x="10274" y="3348"/>
                  </a:cubicBezTo>
                  <a:cubicBezTo>
                    <a:pt x="10483" y="3202"/>
                    <a:pt x="10693" y="3034"/>
                    <a:pt x="10923" y="2888"/>
                  </a:cubicBezTo>
                  <a:cubicBezTo>
                    <a:pt x="12220" y="2072"/>
                    <a:pt x="13517" y="1988"/>
                    <a:pt x="14794" y="2888"/>
                  </a:cubicBezTo>
                  <a:cubicBezTo>
                    <a:pt x="15380" y="3265"/>
                    <a:pt x="15945" y="3683"/>
                    <a:pt x="16405" y="4269"/>
                  </a:cubicBezTo>
                  <a:cubicBezTo>
                    <a:pt x="16635" y="4562"/>
                    <a:pt x="16844" y="4897"/>
                    <a:pt x="16886" y="5294"/>
                  </a:cubicBezTo>
                  <a:cubicBezTo>
                    <a:pt x="16949" y="5629"/>
                    <a:pt x="16865" y="5943"/>
                    <a:pt x="16614" y="6152"/>
                  </a:cubicBezTo>
                  <a:cubicBezTo>
                    <a:pt x="16405" y="6298"/>
                    <a:pt x="16196" y="6487"/>
                    <a:pt x="15945" y="6633"/>
                  </a:cubicBezTo>
                  <a:cubicBezTo>
                    <a:pt x="15505" y="6780"/>
                    <a:pt x="15003" y="7010"/>
                    <a:pt x="14459" y="7261"/>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896" name="Google Shape;896;p49"/>
            <p:cNvSpPr/>
            <p:nvPr/>
          </p:nvSpPr>
          <p:spPr>
            <a:xfrm>
              <a:off x="622013" y="907250"/>
              <a:ext cx="475525" cy="287725"/>
            </a:xfrm>
            <a:custGeom>
              <a:avLst/>
              <a:gdLst/>
              <a:ahLst/>
              <a:cxnLst/>
              <a:rect l="l" t="t" r="r" b="b"/>
              <a:pathLst>
                <a:path w="19021" h="11509" extrusionOk="0">
                  <a:moveTo>
                    <a:pt x="16865" y="8684"/>
                  </a:moveTo>
                  <a:cubicBezTo>
                    <a:pt x="16928" y="8810"/>
                    <a:pt x="16949" y="8914"/>
                    <a:pt x="16970" y="9019"/>
                  </a:cubicBezTo>
                  <a:cubicBezTo>
                    <a:pt x="17179" y="9646"/>
                    <a:pt x="16928" y="10170"/>
                    <a:pt x="16426" y="10483"/>
                  </a:cubicBezTo>
                  <a:cubicBezTo>
                    <a:pt x="15652" y="10986"/>
                    <a:pt x="14752" y="11341"/>
                    <a:pt x="13790" y="11404"/>
                  </a:cubicBezTo>
                  <a:cubicBezTo>
                    <a:pt x="12346" y="11509"/>
                    <a:pt x="11111" y="11132"/>
                    <a:pt x="10044" y="10149"/>
                  </a:cubicBezTo>
                  <a:cubicBezTo>
                    <a:pt x="10002" y="10086"/>
                    <a:pt x="9919" y="10044"/>
                    <a:pt x="9793" y="9960"/>
                  </a:cubicBezTo>
                  <a:cubicBezTo>
                    <a:pt x="9270" y="10232"/>
                    <a:pt x="8705" y="10483"/>
                    <a:pt x="8161" y="10755"/>
                  </a:cubicBezTo>
                  <a:cubicBezTo>
                    <a:pt x="7952" y="10860"/>
                    <a:pt x="7722" y="10965"/>
                    <a:pt x="7512" y="10965"/>
                  </a:cubicBezTo>
                  <a:cubicBezTo>
                    <a:pt x="6487" y="10986"/>
                    <a:pt x="5441" y="11027"/>
                    <a:pt x="4416" y="11006"/>
                  </a:cubicBezTo>
                  <a:cubicBezTo>
                    <a:pt x="3621" y="10986"/>
                    <a:pt x="2993" y="10567"/>
                    <a:pt x="2491" y="9918"/>
                  </a:cubicBezTo>
                  <a:cubicBezTo>
                    <a:pt x="2282" y="9646"/>
                    <a:pt x="2177" y="9354"/>
                    <a:pt x="2177" y="9019"/>
                  </a:cubicBezTo>
                  <a:cubicBezTo>
                    <a:pt x="2177" y="8307"/>
                    <a:pt x="2156" y="7617"/>
                    <a:pt x="2491" y="6905"/>
                  </a:cubicBezTo>
                  <a:cubicBezTo>
                    <a:pt x="2282" y="6801"/>
                    <a:pt x="2093" y="6717"/>
                    <a:pt x="1947" y="6633"/>
                  </a:cubicBezTo>
                  <a:cubicBezTo>
                    <a:pt x="1486" y="6403"/>
                    <a:pt x="1026" y="6194"/>
                    <a:pt x="629" y="5901"/>
                  </a:cubicBezTo>
                  <a:cubicBezTo>
                    <a:pt x="64" y="5483"/>
                    <a:pt x="1" y="4708"/>
                    <a:pt x="524" y="4206"/>
                  </a:cubicBezTo>
                  <a:cubicBezTo>
                    <a:pt x="1152" y="3600"/>
                    <a:pt x="1884" y="3160"/>
                    <a:pt x="2805" y="3139"/>
                  </a:cubicBezTo>
                  <a:cubicBezTo>
                    <a:pt x="3223" y="3139"/>
                    <a:pt x="3621" y="3160"/>
                    <a:pt x="4039" y="3160"/>
                  </a:cubicBezTo>
                  <a:lnTo>
                    <a:pt x="4771" y="3160"/>
                  </a:lnTo>
                  <a:cubicBezTo>
                    <a:pt x="4813" y="2135"/>
                    <a:pt x="5462" y="1507"/>
                    <a:pt x="6152" y="921"/>
                  </a:cubicBezTo>
                  <a:cubicBezTo>
                    <a:pt x="6822" y="315"/>
                    <a:pt x="7659" y="1"/>
                    <a:pt x="8580" y="1"/>
                  </a:cubicBezTo>
                  <a:lnTo>
                    <a:pt x="9375" y="1"/>
                  </a:lnTo>
                  <a:cubicBezTo>
                    <a:pt x="10672" y="43"/>
                    <a:pt x="11572" y="859"/>
                    <a:pt x="11739" y="2135"/>
                  </a:cubicBezTo>
                  <a:cubicBezTo>
                    <a:pt x="11781" y="2281"/>
                    <a:pt x="11802" y="2407"/>
                    <a:pt x="11844" y="2616"/>
                  </a:cubicBezTo>
                  <a:cubicBezTo>
                    <a:pt x="12053" y="2532"/>
                    <a:pt x="12220" y="2491"/>
                    <a:pt x="12367" y="2428"/>
                  </a:cubicBezTo>
                  <a:cubicBezTo>
                    <a:pt x="13162" y="2114"/>
                    <a:pt x="13978" y="2093"/>
                    <a:pt x="14815" y="2198"/>
                  </a:cubicBezTo>
                  <a:cubicBezTo>
                    <a:pt x="15066" y="2219"/>
                    <a:pt x="15338" y="2323"/>
                    <a:pt x="15568" y="2449"/>
                  </a:cubicBezTo>
                  <a:cubicBezTo>
                    <a:pt x="16531" y="2930"/>
                    <a:pt x="17367" y="3558"/>
                    <a:pt x="18079" y="4374"/>
                  </a:cubicBezTo>
                  <a:cubicBezTo>
                    <a:pt x="18539" y="4897"/>
                    <a:pt x="18895" y="5524"/>
                    <a:pt x="18958" y="6257"/>
                  </a:cubicBezTo>
                  <a:cubicBezTo>
                    <a:pt x="19020" y="6822"/>
                    <a:pt x="18853" y="7324"/>
                    <a:pt x="18414" y="7659"/>
                  </a:cubicBezTo>
                  <a:cubicBezTo>
                    <a:pt x="18016" y="7973"/>
                    <a:pt x="17577" y="8203"/>
                    <a:pt x="17158" y="8496"/>
                  </a:cubicBezTo>
                  <a:cubicBezTo>
                    <a:pt x="17116" y="8558"/>
                    <a:pt x="17012" y="8600"/>
                    <a:pt x="16865" y="8684"/>
                  </a:cubicBezTo>
                  <a:close/>
                  <a:moveTo>
                    <a:pt x="15589" y="8140"/>
                  </a:moveTo>
                  <a:cubicBezTo>
                    <a:pt x="16133" y="7868"/>
                    <a:pt x="16635" y="7659"/>
                    <a:pt x="17137" y="7408"/>
                  </a:cubicBezTo>
                  <a:cubicBezTo>
                    <a:pt x="17367" y="7261"/>
                    <a:pt x="17577" y="7115"/>
                    <a:pt x="17786" y="6926"/>
                  </a:cubicBezTo>
                  <a:cubicBezTo>
                    <a:pt x="18058" y="6696"/>
                    <a:pt x="18121" y="6403"/>
                    <a:pt x="18079" y="6069"/>
                  </a:cubicBezTo>
                  <a:cubicBezTo>
                    <a:pt x="17995" y="5671"/>
                    <a:pt x="17807" y="5357"/>
                    <a:pt x="17577" y="5043"/>
                  </a:cubicBezTo>
                  <a:cubicBezTo>
                    <a:pt x="17137" y="4499"/>
                    <a:pt x="16551" y="4081"/>
                    <a:pt x="15986" y="3662"/>
                  </a:cubicBezTo>
                  <a:cubicBezTo>
                    <a:pt x="14668" y="2763"/>
                    <a:pt x="13392" y="2867"/>
                    <a:pt x="12116" y="3662"/>
                  </a:cubicBezTo>
                  <a:cubicBezTo>
                    <a:pt x="11865" y="3788"/>
                    <a:pt x="11697" y="3976"/>
                    <a:pt x="11467" y="4123"/>
                  </a:cubicBezTo>
                  <a:cubicBezTo>
                    <a:pt x="11216" y="4290"/>
                    <a:pt x="10965" y="4290"/>
                    <a:pt x="10797" y="4123"/>
                  </a:cubicBezTo>
                  <a:cubicBezTo>
                    <a:pt x="10651" y="3976"/>
                    <a:pt x="10588" y="3767"/>
                    <a:pt x="10693" y="3558"/>
                  </a:cubicBezTo>
                  <a:cubicBezTo>
                    <a:pt x="10860" y="3202"/>
                    <a:pt x="10881" y="2867"/>
                    <a:pt x="10860" y="2511"/>
                  </a:cubicBezTo>
                  <a:cubicBezTo>
                    <a:pt x="10818" y="1591"/>
                    <a:pt x="10358" y="1026"/>
                    <a:pt x="9416" y="900"/>
                  </a:cubicBezTo>
                  <a:cubicBezTo>
                    <a:pt x="8056" y="754"/>
                    <a:pt x="6906" y="1172"/>
                    <a:pt x="6069" y="2260"/>
                  </a:cubicBezTo>
                  <a:cubicBezTo>
                    <a:pt x="5964" y="2407"/>
                    <a:pt x="5859" y="2553"/>
                    <a:pt x="5776" y="2721"/>
                  </a:cubicBezTo>
                  <a:cubicBezTo>
                    <a:pt x="5650" y="3035"/>
                    <a:pt x="5734" y="3265"/>
                    <a:pt x="6048" y="3516"/>
                  </a:cubicBezTo>
                  <a:cubicBezTo>
                    <a:pt x="6152" y="3600"/>
                    <a:pt x="6215" y="3725"/>
                    <a:pt x="6362" y="3892"/>
                  </a:cubicBezTo>
                  <a:cubicBezTo>
                    <a:pt x="6152" y="3997"/>
                    <a:pt x="5985" y="4102"/>
                    <a:pt x="5839" y="4123"/>
                  </a:cubicBezTo>
                  <a:cubicBezTo>
                    <a:pt x="5671" y="4144"/>
                    <a:pt x="5504" y="4102"/>
                    <a:pt x="5315" y="4081"/>
                  </a:cubicBezTo>
                  <a:cubicBezTo>
                    <a:pt x="4541" y="4018"/>
                    <a:pt x="3788" y="3934"/>
                    <a:pt x="3014" y="3934"/>
                  </a:cubicBezTo>
                  <a:cubicBezTo>
                    <a:pt x="2219" y="3934"/>
                    <a:pt x="1612" y="4311"/>
                    <a:pt x="1173" y="4939"/>
                  </a:cubicBezTo>
                  <a:cubicBezTo>
                    <a:pt x="1382" y="5315"/>
                    <a:pt x="1717" y="5441"/>
                    <a:pt x="2072" y="5566"/>
                  </a:cubicBezTo>
                  <a:cubicBezTo>
                    <a:pt x="2344" y="5692"/>
                    <a:pt x="2700" y="5755"/>
                    <a:pt x="3014" y="5797"/>
                  </a:cubicBezTo>
                  <a:cubicBezTo>
                    <a:pt x="3349" y="5859"/>
                    <a:pt x="3683" y="5755"/>
                    <a:pt x="4102" y="5880"/>
                  </a:cubicBezTo>
                  <a:cubicBezTo>
                    <a:pt x="3976" y="6089"/>
                    <a:pt x="3893" y="6215"/>
                    <a:pt x="3788" y="6382"/>
                  </a:cubicBezTo>
                  <a:cubicBezTo>
                    <a:pt x="3683" y="6571"/>
                    <a:pt x="3558" y="6717"/>
                    <a:pt x="3495" y="6926"/>
                  </a:cubicBezTo>
                  <a:cubicBezTo>
                    <a:pt x="3349" y="7638"/>
                    <a:pt x="3328" y="8349"/>
                    <a:pt x="3453" y="9019"/>
                  </a:cubicBezTo>
                  <a:cubicBezTo>
                    <a:pt x="3558" y="9500"/>
                    <a:pt x="3872" y="9814"/>
                    <a:pt x="4332" y="9877"/>
                  </a:cubicBezTo>
                  <a:cubicBezTo>
                    <a:pt x="4960" y="9960"/>
                    <a:pt x="5629" y="10065"/>
                    <a:pt x="6278" y="10023"/>
                  </a:cubicBezTo>
                  <a:cubicBezTo>
                    <a:pt x="7722" y="9877"/>
                    <a:pt x="9082" y="9542"/>
                    <a:pt x="9730" y="7993"/>
                  </a:cubicBezTo>
                  <a:cubicBezTo>
                    <a:pt x="9772" y="7889"/>
                    <a:pt x="9940" y="7784"/>
                    <a:pt x="10065" y="7763"/>
                  </a:cubicBezTo>
                  <a:cubicBezTo>
                    <a:pt x="10274" y="7742"/>
                    <a:pt x="10400" y="7931"/>
                    <a:pt x="10442" y="8077"/>
                  </a:cubicBezTo>
                  <a:cubicBezTo>
                    <a:pt x="10484" y="8391"/>
                    <a:pt x="10484" y="8705"/>
                    <a:pt x="10484" y="9019"/>
                  </a:cubicBezTo>
                  <a:cubicBezTo>
                    <a:pt x="11551" y="10128"/>
                    <a:pt x="12178" y="10400"/>
                    <a:pt x="13622" y="10337"/>
                  </a:cubicBezTo>
                  <a:cubicBezTo>
                    <a:pt x="14313" y="10295"/>
                    <a:pt x="14961" y="10190"/>
                    <a:pt x="15631" y="10086"/>
                  </a:cubicBezTo>
                  <a:cubicBezTo>
                    <a:pt x="15798" y="10065"/>
                    <a:pt x="15924" y="9939"/>
                    <a:pt x="16049" y="9856"/>
                  </a:cubicBezTo>
                  <a:cubicBezTo>
                    <a:pt x="16133" y="9291"/>
                    <a:pt x="15714" y="8768"/>
                    <a:pt x="15589" y="814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69" name="Google Shape;891;p49">
            <a:extLst>
              <a:ext uri="{FF2B5EF4-FFF2-40B4-BE49-F238E27FC236}">
                <a16:creationId xmlns:a16="http://schemas.microsoft.com/office/drawing/2014/main" id="{900BA4D5-06DC-4C0A-B1AB-A370ADAD01E6}"/>
              </a:ext>
            </a:extLst>
          </p:cNvPr>
          <p:cNvGrpSpPr/>
          <p:nvPr/>
        </p:nvGrpSpPr>
        <p:grpSpPr>
          <a:xfrm>
            <a:off x="8341666" y="105346"/>
            <a:ext cx="720341" cy="432735"/>
            <a:chOff x="4137713" y="525925"/>
            <a:chExt cx="608900" cy="407500"/>
          </a:xfrm>
        </p:grpSpPr>
        <p:sp>
          <p:nvSpPr>
            <p:cNvPr id="70" name="Google Shape;892;p49">
              <a:extLst>
                <a:ext uri="{FF2B5EF4-FFF2-40B4-BE49-F238E27FC236}">
                  <a16:creationId xmlns:a16="http://schemas.microsoft.com/office/drawing/2014/main" id="{8C04F993-AB2D-4441-BFEF-1B2CCE0A64BC}"/>
                </a:ext>
              </a:extLst>
            </p:cNvPr>
            <p:cNvSpPr/>
            <p:nvPr/>
          </p:nvSpPr>
          <p:spPr>
            <a:xfrm>
              <a:off x="4168063" y="559925"/>
              <a:ext cx="556575" cy="353625"/>
            </a:xfrm>
            <a:custGeom>
              <a:avLst/>
              <a:gdLst/>
              <a:ahLst/>
              <a:cxnLst/>
              <a:rect l="l" t="t" r="r" b="b"/>
              <a:pathLst>
                <a:path w="22263" h="14145" extrusionOk="0">
                  <a:moveTo>
                    <a:pt x="8913" y="11257"/>
                  </a:moveTo>
                  <a:cubicBezTo>
                    <a:pt x="8495" y="11069"/>
                    <a:pt x="8160" y="11195"/>
                    <a:pt x="7825" y="11487"/>
                  </a:cubicBezTo>
                  <a:cubicBezTo>
                    <a:pt x="7302" y="11948"/>
                    <a:pt x="6696" y="12345"/>
                    <a:pt x="6110" y="12764"/>
                  </a:cubicBezTo>
                  <a:cubicBezTo>
                    <a:pt x="5670" y="13078"/>
                    <a:pt x="5147" y="13161"/>
                    <a:pt x="4603" y="13057"/>
                  </a:cubicBezTo>
                  <a:cubicBezTo>
                    <a:pt x="4101" y="12952"/>
                    <a:pt x="3599" y="12889"/>
                    <a:pt x="3118" y="12827"/>
                  </a:cubicBezTo>
                  <a:cubicBezTo>
                    <a:pt x="2825" y="12764"/>
                    <a:pt x="2678" y="12638"/>
                    <a:pt x="2657" y="12345"/>
                  </a:cubicBezTo>
                  <a:cubicBezTo>
                    <a:pt x="2657" y="12136"/>
                    <a:pt x="2615" y="11927"/>
                    <a:pt x="2678" y="11739"/>
                  </a:cubicBezTo>
                  <a:cubicBezTo>
                    <a:pt x="3013" y="10881"/>
                    <a:pt x="3139" y="9960"/>
                    <a:pt x="3724" y="9228"/>
                  </a:cubicBezTo>
                  <a:cubicBezTo>
                    <a:pt x="3829" y="9102"/>
                    <a:pt x="3913" y="8956"/>
                    <a:pt x="3996" y="8788"/>
                  </a:cubicBezTo>
                  <a:lnTo>
                    <a:pt x="3996" y="8684"/>
                  </a:lnTo>
                  <a:cubicBezTo>
                    <a:pt x="3913" y="8663"/>
                    <a:pt x="3829" y="8600"/>
                    <a:pt x="3766" y="8642"/>
                  </a:cubicBezTo>
                  <a:cubicBezTo>
                    <a:pt x="3578" y="8705"/>
                    <a:pt x="3369" y="8767"/>
                    <a:pt x="3201" y="8893"/>
                  </a:cubicBezTo>
                  <a:cubicBezTo>
                    <a:pt x="2762" y="9270"/>
                    <a:pt x="2323" y="9270"/>
                    <a:pt x="1799" y="9165"/>
                  </a:cubicBezTo>
                  <a:cubicBezTo>
                    <a:pt x="1193" y="9018"/>
                    <a:pt x="670" y="8809"/>
                    <a:pt x="251" y="8349"/>
                  </a:cubicBezTo>
                  <a:cubicBezTo>
                    <a:pt x="126" y="8182"/>
                    <a:pt x="63" y="7972"/>
                    <a:pt x="21" y="7805"/>
                  </a:cubicBezTo>
                  <a:cubicBezTo>
                    <a:pt x="0" y="7638"/>
                    <a:pt x="0" y="7449"/>
                    <a:pt x="21" y="7282"/>
                  </a:cubicBezTo>
                  <a:cubicBezTo>
                    <a:pt x="84" y="6591"/>
                    <a:pt x="356" y="5985"/>
                    <a:pt x="983" y="5671"/>
                  </a:cubicBezTo>
                  <a:cubicBezTo>
                    <a:pt x="1465" y="5441"/>
                    <a:pt x="2511" y="5566"/>
                    <a:pt x="3013" y="6236"/>
                  </a:cubicBezTo>
                  <a:cubicBezTo>
                    <a:pt x="3055" y="6298"/>
                    <a:pt x="3118" y="6403"/>
                    <a:pt x="3160" y="6403"/>
                  </a:cubicBezTo>
                  <a:cubicBezTo>
                    <a:pt x="3264" y="6445"/>
                    <a:pt x="3390" y="6403"/>
                    <a:pt x="3452" y="6361"/>
                  </a:cubicBezTo>
                  <a:cubicBezTo>
                    <a:pt x="3536" y="6277"/>
                    <a:pt x="3536" y="6152"/>
                    <a:pt x="3536" y="6026"/>
                  </a:cubicBezTo>
                  <a:cubicBezTo>
                    <a:pt x="3557" y="5566"/>
                    <a:pt x="3536" y="5127"/>
                    <a:pt x="3557" y="4687"/>
                  </a:cubicBezTo>
                  <a:cubicBezTo>
                    <a:pt x="3662" y="2951"/>
                    <a:pt x="4415" y="1591"/>
                    <a:pt x="5754" y="523"/>
                  </a:cubicBezTo>
                  <a:cubicBezTo>
                    <a:pt x="6193" y="168"/>
                    <a:pt x="6717" y="0"/>
                    <a:pt x="7323" y="0"/>
                  </a:cubicBezTo>
                  <a:cubicBezTo>
                    <a:pt x="8558" y="0"/>
                    <a:pt x="9520" y="900"/>
                    <a:pt x="9541" y="2156"/>
                  </a:cubicBezTo>
                  <a:lnTo>
                    <a:pt x="9541" y="3118"/>
                  </a:lnTo>
                  <a:cubicBezTo>
                    <a:pt x="9541" y="3327"/>
                    <a:pt x="9625" y="3536"/>
                    <a:pt x="9834" y="3620"/>
                  </a:cubicBezTo>
                  <a:cubicBezTo>
                    <a:pt x="10043" y="3725"/>
                    <a:pt x="10274" y="3620"/>
                    <a:pt x="10441" y="3390"/>
                  </a:cubicBezTo>
                  <a:cubicBezTo>
                    <a:pt x="10504" y="3285"/>
                    <a:pt x="10546" y="3181"/>
                    <a:pt x="10608" y="3097"/>
                  </a:cubicBezTo>
                  <a:cubicBezTo>
                    <a:pt x="10818" y="2804"/>
                    <a:pt x="11090" y="2532"/>
                    <a:pt x="11424" y="2428"/>
                  </a:cubicBezTo>
                  <a:cubicBezTo>
                    <a:pt x="12387" y="2156"/>
                    <a:pt x="13328" y="2176"/>
                    <a:pt x="14228" y="2783"/>
                  </a:cubicBezTo>
                  <a:cubicBezTo>
                    <a:pt x="14751" y="3139"/>
                    <a:pt x="15044" y="3641"/>
                    <a:pt x="15044" y="4269"/>
                  </a:cubicBezTo>
                  <a:lnTo>
                    <a:pt x="15044" y="5336"/>
                  </a:lnTo>
                  <a:cubicBezTo>
                    <a:pt x="15065" y="5775"/>
                    <a:pt x="15295" y="5964"/>
                    <a:pt x="15735" y="5943"/>
                  </a:cubicBezTo>
                  <a:cubicBezTo>
                    <a:pt x="15923" y="5922"/>
                    <a:pt x="16090" y="5880"/>
                    <a:pt x="16258" y="5817"/>
                  </a:cubicBezTo>
                  <a:cubicBezTo>
                    <a:pt x="16990" y="5545"/>
                    <a:pt x="17785" y="5503"/>
                    <a:pt x="18538" y="5587"/>
                  </a:cubicBezTo>
                  <a:cubicBezTo>
                    <a:pt x="19898" y="5754"/>
                    <a:pt x="21007" y="6424"/>
                    <a:pt x="21761" y="7554"/>
                  </a:cubicBezTo>
                  <a:cubicBezTo>
                    <a:pt x="22263" y="8286"/>
                    <a:pt x="22179" y="9186"/>
                    <a:pt x="21593" y="9855"/>
                  </a:cubicBezTo>
                  <a:cubicBezTo>
                    <a:pt x="20714" y="10943"/>
                    <a:pt x="19543" y="11508"/>
                    <a:pt x="18204" y="11780"/>
                  </a:cubicBezTo>
                  <a:cubicBezTo>
                    <a:pt x="17932" y="11822"/>
                    <a:pt x="17680" y="11843"/>
                    <a:pt x="17408" y="11906"/>
                  </a:cubicBezTo>
                  <a:cubicBezTo>
                    <a:pt x="16718" y="12052"/>
                    <a:pt x="16237" y="11801"/>
                    <a:pt x="15881" y="11195"/>
                  </a:cubicBezTo>
                  <a:cubicBezTo>
                    <a:pt x="15588" y="10734"/>
                    <a:pt x="15149" y="10755"/>
                    <a:pt x="14835" y="11195"/>
                  </a:cubicBezTo>
                  <a:cubicBezTo>
                    <a:pt x="14542" y="11634"/>
                    <a:pt x="14228" y="12052"/>
                    <a:pt x="13914" y="12513"/>
                  </a:cubicBezTo>
                  <a:cubicBezTo>
                    <a:pt x="13642" y="12889"/>
                    <a:pt x="13266" y="13182"/>
                    <a:pt x="12889" y="13475"/>
                  </a:cubicBezTo>
                  <a:cubicBezTo>
                    <a:pt x="12073" y="14145"/>
                    <a:pt x="10755" y="13915"/>
                    <a:pt x="10127" y="13308"/>
                  </a:cubicBezTo>
                  <a:cubicBezTo>
                    <a:pt x="9562" y="12764"/>
                    <a:pt x="9123" y="12094"/>
                    <a:pt x="8913" y="11257"/>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71" name="Google Shape;893;p49">
              <a:extLst>
                <a:ext uri="{FF2B5EF4-FFF2-40B4-BE49-F238E27FC236}">
                  <a16:creationId xmlns:a16="http://schemas.microsoft.com/office/drawing/2014/main" id="{D50C1B93-F036-4CDA-A666-5CA16D1072F8}"/>
                </a:ext>
              </a:extLst>
            </p:cNvPr>
            <p:cNvSpPr/>
            <p:nvPr/>
          </p:nvSpPr>
          <p:spPr>
            <a:xfrm>
              <a:off x="4137713" y="525925"/>
              <a:ext cx="608900" cy="407500"/>
            </a:xfrm>
            <a:custGeom>
              <a:avLst/>
              <a:gdLst/>
              <a:ahLst/>
              <a:cxnLst/>
              <a:rect l="l" t="t" r="r" b="b"/>
              <a:pathLst>
                <a:path w="24356" h="16300" extrusionOk="0">
                  <a:moveTo>
                    <a:pt x="3976" y="6194"/>
                  </a:moveTo>
                  <a:cubicBezTo>
                    <a:pt x="3913" y="4896"/>
                    <a:pt x="4353" y="3788"/>
                    <a:pt x="5001" y="2741"/>
                  </a:cubicBezTo>
                  <a:cubicBezTo>
                    <a:pt x="5336" y="2218"/>
                    <a:pt x="5713" y="1737"/>
                    <a:pt x="6215" y="1360"/>
                  </a:cubicBezTo>
                  <a:cubicBezTo>
                    <a:pt x="6529" y="1130"/>
                    <a:pt x="6884" y="858"/>
                    <a:pt x="7261" y="712"/>
                  </a:cubicBezTo>
                  <a:cubicBezTo>
                    <a:pt x="9081" y="0"/>
                    <a:pt x="10567" y="544"/>
                    <a:pt x="11488" y="2281"/>
                  </a:cubicBezTo>
                  <a:cubicBezTo>
                    <a:pt x="11613" y="2511"/>
                    <a:pt x="11697" y="2741"/>
                    <a:pt x="11780" y="2992"/>
                  </a:cubicBezTo>
                  <a:cubicBezTo>
                    <a:pt x="11864" y="3013"/>
                    <a:pt x="11927" y="3034"/>
                    <a:pt x="11969" y="3013"/>
                  </a:cubicBezTo>
                  <a:cubicBezTo>
                    <a:pt x="12806" y="2574"/>
                    <a:pt x="13685" y="2616"/>
                    <a:pt x="14542" y="2720"/>
                  </a:cubicBezTo>
                  <a:cubicBezTo>
                    <a:pt x="15944" y="2888"/>
                    <a:pt x="17032" y="3997"/>
                    <a:pt x="17221" y="5378"/>
                  </a:cubicBezTo>
                  <a:cubicBezTo>
                    <a:pt x="17242" y="5629"/>
                    <a:pt x="17262" y="5838"/>
                    <a:pt x="17304" y="6089"/>
                  </a:cubicBezTo>
                  <a:cubicBezTo>
                    <a:pt x="17723" y="6047"/>
                    <a:pt x="18099" y="5985"/>
                    <a:pt x="18476" y="5943"/>
                  </a:cubicBezTo>
                  <a:cubicBezTo>
                    <a:pt x="20464" y="5692"/>
                    <a:pt x="22117" y="6424"/>
                    <a:pt x="23435" y="7868"/>
                  </a:cubicBezTo>
                  <a:cubicBezTo>
                    <a:pt x="24230" y="8746"/>
                    <a:pt x="24356" y="9751"/>
                    <a:pt x="24125" y="10860"/>
                  </a:cubicBezTo>
                  <a:cubicBezTo>
                    <a:pt x="24042" y="11215"/>
                    <a:pt x="23812" y="11529"/>
                    <a:pt x="23581" y="11843"/>
                  </a:cubicBezTo>
                  <a:cubicBezTo>
                    <a:pt x="22786" y="12889"/>
                    <a:pt x="21719" y="13559"/>
                    <a:pt x="20464" y="13935"/>
                  </a:cubicBezTo>
                  <a:cubicBezTo>
                    <a:pt x="19941" y="14103"/>
                    <a:pt x="19418" y="14354"/>
                    <a:pt x="18832" y="14354"/>
                  </a:cubicBezTo>
                  <a:cubicBezTo>
                    <a:pt x="18204" y="14354"/>
                    <a:pt x="17618" y="14249"/>
                    <a:pt x="17095" y="13894"/>
                  </a:cubicBezTo>
                  <a:cubicBezTo>
                    <a:pt x="16949" y="13789"/>
                    <a:pt x="16802" y="13705"/>
                    <a:pt x="16614" y="13601"/>
                  </a:cubicBezTo>
                  <a:cubicBezTo>
                    <a:pt x="16321" y="13998"/>
                    <a:pt x="15840" y="14145"/>
                    <a:pt x="15756" y="14710"/>
                  </a:cubicBezTo>
                  <a:cubicBezTo>
                    <a:pt x="15756" y="14814"/>
                    <a:pt x="15589" y="14877"/>
                    <a:pt x="15526" y="14961"/>
                  </a:cubicBezTo>
                  <a:cubicBezTo>
                    <a:pt x="15317" y="15107"/>
                    <a:pt x="15107" y="15275"/>
                    <a:pt x="14898" y="15463"/>
                  </a:cubicBezTo>
                  <a:cubicBezTo>
                    <a:pt x="14082" y="16216"/>
                    <a:pt x="13120" y="16300"/>
                    <a:pt x="12073" y="16112"/>
                  </a:cubicBezTo>
                  <a:cubicBezTo>
                    <a:pt x="11718" y="16070"/>
                    <a:pt x="11383" y="15881"/>
                    <a:pt x="11090" y="15714"/>
                  </a:cubicBezTo>
                  <a:cubicBezTo>
                    <a:pt x="10567" y="15400"/>
                    <a:pt x="10211" y="14961"/>
                    <a:pt x="9876" y="14459"/>
                  </a:cubicBezTo>
                  <a:cubicBezTo>
                    <a:pt x="9709" y="14249"/>
                    <a:pt x="9583" y="14019"/>
                    <a:pt x="9416" y="13768"/>
                  </a:cubicBezTo>
                  <a:cubicBezTo>
                    <a:pt x="9270" y="13873"/>
                    <a:pt x="9102" y="13935"/>
                    <a:pt x="8977" y="14040"/>
                  </a:cubicBezTo>
                  <a:cubicBezTo>
                    <a:pt x="8726" y="14228"/>
                    <a:pt x="8454" y="14438"/>
                    <a:pt x="8203" y="14626"/>
                  </a:cubicBezTo>
                  <a:cubicBezTo>
                    <a:pt x="6738" y="15693"/>
                    <a:pt x="5169" y="15588"/>
                    <a:pt x="3599" y="14940"/>
                  </a:cubicBezTo>
                  <a:cubicBezTo>
                    <a:pt x="3390" y="14856"/>
                    <a:pt x="3181" y="14689"/>
                    <a:pt x="2993" y="14563"/>
                  </a:cubicBezTo>
                  <a:cubicBezTo>
                    <a:pt x="2721" y="14354"/>
                    <a:pt x="2595" y="14061"/>
                    <a:pt x="2595" y="13726"/>
                  </a:cubicBezTo>
                  <a:cubicBezTo>
                    <a:pt x="2595" y="13119"/>
                    <a:pt x="2595" y="12555"/>
                    <a:pt x="2888" y="12011"/>
                  </a:cubicBezTo>
                  <a:cubicBezTo>
                    <a:pt x="2909" y="11927"/>
                    <a:pt x="2930" y="11843"/>
                    <a:pt x="2972" y="11718"/>
                  </a:cubicBezTo>
                  <a:cubicBezTo>
                    <a:pt x="2762" y="11487"/>
                    <a:pt x="2449" y="11508"/>
                    <a:pt x="2177" y="11425"/>
                  </a:cubicBezTo>
                  <a:cubicBezTo>
                    <a:pt x="1570" y="11215"/>
                    <a:pt x="1047" y="10902"/>
                    <a:pt x="628" y="10441"/>
                  </a:cubicBezTo>
                  <a:cubicBezTo>
                    <a:pt x="398" y="10190"/>
                    <a:pt x="252" y="9918"/>
                    <a:pt x="189" y="9562"/>
                  </a:cubicBezTo>
                  <a:cubicBezTo>
                    <a:pt x="0" y="8474"/>
                    <a:pt x="210" y="7449"/>
                    <a:pt x="1026" y="6612"/>
                  </a:cubicBezTo>
                  <a:cubicBezTo>
                    <a:pt x="1402" y="6215"/>
                    <a:pt x="1821" y="5985"/>
                    <a:pt x="2365" y="6047"/>
                  </a:cubicBezTo>
                  <a:cubicBezTo>
                    <a:pt x="2888" y="6089"/>
                    <a:pt x="3369" y="6152"/>
                    <a:pt x="3976" y="6194"/>
                  </a:cubicBezTo>
                  <a:close/>
                  <a:moveTo>
                    <a:pt x="10127" y="12617"/>
                  </a:moveTo>
                  <a:cubicBezTo>
                    <a:pt x="10316" y="13454"/>
                    <a:pt x="10755" y="14124"/>
                    <a:pt x="11383" y="14668"/>
                  </a:cubicBezTo>
                  <a:cubicBezTo>
                    <a:pt x="12011" y="15275"/>
                    <a:pt x="13350" y="15484"/>
                    <a:pt x="14166" y="14835"/>
                  </a:cubicBezTo>
                  <a:cubicBezTo>
                    <a:pt x="14521" y="14542"/>
                    <a:pt x="14877" y="14249"/>
                    <a:pt x="15170" y="13873"/>
                  </a:cubicBezTo>
                  <a:cubicBezTo>
                    <a:pt x="15463" y="13412"/>
                    <a:pt x="15777" y="12994"/>
                    <a:pt x="16091" y="12555"/>
                  </a:cubicBezTo>
                  <a:cubicBezTo>
                    <a:pt x="16405" y="12094"/>
                    <a:pt x="16844" y="12094"/>
                    <a:pt x="17137" y="12555"/>
                  </a:cubicBezTo>
                  <a:cubicBezTo>
                    <a:pt x="17493" y="13161"/>
                    <a:pt x="17974" y="13412"/>
                    <a:pt x="18685" y="13266"/>
                  </a:cubicBezTo>
                  <a:cubicBezTo>
                    <a:pt x="18936" y="13203"/>
                    <a:pt x="19208" y="13182"/>
                    <a:pt x="19459" y="13140"/>
                  </a:cubicBezTo>
                  <a:cubicBezTo>
                    <a:pt x="20799" y="12847"/>
                    <a:pt x="21970" y="12303"/>
                    <a:pt x="22870" y="11215"/>
                  </a:cubicBezTo>
                  <a:cubicBezTo>
                    <a:pt x="23435" y="10546"/>
                    <a:pt x="23519" y="9646"/>
                    <a:pt x="23016" y="8914"/>
                  </a:cubicBezTo>
                  <a:cubicBezTo>
                    <a:pt x="22242" y="7784"/>
                    <a:pt x="21133" y="7135"/>
                    <a:pt x="19815" y="6947"/>
                  </a:cubicBezTo>
                  <a:cubicBezTo>
                    <a:pt x="19041" y="6842"/>
                    <a:pt x="18267" y="6905"/>
                    <a:pt x="17534" y="7177"/>
                  </a:cubicBezTo>
                  <a:cubicBezTo>
                    <a:pt x="17367" y="7219"/>
                    <a:pt x="17200" y="7282"/>
                    <a:pt x="17011" y="7303"/>
                  </a:cubicBezTo>
                  <a:cubicBezTo>
                    <a:pt x="16593" y="7345"/>
                    <a:pt x="16321" y="7135"/>
                    <a:pt x="16300" y="6696"/>
                  </a:cubicBezTo>
                  <a:cubicBezTo>
                    <a:pt x="16279" y="6361"/>
                    <a:pt x="16300" y="5985"/>
                    <a:pt x="16300" y="5629"/>
                  </a:cubicBezTo>
                  <a:cubicBezTo>
                    <a:pt x="16300" y="5001"/>
                    <a:pt x="16007" y="4499"/>
                    <a:pt x="15484" y="4143"/>
                  </a:cubicBezTo>
                  <a:cubicBezTo>
                    <a:pt x="14626" y="3536"/>
                    <a:pt x="13685" y="3516"/>
                    <a:pt x="12680" y="3788"/>
                  </a:cubicBezTo>
                  <a:cubicBezTo>
                    <a:pt x="12345" y="3892"/>
                    <a:pt x="12094" y="4164"/>
                    <a:pt x="11885" y="4457"/>
                  </a:cubicBezTo>
                  <a:cubicBezTo>
                    <a:pt x="11801" y="4562"/>
                    <a:pt x="11780" y="4666"/>
                    <a:pt x="11697" y="4750"/>
                  </a:cubicBezTo>
                  <a:cubicBezTo>
                    <a:pt x="11529" y="5001"/>
                    <a:pt x="11299" y="5064"/>
                    <a:pt x="11090" y="4980"/>
                  </a:cubicBezTo>
                  <a:cubicBezTo>
                    <a:pt x="10881" y="4896"/>
                    <a:pt x="10797" y="4687"/>
                    <a:pt x="10797" y="4478"/>
                  </a:cubicBezTo>
                  <a:cubicBezTo>
                    <a:pt x="10797" y="4164"/>
                    <a:pt x="10839" y="3808"/>
                    <a:pt x="10797" y="3516"/>
                  </a:cubicBezTo>
                  <a:cubicBezTo>
                    <a:pt x="10755" y="2281"/>
                    <a:pt x="9814" y="1360"/>
                    <a:pt x="8579" y="1360"/>
                  </a:cubicBezTo>
                  <a:cubicBezTo>
                    <a:pt x="8014" y="1360"/>
                    <a:pt x="7491" y="1549"/>
                    <a:pt x="7010" y="1883"/>
                  </a:cubicBezTo>
                  <a:cubicBezTo>
                    <a:pt x="5671" y="2951"/>
                    <a:pt x="4897" y="4311"/>
                    <a:pt x="4813" y="6047"/>
                  </a:cubicBezTo>
                  <a:cubicBezTo>
                    <a:pt x="4792" y="6487"/>
                    <a:pt x="4792" y="6926"/>
                    <a:pt x="4792" y="7386"/>
                  </a:cubicBezTo>
                  <a:cubicBezTo>
                    <a:pt x="4792" y="7491"/>
                    <a:pt x="4771" y="7637"/>
                    <a:pt x="4708" y="7721"/>
                  </a:cubicBezTo>
                  <a:cubicBezTo>
                    <a:pt x="4666" y="7763"/>
                    <a:pt x="4499" y="7805"/>
                    <a:pt x="4415" y="7763"/>
                  </a:cubicBezTo>
                  <a:cubicBezTo>
                    <a:pt x="4374" y="7742"/>
                    <a:pt x="4311" y="7637"/>
                    <a:pt x="4269" y="7596"/>
                  </a:cubicBezTo>
                  <a:cubicBezTo>
                    <a:pt x="3767" y="6926"/>
                    <a:pt x="2721" y="6801"/>
                    <a:pt x="2260" y="7031"/>
                  </a:cubicBezTo>
                  <a:cubicBezTo>
                    <a:pt x="1633" y="7345"/>
                    <a:pt x="1361" y="7951"/>
                    <a:pt x="1277" y="8642"/>
                  </a:cubicBezTo>
                  <a:cubicBezTo>
                    <a:pt x="1256" y="8809"/>
                    <a:pt x="1256" y="8998"/>
                    <a:pt x="1277" y="9165"/>
                  </a:cubicBezTo>
                  <a:cubicBezTo>
                    <a:pt x="1340" y="9332"/>
                    <a:pt x="1381" y="9583"/>
                    <a:pt x="1528" y="9709"/>
                  </a:cubicBezTo>
                  <a:cubicBezTo>
                    <a:pt x="1905" y="10169"/>
                    <a:pt x="2469" y="10378"/>
                    <a:pt x="3055" y="10525"/>
                  </a:cubicBezTo>
                  <a:cubicBezTo>
                    <a:pt x="3578" y="10630"/>
                    <a:pt x="4060" y="10630"/>
                    <a:pt x="4478" y="10253"/>
                  </a:cubicBezTo>
                  <a:cubicBezTo>
                    <a:pt x="4625" y="10127"/>
                    <a:pt x="4834" y="10065"/>
                    <a:pt x="5022" y="10002"/>
                  </a:cubicBezTo>
                  <a:cubicBezTo>
                    <a:pt x="5106" y="9960"/>
                    <a:pt x="5190" y="10023"/>
                    <a:pt x="5252" y="10044"/>
                  </a:cubicBezTo>
                  <a:cubicBezTo>
                    <a:pt x="5252" y="10106"/>
                    <a:pt x="5294" y="10127"/>
                    <a:pt x="5252" y="10148"/>
                  </a:cubicBezTo>
                  <a:cubicBezTo>
                    <a:pt x="5190" y="10316"/>
                    <a:pt x="5106" y="10462"/>
                    <a:pt x="5001" y="10588"/>
                  </a:cubicBezTo>
                  <a:cubicBezTo>
                    <a:pt x="4415" y="11320"/>
                    <a:pt x="4269" y="12241"/>
                    <a:pt x="3955" y="13099"/>
                  </a:cubicBezTo>
                  <a:cubicBezTo>
                    <a:pt x="3871" y="13287"/>
                    <a:pt x="3934" y="13517"/>
                    <a:pt x="3934" y="13705"/>
                  </a:cubicBezTo>
                  <a:cubicBezTo>
                    <a:pt x="3955" y="13998"/>
                    <a:pt x="4081" y="14124"/>
                    <a:pt x="4374" y="14187"/>
                  </a:cubicBezTo>
                  <a:cubicBezTo>
                    <a:pt x="4876" y="14249"/>
                    <a:pt x="5357" y="14312"/>
                    <a:pt x="5859" y="14417"/>
                  </a:cubicBezTo>
                  <a:cubicBezTo>
                    <a:pt x="6403" y="14521"/>
                    <a:pt x="6926" y="14438"/>
                    <a:pt x="7387" y="14124"/>
                  </a:cubicBezTo>
                  <a:cubicBezTo>
                    <a:pt x="7951" y="13726"/>
                    <a:pt x="8558" y="13308"/>
                    <a:pt x="9081" y="12847"/>
                  </a:cubicBezTo>
                  <a:cubicBezTo>
                    <a:pt x="9395" y="12555"/>
                    <a:pt x="9709" y="12429"/>
                    <a:pt x="10127" y="1261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
        <p:nvSpPr>
          <p:cNvPr id="16" name="Hộp Văn bản 15">
            <a:extLst>
              <a:ext uri="{FF2B5EF4-FFF2-40B4-BE49-F238E27FC236}">
                <a16:creationId xmlns:a16="http://schemas.microsoft.com/office/drawing/2014/main" id="{AA1B6BDE-C9A3-3D40-0116-24A3A2C68B64}"/>
              </a:ext>
            </a:extLst>
          </p:cNvPr>
          <p:cNvSpPr txBox="1"/>
          <p:nvPr/>
        </p:nvSpPr>
        <p:spPr>
          <a:xfrm>
            <a:off x="583486" y="1856514"/>
            <a:ext cx="9323395" cy="1200329"/>
          </a:xfrm>
          <a:custGeom>
            <a:avLst/>
            <a:gdLst>
              <a:gd name="connsiteX0" fmla="*/ 0 w 9323395"/>
              <a:gd name="connsiteY0" fmla="*/ 0 h 1200329"/>
              <a:gd name="connsiteX1" fmla="*/ 303010 w 9323395"/>
              <a:gd name="connsiteY1" fmla="*/ 0 h 1200329"/>
              <a:gd name="connsiteX2" fmla="*/ 792489 w 9323395"/>
              <a:gd name="connsiteY2" fmla="*/ 0 h 1200329"/>
              <a:gd name="connsiteX3" fmla="*/ 1561669 w 9323395"/>
              <a:gd name="connsiteY3" fmla="*/ 0 h 1200329"/>
              <a:gd name="connsiteX4" fmla="*/ 2144381 w 9323395"/>
              <a:gd name="connsiteY4" fmla="*/ 0 h 1200329"/>
              <a:gd name="connsiteX5" fmla="*/ 2540625 w 9323395"/>
              <a:gd name="connsiteY5" fmla="*/ 0 h 1200329"/>
              <a:gd name="connsiteX6" fmla="*/ 3030103 w 9323395"/>
              <a:gd name="connsiteY6" fmla="*/ 0 h 1200329"/>
              <a:gd name="connsiteX7" fmla="*/ 3612816 w 9323395"/>
              <a:gd name="connsiteY7" fmla="*/ 0 h 1200329"/>
              <a:gd name="connsiteX8" fmla="*/ 4195528 w 9323395"/>
              <a:gd name="connsiteY8" fmla="*/ 0 h 1200329"/>
              <a:gd name="connsiteX9" fmla="*/ 4778240 w 9323395"/>
              <a:gd name="connsiteY9" fmla="*/ 0 h 1200329"/>
              <a:gd name="connsiteX10" fmla="*/ 5267718 w 9323395"/>
              <a:gd name="connsiteY10" fmla="*/ 0 h 1200329"/>
              <a:gd name="connsiteX11" fmla="*/ 5757196 w 9323395"/>
              <a:gd name="connsiteY11" fmla="*/ 0 h 1200329"/>
              <a:gd name="connsiteX12" fmla="*/ 6153441 w 9323395"/>
              <a:gd name="connsiteY12" fmla="*/ 0 h 1200329"/>
              <a:gd name="connsiteX13" fmla="*/ 6829387 w 9323395"/>
              <a:gd name="connsiteY13" fmla="*/ 0 h 1200329"/>
              <a:gd name="connsiteX14" fmla="*/ 7412099 w 9323395"/>
              <a:gd name="connsiteY14" fmla="*/ 0 h 1200329"/>
              <a:gd name="connsiteX15" fmla="*/ 8088045 w 9323395"/>
              <a:gd name="connsiteY15" fmla="*/ 0 h 1200329"/>
              <a:gd name="connsiteX16" fmla="*/ 9323395 w 9323395"/>
              <a:gd name="connsiteY16" fmla="*/ 0 h 1200329"/>
              <a:gd name="connsiteX17" fmla="*/ 9323395 w 9323395"/>
              <a:gd name="connsiteY17" fmla="*/ 388106 h 1200329"/>
              <a:gd name="connsiteX18" fmla="*/ 9323395 w 9323395"/>
              <a:gd name="connsiteY18" fmla="*/ 812223 h 1200329"/>
              <a:gd name="connsiteX19" fmla="*/ 9323395 w 9323395"/>
              <a:gd name="connsiteY19" fmla="*/ 1200329 h 1200329"/>
              <a:gd name="connsiteX20" fmla="*/ 8927151 w 9323395"/>
              <a:gd name="connsiteY20" fmla="*/ 1200329 h 1200329"/>
              <a:gd name="connsiteX21" fmla="*/ 8157971 w 9323395"/>
              <a:gd name="connsiteY21" fmla="*/ 1200329 h 1200329"/>
              <a:gd name="connsiteX22" fmla="*/ 7854960 w 9323395"/>
              <a:gd name="connsiteY22" fmla="*/ 1200329 h 1200329"/>
              <a:gd name="connsiteX23" fmla="*/ 7551950 w 9323395"/>
              <a:gd name="connsiteY23" fmla="*/ 1200329 h 1200329"/>
              <a:gd name="connsiteX24" fmla="*/ 6876004 w 9323395"/>
              <a:gd name="connsiteY24" fmla="*/ 1200329 h 1200329"/>
              <a:gd name="connsiteX25" fmla="*/ 6572993 w 9323395"/>
              <a:gd name="connsiteY25" fmla="*/ 1200329 h 1200329"/>
              <a:gd name="connsiteX26" fmla="*/ 6269983 w 9323395"/>
              <a:gd name="connsiteY26" fmla="*/ 1200329 h 1200329"/>
              <a:gd name="connsiteX27" fmla="*/ 5873739 w 9323395"/>
              <a:gd name="connsiteY27" fmla="*/ 1200329 h 1200329"/>
              <a:gd name="connsiteX28" fmla="*/ 5291027 w 9323395"/>
              <a:gd name="connsiteY28" fmla="*/ 1200329 h 1200329"/>
              <a:gd name="connsiteX29" fmla="*/ 4801548 w 9323395"/>
              <a:gd name="connsiteY29" fmla="*/ 1200329 h 1200329"/>
              <a:gd name="connsiteX30" fmla="*/ 4312070 w 9323395"/>
              <a:gd name="connsiteY30" fmla="*/ 1200329 h 1200329"/>
              <a:gd name="connsiteX31" fmla="*/ 3542890 w 9323395"/>
              <a:gd name="connsiteY31" fmla="*/ 1200329 h 1200329"/>
              <a:gd name="connsiteX32" fmla="*/ 2866944 w 9323395"/>
              <a:gd name="connsiteY32" fmla="*/ 1200329 h 1200329"/>
              <a:gd name="connsiteX33" fmla="*/ 2563934 w 9323395"/>
              <a:gd name="connsiteY33" fmla="*/ 1200329 h 1200329"/>
              <a:gd name="connsiteX34" fmla="*/ 2074455 w 9323395"/>
              <a:gd name="connsiteY34" fmla="*/ 1200329 h 1200329"/>
              <a:gd name="connsiteX35" fmla="*/ 1678211 w 9323395"/>
              <a:gd name="connsiteY35" fmla="*/ 1200329 h 1200329"/>
              <a:gd name="connsiteX36" fmla="*/ 1375201 w 9323395"/>
              <a:gd name="connsiteY36" fmla="*/ 1200329 h 1200329"/>
              <a:gd name="connsiteX37" fmla="*/ 978956 w 9323395"/>
              <a:gd name="connsiteY37" fmla="*/ 1200329 h 1200329"/>
              <a:gd name="connsiteX38" fmla="*/ 582712 w 9323395"/>
              <a:gd name="connsiteY38" fmla="*/ 1200329 h 1200329"/>
              <a:gd name="connsiteX39" fmla="*/ 0 w 9323395"/>
              <a:gd name="connsiteY39" fmla="*/ 1200329 h 1200329"/>
              <a:gd name="connsiteX40" fmla="*/ 0 w 9323395"/>
              <a:gd name="connsiteY40" fmla="*/ 836229 h 1200329"/>
              <a:gd name="connsiteX41" fmla="*/ 0 w 9323395"/>
              <a:gd name="connsiteY41" fmla="*/ 424116 h 1200329"/>
              <a:gd name="connsiteX42" fmla="*/ 0 w 9323395"/>
              <a:gd name="connsiteY42" fmla="*/ 0 h 12003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Lst>
            <a:rect l="l" t="t" r="r" b="b"/>
            <a:pathLst>
              <a:path w="9323395" h="1200329" fill="none" extrusionOk="0">
                <a:moveTo>
                  <a:pt x="0" y="0"/>
                </a:moveTo>
                <a:cubicBezTo>
                  <a:pt x="91214" y="-23540"/>
                  <a:pt x="211043" y="30677"/>
                  <a:pt x="303010" y="0"/>
                </a:cubicBezTo>
                <a:cubicBezTo>
                  <a:pt x="394977" y="-30677"/>
                  <a:pt x="560378" y="25925"/>
                  <a:pt x="792489" y="0"/>
                </a:cubicBezTo>
                <a:cubicBezTo>
                  <a:pt x="1024600" y="-25925"/>
                  <a:pt x="1259783" y="12999"/>
                  <a:pt x="1561669" y="0"/>
                </a:cubicBezTo>
                <a:cubicBezTo>
                  <a:pt x="1863555" y="-12999"/>
                  <a:pt x="1863755" y="6801"/>
                  <a:pt x="2144381" y="0"/>
                </a:cubicBezTo>
                <a:cubicBezTo>
                  <a:pt x="2425007" y="-6801"/>
                  <a:pt x="2357647" y="29727"/>
                  <a:pt x="2540625" y="0"/>
                </a:cubicBezTo>
                <a:cubicBezTo>
                  <a:pt x="2723603" y="-29727"/>
                  <a:pt x="2894325" y="53776"/>
                  <a:pt x="3030103" y="0"/>
                </a:cubicBezTo>
                <a:cubicBezTo>
                  <a:pt x="3165881" y="-53776"/>
                  <a:pt x="3492923" y="3918"/>
                  <a:pt x="3612816" y="0"/>
                </a:cubicBezTo>
                <a:cubicBezTo>
                  <a:pt x="3732709" y="-3918"/>
                  <a:pt x="3971520" y="40571"/>
                  <a:pt x="4195528" y="0"/>
                </a:cubicBezTo>
                <a:cubicBezTo>
                  <a:pt x="4419536" y="-40571"/>
                  <a:pt x="4583691" y="58799"/>
                  <a:pt x="4778240" y="0"/>
                </a:cubicBezTo>
                <a:cubicBezTo>
                  <a:pt x="4972789" y="-58799"/>
                  <a:pt x="5063026" y="19740"/>
                  <a:pt x="5267718" y="0"/>
                </a:cubicBezTo>
                <a:cubicBezTo>
                  <a:pt x="5472410" y="-19740"/>
                  <a:pt x="5641577" y="31343"/>
                  <a:pt x="5757196" y="0"/>
                </a:cubicBezTo>
                <a:cubicBezTo>
                  <a:pt x="5872815" y="-31343"/>
                  <a:pt x="5991410" y="23266"/>
                  <a:pt x="6153441" y="0"/>
                </a:cubicBezTo>
                <a:cubicBezTo>
                  <a:pt x="6315472" y="-23266"/>
                  <a:pt x="6586032" y="138"/>
                  <a:pt x="6829387" y="0"/>
                </a:cubicBezTo>
                <a:cubicBezTo>
                  <a:pt x="7072742" y="-138"/>
                  <a:pt x="7269887" y="18184"/>
                  <a:pt x="7412099" y="0"/>
                </a:cubicBezTo>
                <a:cubicBezTo>
                  <a:pt x="7554311" y="-18184"/>
                  <a:pt x="7758507" y="70184"/>
                  <a:pt x="8088045" y="0"/>
                </a:cubicBezTo>
                <a:cubicBezTo>
                  <a:pt x="8417583" y="-70184"/>
                  <a:pt x="9055589" y="74538"/>
                  <a:pt x="9323395" y="0"/>
                </a:cubicBezTo>
                <a:cubicBezTo>
                  <a:pt x="9323729" y="126958"/>
                  <a:pt x="9307398" y="236024"/>
                  <a:pt x="9323395" y="388106"/>
                </a:cubicBezTo>
                <a:cubicBezTo>
                  <a:pt x="9339392" y="540188"/>
                  <a:pt x="9315935" y="665532"/>
                  <a:pt x="9323395" y="812223"/>
                </a:cubicBezTo>
                <a:cubicBezTo>
                  <a:pt x="9330855" y="958914"/>
                  <a:pt x="9312520" y="1066222"/>
                  <a:pt x="9323395" y="1200329"/>
                </a:cubicBezTo>
                <a:cubicBezTo>
                  <a:pt x="9139668" y="1220527"/>
                  <a:pt x="9110738" y="1171984"/>
                  <a:pt x="8927151" y="1200329"/>
                </a:cubicBezTo>
                <a:cubicBezTo>
                  <a:pt x="8743564" y="1228674"/>
                  <a:pt x="8455247" y="1145707"/>
                  <a:pt x="8157971" y="1200329"/>
                </a:cubicBezTo>
                <a:cubicBezTo>
                  <a:pt x="7860695" y="1254951"/>
                  <a:pt x="7936392" y="1178834"/>
                  <a:pt x="7854960" y="1200329"/>
                </a:cubicBezTo>
                <a:cubicBezTo>
                  <a:pt x="7773528" y="1221824"/>
                  <a:pt x="7633410" y="1186527"/>
                  <a:pt x="7551950" y="1200329"/>
                </a:cubicBezTo>
                <a:cubicBezTo>
                  <a:pt x="7470490" y="1214131"/>
                  <a:pt x="7063411" y="1190030"/>
                  <a:pt x="6876004" y="1200329"/>
                </a:cubicBezTo>
                <a:cubicBezTo>
                  <a:pt x="6688597" y="1210628"/>
                  <a:pt x="6705895" y="1194901"/>
                  <a:pt x="6572993" y="1200329"/>
                </a:cubicBezTo>
                <a:cubicBezTo>
                  <a:pt x="6440091" y="1205757"/>
                  <a:pt x="6397471" y="1170375"/>
                  <a:pt x="6269983" y="1200329"/>
                </a:cubicBezTo>
                <a:cubicBezTo>
                  <a:pt x="6142495" y="1230283"/>
                  <a:pt x="5961235" y="1154308"/>
                  <a:pt x="5873739" y="1200329"/>
                </a:cubicBezTo>
                <a:cubicBezTo>
                  <a:pt x="5786243" y="1246350"/>
                  <a:pt x="5504726" y="1174024"/>
                  <a:pt x="5291027" y="1200329"/>
                </a:cubicBezTo>
                <a:cubicBezTo>
                  <a:pt x="5077328" y="1226634"/>
                  <a:pt x="4946934" y="1197645"/>
                  <a:pt x="4801548" y="1200329"/>
                </a:cubicBezTo>
                <a:cubicBezTo>
                  <a:pt x="4656162" y="1203013"/>
                  <a:pt x="4436624" y="1182106"/>
                  <a:pt x="4312070" y="1200329"/>
                </a:cubicBezTo>
                <a:cubicBezTo>
                  <a:pt x="4187516" y="1218552"/>
                  <a:pt x="3911657" y="1114693"/>
                  <a:pt x="3542890" y="1200329"/>
                </a:cubicBezTo>
                <a:cubicBezTo>
                  <a:pt x="3174123" y="1285965"/>
                  <a:pt x="3134308" y="1123336"/>
                  <a:pt x="2866944" y="1200329"/>
                </a:cubicBezTo>
                <a:cubicBezTo>
                  <a:pt x="2599580" y="1277322"/>
                  <a:pt x="2680451" y="1192356"/>
                  <a:pt x="2563934" y="1200329"/>
                </a:cubicBezTo>
                <a:cubicBezTo>
                  <a:pt x="2447417" y="1208302"/>
                  <a:pt x="2295117" y="1145467"/>
                  <a:pt x="2074455" y="1200329"/>
                </a:cubicBezTo>
                <a:cubicBezTo>
                  <a:pt x="1853793" y="1255191"/>
                  <a:pt x="1867849" y="1157183"/>
                  <a:pt x="1678211" y="1200329"/>
                </a:cubicBezTo>
                <a:cubicBezTo>
                  <a:pt x="1488573" y="1243475"/>
                  <a:pt x="1474933" y="1178257"/>
                  <a:pt x="1375201" y="1200329"/>
                </a:cubicBezTo>
                <a:cubicBezTo>
                  <a:pt x="1275469" y="1222401"/>
                  <a:pt x="1166815" y="1199344"/>
                  <a:pt x="978956" y="1200329"/>
                </a:cubicBezTo>
                <a:cubicBezTo>
                  <a:pt x="791098" y="1201314"/>
                  <a:pt x="699515" y="1194962"/>
                  <a:pt x="582712" y="1200329"/>
                </a:cubicBezTo>
                <a:cubicBezTo>
                  <a:pt x="465909" y="1205696"/>
                  <a:pt x="149997" y="1167749"/>
                  <a:pt x="0" y="1200329"/>
                </a:cubicBezTo>
                <a:cubicBezTo>
                  <a:pt x="-30207" y="1102834"/>
                  <a:pt x="22317" y="934408"/>
                  <a:pt x="0" y="836229"/>
                </a:cubicBezTo>
                <a:cubicBezTo>
                  <a:pt x="-22317" y="738050"/>
                  <a:pt x="13955" y="559401"/>
                  <a:pt x="0" y="424116"/>
                </a:cubicBezTo>
                <a:cubicBezTo>
                  <a:pt x="-13955" y="288831"/>
                  <a:pt x="20254" y="105275"/>
                  <a:pt x="0" y="0"/>
                </a:cubicBezTo>
                <a:close/>
              </a:path>
              <a:path w="9323395" h="1200329" stroke="0" extrusionOk="0">
                <a:moveTo>
                  <a:pt x="0" y="0"/>
                </a:moveTo>
                <a:cubicBezTo>
                  <a:pt x="235315" y="-35565"/>
                  <a:pt x="300900" y="27163"/>
                  <a:pt x="489478" y="0"/>
                </a:cubicBezTo>
                <a:cubicBezTo>
                  <a:pt x="678056" y="-27163"/>
                  <a:pt x="750142" y="22495"/>
                  <a:pt x="978956" y="0"/>
                </a:cubicBezTo>
                <a:cubicBezTo>
                  <a:pt x="1207770" y="-22495"/>
                  <a:pt x="1260503" y="58588"/>
                  <a:pt x="1468435" y="0"/>
                </a:cubicBezTo>
                <a:cubicBezTo>
                  <a:pt x="1676367" y="-58588"/>
                  <a:pt x="1771981" y="23187"/>
                  <a:pt x="1864679" y="0"/>
                </a:cubicBezTo>
                <a:cubicBezTo>
                  <a:pt x="1957377" y="-23187"/>
                  <a:pt x="2357564" y="28322"/>
                  <a:pt x="2540625" y="0"/>
                </a:cubicBezTo>
                <a:cubicBezTo>
                  <a:pt x="2723686" y="-28322"/>
                  <a:pt x="2828743" y="41267"/>
                  <a:pt x="2936869" y="0"/>
                </a:cubicBezTo>
                <a:cubicBezTo>
                  <a:pt x="3044995" y="-41267"/>
                  <a:pt x="3471956" y="71271"/>
                  <a:pt x="3612816" y="0"/>
                </a:cubicBezTo>
                <a:cubicBezTo>
                  <a:pt x="3753676" y="-71271"/>
                  <a:pt x="3890673" y="21007"/>
                  <a:pt x="4009060" y="0"/>
                </a:cubicBezTo>
                <a:cubicBezTo>
                  <a:pt x="4127447" y="-21007"/>
                  <a:pt x="4331929" y="46043"/>
                  <a:pt x="4591772" y="0"/>
                </a:cubicBezTo>
                <a:cubicBezTo>
                  <a:pt x="4851615" y="-46043"/>
                  <a:pt x="4988661" y="4401"/>
                  <a:pt x="5267718" y="0"/>
                </a:cubicBezTo>
                <a:cubicBezTo>
                  <a:pt x="5546775" y="-4401"/>
                  <a:pt x="5650554" y="847"/>
                  <a:pt x="5943664" y="0"/>
                </a:cubicBezTo>
                <a:cubicBezTo>
                  <a:pt x="6236774" y="-847"/>
                  <a:pt x="6112359" y="546"/>
                  <a:pt x="6246675" y="0"/>
                </a:cubicBezTo>
                <a:cubicBezTo>
                  <a:pt x="6380991" y="-546"/>
                  <a:pt x="6651466" y="11502"/>
                  <a:pt x="6829387" y="0"/>
                </a:cubicBezTo>
                <a:cubicBezTo>
                  <a:pt x="7007308" y="-11502"/>
                  <a:pt x="7175375" y="19789"/>
                  <a:pt x="7318865" y="0"/>
                </a:cubicBezTo>
                <a:cubicBezTo>
                  <a:pt x="7462355" y="-19789"/>
                  <a:pt x="7485333" y="33771"/>
                  <a:pt x="7621875" y="0"/>
                </a:cubicBezTo>
                <a:cubicBezTo>
                  <a:pt x="7758417" y="-33771"/>
                  <a:pt x="8045142" y="20155"/>
                  <a:pt x="8391056" y="0"/>
                </a:cubicBezTo>
                <a:cubicBezTo>
                  <a:pt x="8736970" y="-20155"/>
                  <a:pt x="9026647" y="56630"/>
                  <a:pt x="9323395" y="0"/>
                </a:cubicBezTo>
                <a:cubicBezTo>
                  <a:pt x="9367281" y="180906"/>
                  <a:pt x="9282495" y="254269"/>
                  <a:pt x="9323395" y="388106"/>
                </a:cubicBezTo>
                <a:cubicBezTo>
                  <a:pt x="9364295" y="521943"/>
                  <a:pt x="9310310" y="608587"/>
                  <a:pt x="9323395" y="788216"/>
                </a:cubicBezTo>
                <a:cubicBezTo>
                  <a:pt x="9336480" y="967845"/>
                  <a:pt x="9294731" y="995499"/>
                  <a:pt x="9323395" y="1200329"/>
                </a:cubicBezTo>
                <a:cubicBezTo>
                  <a:pt x="9128674" y="1235630"/>
                  <a:pt x="8867500" y="1132293"/>
                  <a:pt x="8740683" y="1200329"/>
                </a:cubicBezTo>
                <a:cubicBezTo>
                  <a:pt x="8613866" y="1268365"/>
                  <a:pt x="8210354" y="1168138"/>
                  <a:pt x="7971503" y="1200329"/>
                </a:cubicBezTo>
                <a:cubicBezTo>
                  <a:pt x="7732652" y="1232520"/>
                  <a:pt x="7521337" y="1179660"/>
                  <a:pt x="7295557" y="1200329"/>
                </a:cubicBezTo>
                <a:cubicBezTo>
                  <a:pt x="7069777" y="1220998"/>
                  <a:pt x="6884815" y="1195697"/>
                  <a:pt x="6712844" y="1200329"/>
                </a:cubicBezTo>
                <a:cubicBezTo>
                  <a:pt x="6540873" y="1204961"/>
                  <a:pt x="6216911" y="1113199"/>
                  <a:pt x="5943664" y="1200329"/>
                </a:cubicBezTo>
                <a:cubicBezTo>
                  <a:pt x="5670417" y="1287459"/>
                  <a:pt x="5720143" y="1180532"/>
                  <a:pt x="5640654" y="1200329"/>
                </a:cubicBezTo>
                <a:cubicBezTo>
                  <a:pt x="5561165" y="1220126"/>
                  <a:pt x="5233619" y="1123181"/>
                  <a:pt x="4871474" y="1200329"/>
                </a:cubicBezTo>
                <a:cubicBezTo>
                  <a:pt x="4509329" y="1277477"/>
                  <a:pt x="4526235" y="1165118"/>
                  <a:pt x="4381996" y="1200329"/>
                </a:cubicBezTo>
                <a:cubicBezTo>
                  <a:pt x="4237757" y="1235540"/>
                  <a:pt x="3933310" y="1178414"/>
                  <a:pt x="3799283" y="1200329"/>
                </a:cubicBezTo>
                <a:cubicBezTo>
                  <a:pt x="3665256" y="1222244"/>
                  <a:pt x="3385187" y="1146956"/>
                  <a:pt x="3123337" y="1200329"/>
                </a:cubicBezTo>
                <a:cubicBezTo>
                  <a:pt x="2861487" y="1253702"/>
                  <a:pt x="2761762" y="1185137"/>
                  <a:pt x="2633859" y="1200329"/>
                </a:cubicBezTo>
                <a:cubicBezTo>
                  <a:pt x="2505956" y="1215521"/>
                  <a:pt x="2369678" y="1184436"/>
                  <a:pt x="2144381" y="1200329"/>
                </a:cubicBezTo>
                <a:cubicBezTo>
                  <a:pt x="1919084" y="1216222"/>
                  <a:pt x="1903797" y="1161680"/>
                  <a:pt x="1748137" y="1200329"/>
                </a:cubicBezTo>
                <a:cubicBezTo>
                  <a:pt x="1592477" y="1238978"/>
                  <a:pt x="1311027" y="1175434"/>
                  <a:pt x="1072190" y="1200329"/>
                </a:cubicBezTo>
                <a:cubicBezTo>
                  <a:pt x="833353" y="1225224"/>
                  <a:pt x="791794" y="1184797"/>
                  <a:pt x="675946" y="1200329"/>
                </a:cubicBezTo>
                <a:cubicBezTo>
                  <a:pt x="560098" y="1215861"/>
                  <a:pt x="318932" y="1174197"/>
                  <a:pt x="0" y="1200329"/>
                </a:cubicBezTo>
                <a:cubicBezTo>
                  <a:pt x="-38565" y="1044180"/>
                  <a:pt x="9520" y="987337"/>
                  <a:pt x="0" y="812223"/>
                </a:cubicBezTo>
                <a:cubicBezTo>
                  <a:pt x="-9520" y="637109"/>
                  <a:pt x="29601" y="556027"/>
                  <a:pt x="0" y="388106"/>
                </a:cubicBezTo>
                <a:cubicBezTo>
                  <a:pt x="-29601" y="220185"/>
                  <a:pt x="27343" y="141811"/>
                  <a:pt x="0" y="0"/>
                </a:cubicBezTo>
                <a:close/>
              </a:path>
            </a:pathLst>
          </a:custGeom>
          <a:ln>
            <a:prstDash val="lgDashDot"/>
            <a:extLst>
              <a:ext uri="{C807C97D-BFC1-408E-A445-0C87EB9F89A2}">
                <ask:lineSketchStyleProps xmlns:ask="http://schemas.microsoft.com/office/drawing/2018/sketchyshapes" sd="3247929916">
                  <a:prstGeom prst="rect">
                    <a:avLst/>
                  </a:prstGeom>
                  <ask:type>
                    <ask:lineSketchScribble/>
                  </ask:type>
                </ask:lineSketchStyleProps>
              </a:ext>
            </a:extLst>
          </a:ln>
        </p:spPr>
        <p:style>
          <a:lnRef idx="2">
            <a:schemeClr val="accent2"/>
          </a:lnRef>
          <a:fillRef idx="1">
            <a:schemeClr val="lt1"/>
          </a:fillRef>
          <a:effectRef idx="0">
            <a:schemeClr val="accent2"/>
          </a:effectRef>
          <a:fontRef idx="minor">
            <a:schemeClr val="dk1"/>
          </a:fontRef>
        </p:style>
        <p:txBody>
          <a:bodyPr wrap="square">
            <a:spAutoFit/>
          </a:bodyPr>
          <a:lstStyle/>
          <a:p>
            <a:pPr algn="ctr"/>
            <a:r>
              <a:rPr lang="vi-VN" sz="3600" b="1">
                <a:solidFill>
                  <a:schemeClr val="tx1">
                    <a:lumMod val="85000"/>
                    <a:lumOff val="15000"/>
                  </a:schemeClr>
                </a:solidFill>
                <a:latin typeface="Times New Roman" pitchFamily="18" charset="0"/>
                <a:cs typeface="Times New Roman" pitchFamily="18" charset="0"/>
              </a:rPr>
              <a:t>Trong các trang Web sau đây, những trang Web nào có cùng địa chỉ trang chủ</a:t>
            </a:r>
            <a:endParaRPr lang="en-GB" sz="3600" b="1" dirty="0">
              <a:solidFill>
                <a:schemeClr val="tx1">
                  <a:lumMod val="85000"/>
                  <a:lumOff val="15000"/>
                </a:schemeClr>
              </a:solidFill>
            </a:endParaRPr>
          </a:p>
        </p:txBody>
      </p:sp>
      <p:sp>
        <p:nvSpPr>
          <p:cNvPr id="17" name="Hộp Văn bản 16">
            <a:extLst>
              <a:ext uri="{FF2B5EF4-FFF2-40B4-BE49-F238E27FC236}">
                <a16:creationId xmlns:a16="http://schemas.microsoft.com/office/drawing/2014/main" id="{C97E8CC5-0C49-6302-B395-AE4E3F98A981}"/>
              </a:ext>
            </a:extLst>
          </p:cNvPr>
          <p:cNvSpPr txBox="1"/>
          <p:nvPr/>
        </p:nvSpPr>
        <p:spPr>
          <a:xfrm>
            <a:off x="1563946" y="3249988"/>
            <a:ext cx="7692690" cy="584775"/>
          </a:xfrm>
          <a:prstGeom prst="rect">
            <a:avLst/>
          </a:prstGeom>
        </p:spPr>
        <p:style>
          <a:lnRef idx="1">
            <a:schemeClr val="accent1"/>
          </a:lnRef>
          <a:fillRef idx="2">
            <a:schemeClr val="accent1"/>
          </a:fillRef>
          <a:effectRef idx="1">
            <a:schemeClr val="accent1"/>
          </a:effectRef>
          <a:fontRef idx="minor">
            <a:schemeClr val="dk1"/>
          </a:fontRef>
        </p:style>
        <p:txBody>
          <a:bodyPr wrap="square" rtlCol="0">
            <a:spAutoFit/>
          </a:bodyPr>
          <a:lstStyle/>
          <a:p>
            <a:r>
              <a:rPr lang="vi-VN" sz="3200">
                <a:solidFill>
                  <a:srgbClr val="002060"/>
                </a:solidFill>
                <a:latin typeface="Times New Roman" panose="02020603050405020304" pitchFamily="18" charset="0"/>
                <a:cs typeface="Times New Roman" panose="02020603050405020304" pitchFamily="18" charset="0"/>
              </a:rPr>
              <a:t>https://thcstanquytay.hcm.edu.vn</a:t>
            </a:r>
            <a:r>
              <a:rPr lang="en-US" sz="3200">
                <a:solidFill>
                  <a:srgbClr val="002060"/>
                </a:solidFill>
                <a:latin typeface="Times New Roman" panose="02020603050405020304" pitchFamily="18" charset="0"/>
                <a:cs typeface="Times New Roman" panose="02020603050405020304" pitchFamily="18" charset="0"/>
              </a:rPr>
              <a:t>/</a:t>
            </a:r>
            <a:r>
              <a:rPr lang="vi-VN" sz="3200">
                <a:solidFill>
                  <a:srgbClr val="002060"/>
                </a:solidFill>
                <a:latin typeface="Times New Roman" panose="02020603050405020304" pitchFamily="18" charset="0"/>
                <a:cs typeface="Times New Roman" panose="02020603050405020304" pitchFamily="18" charset="0"/>
              </a:rPr>
              <a:t>gioi-thieu</a:t>
            </a:r>
            <a:endParaRPr lang="en-US" sz="3200">
              <a:solidFill>
                <a:srgbClr val="002060"/>
              </a:solidFill>
              <a:latin typeface="Times New Roman" panose="02020603050405020304" pitchFamily="18" charset="0"/>
              <a:cs typeface="Times New Roman" panose="02020603050405020304" pitchFamily="18" charset="0"/>
            </a:endParaRPr>
          </a:p>
        </p:txBody>
      </p:sp>
      <p:sp>
        <p:nvSpPr>
          <p:cNvPr id="20" name="Hộp Văn bản 19">
            <a:extLst>
              <a:ext uri="{FF2B5EF4-FFF2-40B4-BE49-F238E27FC236}">
                <a16:creationId xmlns:a16="http://schemas.microsoft.com/office/drawing/2014/main" id="{32E01B68-F900-3F2C-B37D-6FCCBA37F82A}"/>
              </a:ext>
            </a:extLst>
          </p:cNvPr>
          <p:cNvSpPr txBox="1"/>
          <p:nvPr/>
        </p:nvSpPr>
        <p:spPr>
          <a:xfrm>
            <a:off x="1575539" y="4651564"/>
            <a:ext cx="7455576" cy="584775"/>
          </a:xfrm>
          <a:prstGeom prst="rect">
            <a:avLst/>
          </a:prstGeom>
        </p:spPr>
        <p:style>
          <a:lnRef idx="1">
            <a:schemeClr val="accent1"/>
          </a:lnRef>
          <a:fillRef idx="2">
            <a:schemeClr val="accent1"/>
          </a:fillRef>
          <a:effectRef idx="1">
            <a:schemeClr val="accent1"/>
          </a:effectRef>
          <a:fontRef idx="minor">
            <a:schemeClr val="dk1"/>
          </a:fontRef>
        </p:style>
        <p:txBody>
          <a:bodyPr wrap="square" rtlCol="0">
            <a:spAutoFit/>
          </a:bodyPr>
          <a:lstStyle/>
          <a:p>
            <a:r>
              <a:rPr lang="en-US" sz="3200">
                <a:solidFill>
                  <a:srgbClr val="002060"/>
                </a:solidFill>
                <a:latin typeface="Times New Roman" panose="02020603050405020304" pitchFamily="18" charset="0"/>
                <a:cs typeface="Times New Roman" panose="02020603050405020304" pitchFamily="18" charset="0"/>
              </a:rPr>
              <a:t>https://thcstanquytay.hcm.edu.vn/e-learning</a:t>
            </a:r>
          </a:p>
        </p:txBody>
      </p:sp>
      <p:sp>
        <p:nvSpPr>
          <p:cNvPr id="23" name="Hộp Văn bản 22">
            <a:extLst>
              <a:ext uri="{FF2B5EF4-FFF2-40B4-BE49-F238E27FC236}">
                <a16:creationId xmlns:a16="http://schemas.microsoft.com/office/drawing/2014/main" id="{6E35CDE7-5699-E107-98F2-3E00502A9903}"/>
              </a:ext>
            </a:extLst>
          </p:cNvPr>
          <p:cNvSpPr txBox="1"/>
          <p:nvPr/>
        </p:nvSpPr>
        <p:spPr>
          <a:xfrm>
            <a:off x="1575539" y="3930836"/>
            <a:ext cx="6149694" cy="584775"/>
          </a:xfrm>
          <a:prstGeom prst="rect">
            <a:avLst/>
          </a:prstGeom>
        </p:spPr>
        <p:style>
          <a:lnRef idx="1">
            <a:schemeClr val="accent1"/>
          </a:lnRef>
          <a:fillRef idx="2">
            <a:schemeClr val="accent1"/>
          </a:fillRef>
          <a:effectRef idx="1">
            <a:schemeClr val="accent1"/>
          </a:effectRef>
          <a:fontRef idx="minor">
            <a:schemeClr val="dk1"/>
          </a:fontRef>
        </p:style>
        <p:txBody>
          <a:bodyPr wrap="square" rtlCol="0">
            <a:spAutoFit/>
          </a:bodyPr>
          <a:lstStyle/>
          <a:p>
            <a:r>
              <a:rPr lang="en-US" sz="3200">
                <a:solidFill>
                  <a:srgbClr val="002060"/>
                </a:solidFill>
                <a:latin typeface="Times New Roman" panose="02020603050405020304" pitchFamily="18" charset="0"/>
                <a:cs typeface="Times New Roman" panose="02020603050405020304" pitchFamily="18" charset="0"/>
              </a:rPr>
              <a:t>https://tuoitre.vn/tuoi-hoc-tro.html</a:t>
            </a:r>
          </a:p>
        </p:txBody>
      </p:sp>
      <p:sp>
        <p:nvSpPr>
          <p:cNvPr id="24" name="Hộp Văn bản 23">
            <a:extLst>
              <a:ext uri="{FF2B5EF4-FFF2-40B4-BE49-F238E27FC236}">
                <a16:creationId xmlns:a16="http://schemas.microsoft.com/office/drawing/2014/main" id="{C302CFD9-62C4-1470-DBD5-7C243B9AB821}"/>
              </a:ext>
            </a:extLst>
          </p:cNvPr>
          <p:cNvSpPr txBox="1"/>
          <p:nvPr/>
        </p:nvSpPr>
        <p:spPr>
          <a:xfrm>
            <a:off x="1575647" y="5408648"/>
            <a:ext cx="6149694" cy="584775"/>
          </a:xfrm>
          <a:prstGeom prst="rect">
            <a:avLst/>
          </a:prstGeom>
        </p:spPr>
        <p:style>
          <a:lnRef idx="1">
            <a:schemeClr val="accent1"/>
          </a:lnRef>
          <a:fillRef idx="2">
            <a:schemeClr val="accent1"/>
          </a:fillRef>
          <a:effectRef idx="1">
            <a:schemeClr val="accent1"/>
          </a:effectRef>
          <a:fontRef idx="minor">
            <a:schemeClr val="dk1"/>
          </a:fontRef>
        </p:style>
        <p:txBody>
          <a:bodyPr wrap="square" rtlCol="0">
            <a:spAutoFit/>
          </a:bodyPr>
          <a:lstStyle/>
          <a:p>
            <a:r>
              <a:rPr lang="en-US" sz="3200">
                <a:solidFill>
                  <a:srgbClr val="002060"/>
                </a:solidFill>
                <a:latin typeface="Times New Roman" panose="02020603050405020304" pitchFamily="18" charset="0"/>
                <a:cs typeface="Times New Roman" panose="02020603050405020304" pitchFamily="18" charset="0"/>
              </a:rPr>
              <a:t>https://muctim.tuoitre.vn/</a:t>
            </a:r>
          </a:p>
        </p:txBody>
      </p:sp>
      <p:pic>
        <p:nvPicPr>
          <p:cNvPr id="26" name="Hình ảnh 25" descr="Ảnh có chứa Phông chữ, Đồ họa, thuật in máy, thiết kế đồ họa&#10;&#10;Mô tả được tạo tự động">
            <a:extLst>
              <a:ext uri="{FF2B5EF4-FFF2-40B4-BE49-F238E27FC236}">
                <a16:creationId xmlns:a16="http://schemas.microsoft.com/office/drawing/2014/main" id="{F7D84D3F-1B52-0B89-5C1D-A8A6DC5F0724}"/>
              </a:ext>
            </a:extLst>
          </p:cNvPr>
          <p:cNvPicPr>
            <a:picLocks noChangeAspect="1"/>
          </p:cNvPicPr>
          <p:nvPr/>
        </p:nvPicPr>
        <p:blipFill>
          <a:blip r:embed="rId4"/>
          <a:stretch>
            <a:fillRect/>
          </a:stretch>
        </p:blipFill>
        <p:spPr>
          <a:xfrm>
            <a:off x="2108047" y="101505"/>
            <a:ext cx="6101702" cy="1738657"/>
          </a:xfrm>
          <a:prstGeom prst="rect">
            <a:avLst/>
          </a:prstGeom>
        </p:spPr>
      </p:pic>
      <p:grpSp>
        <p:nvGrpSpPr>
          <p:cNvPr id="9" name="mặt cười 1">
            <a:extLst>
              <a:ext uri="{FF2B5EF4-FFF2-40B4-BE49-F238E27FC236}">
                <a16:creationId xmlns:a16="http://schemas.microsoft.com/office/drawing/2014/main" id="{75142C8C-FC8D-5299-D57C-DF5ED1D63076}"/>
              </a:ext>
            </a:extLst>
          </p:cNvPr>
          <p:cNvGrpSpPr/>
          <p:nvPr/>
        </p:nvGrpSpPr>
        <p:grpSpPr>
          <a:xfrm>
            <a:off x="9328204" y="3249988"/>
            <a:ext cx="705079" cy="689416"/>
            <a:chOff x="1147691" y="4923262"/>
            <a:chExt cx="767258" cy="799427"/>
          </a:xfrm>
        </p:grpSpPr>
        <p:sp>
          <p:nvSpPr>
            <p:cNvPr id="10" name="Oval 469">
              <a:extLst>
                <a:ext uri="{FF2B5EF4-FFF2-40B4-BE49-F238E27FC236}">
                  <a16:creationId xmlns:a16="http://schemas.microsoft.com/office/drawing/2014/main" id="{BC974EE1-818C-1F71-EDD8-C2233DA18FD9}"/>
                </a:ext>
              </a:extLst>
            </p:cNvPr>
            <p:cNvSpPr/>
            <p:nvPr/>
          </p:nvSpPr>
          <p:spPr>
            <a:xfrm>
              <a:off x="1151912" y="4923262"/>
              <a:ext cx="758817" cy="758817"/>
            </a:xfrm>
            <a:prstGeom prst="ellipse">
              <a:avLst/>
            </a:prstGeom>
            <a:solidFill>
              <a:schemeClr val="accent2">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grpSp>
          <p:nvGrpSpPr>
            <p:cNvPr id="11" name="Google Shape;10891;p85">
              <a:extLst>
                <a:ext uri="{FF2B5EF4-FFF2-40B4-BE49-F238E27FC236}">
                  <a16:creationId xmlns:a16="http://schemas.microsoft.com/office/drawing/2014/main" id="{0984FF1D-54D0-0E16-8FC9-38EA6F3440E5}"/>
                </a:ext>
              </a:extLst>
            </p:cNvPr>
            <p:cNvGrpSpPr/>
            <p:nvPr/>
          </p:nvGrpSpPr>
          <p:grpSpPr>
            <a:xfrm>
              <a:off x="1147691" y="4923262"/>
              <a:ext cx="767258" cy="799427"/>
              <a:chOff x="5648375" y="3804850"/>
              <a:chExt cx="483125" cy="483125"/>
            </a:xfrm>
            <a:solidFill>
              <a:srgbClr val="C00000"/>
            </a:solidFill>
          </p:grpSpPr>
          <p:sp>
            <p:nvSpPr>
              <p:cNvPr id="12" name="Google Shape;10892;p85">
                <a:extLst>
                  <a:ext uri="{FF2B5EF4-FFF2-40B4-BE49-F238E27FC236}">
                    <a16:creationId xmlns:a16="http://schemas.microsoft.com/office/drawing/2014/main" id="{D29C7763-639A-8456-1C6C-2E56F8EA637E}"/>
                  </a:ext>
                </a:extLst>
              </p:cNvPr>
              <p:cNvSpPr/>
              <p:nvPr/>
            </p:nvSpPr>
            <p:spPr>
              <a:xfrm>
                <a:off x="5648375" y="3804850"/>
                <a:ext cx="483125" cy="483125"/>
              </a:xfrm>
              <a:custGeom>
                <a:avLst/>
                <a:gdLst/>
                <a:ahLst/>
                <a:cxnLst/>
                <a:rect l="l" t="t" r="r" b="b"/>
                <a:pathLst>
                  <a:path w="19325" h="19325" extrusionOk="0">
                    <a:moveTo>
                      <a:pt x="9662" y="1132"/>
                    </a:moveTo>
                    <a:cubicBezTo>
                      <a:pt x="14367" y="1132"/>
                      <a:pt x="18192" y="4958"/>
                      <a:pt x="18192" y="9662"/>
                    </a:cubicBezTo>
                    <a:cubicBezTo>
                      <a:pt x="18192" y="14367"/>
                      <a:pt x="14367" y="18192"/>
                      <a:pt x="9662" y="18192"/>
                    </a:cubicBezTo>
                    <a:cubicBezTo>
                      <a:pt x="4958" y="18192"/>
                      <a:pt x="1132" y="14367"/>
                      <a:pt x="1132" y="9662"/>
                    </a:cubicBezTo>
                    <a:cubicBezTo>
                      <a:pt x="1132" y="4958"/>
                      <a:pt x="4958" y="1132"/>
                      <a:pt x="9662" y="1132"/>
                    </a:cubicBezTo>
                    <a:close/>
                    <a:moveTo>
                      <a:pt x="9662" y="0"/>
                    </a:moveTo>
                    <a:cubicBezTo>
                      <a:pt x="7093" y="0"/>
                      <a:pt x="4668" y="1009"/>
                      <a:pt x="2838" y="2838"/>
                    </a:cubicBezTo>
                    <a:cubicBezTo>
                      <a:pt x="1009" y="4668"/>
                      <a:pt x="0" y="7093"/>
                      <a:pt x="0" y="9662"/>
                    </a:cubicBezTo>
                    <a:cubicBezTo>
                      <a:pt x="0" y="12232"/>
                      <a:pt x="1009" y="14657"/>
                      <a:pt x="2838" y="16486"/>
                    </a:cubicBezTo>
                    <a:cubicBezTo>
                      <a:pt x="4668" y="18316"/>
                      <a:pt x="7093" y="19325"/>
                      <a:pt x="9662" y="19325"/>
                    </a:cubicBezTo>
                    <a:cubicBezTo>
                      <a:pt x="12232" y="19325"/>
                      <a:pt x="14656" y="18316"/>
                      <a:pt x="16486" y="16486"/>
                    </a:cubicBezTo>
                    <a:cubicBezTo>
                      <a:pt x="18316" y="14657"/>
                      <a:pt x="19325" y="12232"/>
                      <a:pt x="19325" y="9662"/>
                    </a:cubicBezTo>
                    <a:cubicBezTo>
                      <a:pt x="19325" y="7093"/>
                      <a:pt x="18316" y="4668"/>
                      <a:pt x="16486" y="2838"/>
                    </a:cubicBezTo>
                    <a:cubicBezTo>
                      <a:pt x="14656" y="1009"/>
                      <a:pt x="12232" y="0"/>
                      <a:pt x="9662" y="0"/>
                    </a:cubicBezTo>
                    <a:close/>
                  </a:path>
                </a:pathLst>
              </a:custGeom>
              <a:grpFill/>
              <a:ln>
                <a:noFill/>
              </a:ln>
            </p:spPr>
            <p:txBody>
              <a:bodyPr spcFirstLastPara="1" wrap="square" lIns="91425" tIns="91425" rIns="91425" bIns="91425" anchor="ctr" anchorCtr="0">
                <a:noAutofit/>
              </a:bodyPr>
              <a:lstStyle/>
              <a:p>
                <a:endParaRPr dirty="0">
                  <a:solidFill>
                    <a:schemeClr val="accent3">
                      <a:lumMod val="75000"/>
                    </a:schemeClr>
                  </a:solidFill>
                </a:endParaRPr>
              </a:p>
            </p:txBody>
          </p:sp>
          <p:sp>
            <p:nvSpPr>
              <p:cNvPr id="13" name="Google Shape;10893;p85">
                <a:extLst>
                  <a:ext uri="{FF2B5EF4-FFF2-40B4-BE49-F238E27FC236}">
                    <a16:creationId xmlns:a16="http://schemas.microsoft.com/office/drawing/2014/main" id="{ADAC475D-B66F-7C55-324F-CECF1C6C8868}"/>
                  </a:ext>
                </a:extLst>
              </p:cNvPr>
              <p:cNvSpPr/>
              <p:nvPr/>
            </p:nvSpPr>
            <p:spPr>
              <a:xfrm>
                <a:off x="5762575" y="3947300"/>
                <a:ext cx="88275" cy="85000"/>
              </a:xfrm>
              <a:custGeom>
                <a:avLst/>
                <a:gdLst/>
                <a:ahLst/>
                <a:cxnLst/>
                <a:rect l="l" t="t" r="r" b="b"/>
                <a:pathLst>
                  <a:path w="3531" h="3400" extrusionOk="0">
                    <a:moveTo>
                      <a:pt x="1697" y="1135"/>
                    </a:moveTo>
                    <a:cubicBezTo>
                      <a:pt x="2202" y="1135"/>
                      <a:pt x="2455" y="1742"/>
                      <a:pt x="2099" y="2101"/>
                    </a:cubicBezTo>
                    <a:cubicBezTo>
                      <a:pt x="1983" y="2216"/>
                      <a:pt x="1841" y="2268"/>
                      <a:pt x="1702" y="2268"/>
                    </a:cubicBezTo>
                    <a:cubicBezTo>
                      <a:pt x="1411" y="2268"/>
                      <a:pt x="1133" y="2041"/>
                      <a:pt x="1133" y="1700"/>
                    </a:cubicBezTo>
                    <a:cubicBezTo>
                      <a:pt x="1133" y="1386"/>
                      <a:pt x="1383" y="1135"/>
                      <a:pt x="1697" y="1135"/>
                    </a:cubicBezTo>
                    <a:close/>
                    <a:moveTo>
                      <a:pt x="1698" y="0"/>
                    </a:moveTo>
                    <a:cubicBezTo>
                      <a:pt x="1479" y="0"/>
                      <a:pt x="1258" y="43"/>
                      <a:pt x="1048" y="130"/>
                    </a:cubicBezTo>
                    <a:cubicBezTo>
                      <a:pt x="414" y="392"/>
                      <a:pt x="1" y="1011"/>
                      <a:pt x="1" y="1700"/>
                    </a:cubicBezTo>
                    <a:cubicBezTo>
                      <a:pt x="1" y="2639"/>
                      <a:pt x="758" y="3397"/>
                      <a:pt x="1697" y="3400"/>
                    </a:cubicBezTo>
                    <a:cubicBezTo>
                      <a:pt x="2386" y="3400"/>
                      <a:pt x="3005" y="2983"/>
                      <a:pt x="3268" y="2349"/>
                    </a:cubicBezTo>
                    <a:cubicBezTo>
                      <a:pt x="3530" y="1715"/>
                      <a:pt x="3385" y="984"/>
                      <a:pt x="2899" y="498"/>
                    </a:cubicBezTo>
                    <a:cubicBezTo>
                      <a:pt x="2574" y="173"/>
                      <a:pt x="2139" y="0"/>
                      <a:pt x="1698" y="0"/>
                    </a:cubicBezTo>
                    <a:close/>
                  </a:path>
                </a:pathLst>
              </a:custGeom>
              <a:grpFill/>
              <a:ln>
                <a:noFill/>
              </a:ln>
            </p:spPr>
            <p:txBody>
              <a:bodyPr spcFirstLastPara="1" wrap="square" lIns="91425" tIns="91425" rIns="91425" bIns="91425" anchor="ctr" anchorCtr="0">
                <a:noAutofit/>
              </a:bodyPr>
              <a:lstStyle/>
              <a:p>
                <a:endParaRPr>
                  <a:solidFill>
                    <a:schemeClr val="accent3">
                      <a:lumMod val="75000"/>
                    </a:schemeClr>
                  </a:solidFill>
                </a:endParaRPr>
              </a:p>
            </p:txBody>
          </p:sp>
          <p:sp>
            <p:nvSpPr>
              <p:cNvPr id="14" name="Google Shape;10894;p85">
                <a:extLst>
                  <a:ext uri="{FF2B5EF4-FFF2-40B4-BE49-F238E27FC236}">
                    <a16:creationId xmlns:a16="http://schemas.microsoft.com/office/drawing/2014/main" id="{CDC63DE9-BFA5-B829-CF85-06A0F1EA41BA}"/>
                  </a:ext>
                </a:extLst>
              </p:cNvPr>
              <p:cNvSpPr/>
              <p:nvPr/>
            </p:nvSpPr>
            <p:spPr>
              <a:xfrm>
                <a:off x="5932425" y="3947300"/>
                <a:ext cx="88250" cy="85000"/>
              </a:xfrm>
              <a:custGeom>
                <a:avLst/>
                <a:gdLst/>
                <a:ahLst/>
                <a:cxnLst/>
                <a:rect l="l" t="t" r="r" b="b"/>
                <a:pathLst>
                  <a:path w="3530" h="3400" extrusionOk="0">
                    <a:moveTo>
                      <a:pt x="1697" y="1135"/>
                    </a:moveTo>
                    <a:cubicBezTo>
                      <a:pt x="2201" y="1135"/>
                      <a:pt x="2455" y="1742"/>
                      <a:pt x="2099" y="2101"/>
                    </a:cubicBezTo>
                    <a:cubicBezTo>
                      <a:pt x="1983" y="2216"/>
                      <a:pt x="1841" y="2268"/>
                      <a:pt x="1702" y="2268"/>
                    </a:cubicBezTo>
                    <a:cubicBezTo>
                      <a:pt x="1411" y="2268"/>
                      <a:pt x="1133" y="2041"/>
                      <a:pt x="1133" y="1700"/>
                    </a:cubicBezTo>
                    <a:cubicBezTo>
                      <a:pt x="1133" y="1386"/>
                      <a:pt x="1383" y="1135"/>
                      <a:pt x="1697" y="1135"/>
                    </a:cubicBezTo>
                    <a:close/>
                    <a:moveTo>
                      <a:pt x="1697" y="0"/>
                    </a:moveTo>
                    <a:cubicBezTo>
                      <a:pt x="1479" y="0"/>
                      <a:pt x="1258" y="43"/>
                      <a:pt x="1048" y="130"/>
                    </a:cubicBezTo>
                    <a:cubicBezTo>
                      <a:pt x="414" y="392"/>
                      <a:pt x="0" y="1011"/>
                      <a:pt x="0" y="1700"/>
                    </a:cubicBezTo>
                    <a:cubicBezTo>
                      <a:pt x="0" y="2639"/>
                      <a:pt x="758" y="3397"/>
                      <a:pt x="1697" y="3400"/>
                    </a:cubicBezTo>
                    <a:cubicBezTo>
                      <a:pt x="2386" y="3400"/>
                      <a:pt x="3005" y="2983"/>
                      <a:pt x="3267" y="2349"/>
                    </a:cubicBezTo>
                    <a:cubicBezTo>
                      <a:pt x="3530" y="1715"/>
                      <a:pt x="3385" y="984"/>
                      <a:pt x="2899" y="498"/>
                    </a:cubicBezTo>
                    <a:cubicBezTo>
                      <a:pt x="2574" y="173"/>
                      <a:pt x="2139" y="0"/>
                      <a:pt x="1697" y="0"/>
                    </a:cubicBezTo>
                    <a:close/>
                  </a:path>
                </a:pathLst>
              </a:custGeom>
              <a:grpFill/>
              <a:ln>
                <a:noFill/>
              </a:ln>
            </p:spPr>
            <p:txBody>
              <a:bodyPr spcFirstLastPara="1" wrap="square" lIns="91425" tIns="91425" rIns="91425" bIns="91425" anchor="ctr" anchorCtr="0">
                <a:noAutofit/>
              </a:bodyPr>
              <a:lstStyle/>
              <a:p>
                <a:endParaRPr>
                  <a:solidFill>
                    <a:schemeClr val="accent3">
                      <a:lumMod val="75000"/>
                    </a:schemeClr>
                  </a:solidFill>
                </a:endParaRPr>
              </a:p>
            </p:txBody>
          </p:sp>
          <p:sp>
            <p:nvSpPr>
              <p:cNvPr id="15" name="Google Shape;10895;p85">
                <a:extLst>
                  <a:ext uri="{FF2B5EF4-FFF2-40B4-BE49-F238E27FC236}">
                    <a16:creationId xmlns:a16="http://schemas.microsoft.com/office/drawing/2014/main" id="{BDCB3299-3673-041D-4B9F-E1ECB003BF63}"/>
                  </a:ext>
                </a:extLst>
              </p:cNvPr>
              <p:cNvSpPr/>
              <p:nvPr/>
            </p:nvSpPr>
            <p:spPr>
              <a:xfrm>
                <a:off x="5762575" y="4060600"/>
                <a:ext cx="254800" cy="141550"/>
              </a:xfrm>
              <a:custGeom>
                <a:avLst/>
                <a:gdLst/>
                <a:ahLst/>
                <a:cxnLst/>
                <a:rect l="l" t="t" r="r" b="b"/>
                <a:pathLst>
                  <a:path w="10192" h="5662" extrusionOk="0">
                    <a:moveTo>
                      <a:pt x="9017" y="1132"/>
                    </a:moveTo>
                    <a:cubicBezTo>
                      <a:pt x="8736" y="3083"/>
                      <a:pt x="7066" y="4529"/>
                      <a:pt x="5094" y="4529"/>
                    </a:cubicBezTo>
                    <a:cubicBezTo>
                      <a:pt x="3123" y="4529"/>
                      <a:pt x="1453" y="3083"/>
                      <a:pt x="1172" y="1132"/>
                    </a:cubicBezTo>
                    <a:close/>
                    <a:moveTo>
                      <a:pt x="565" y="0"/>
                    </a:moveTo>
                    <a:cubicBezTo>
                      <a:pt x="251" y="0"/>
                      <a:pt x="1" y="251"/>
                      <a:pt x="1" y="565"/>
                    </a:cubicBezTo>
                    <a:cubicBezTo>
                      <a:pt x="1" y="3373"/>
                      <a:pt x="2286" y="5662"/>
                      <a:pt x="5094" y="5662"/>
                    </a:cubicBezTo>
                    <a:cubicBezTo>
                      <a:pt x="7905" y="5662"/>
                      <a:pt x="10191" y="3373"/>
                      <a:pt x="10191" y="565"/>
                    </a:cubicBezTo>
                    <a:cubicBezTo>
                      <a:pt x="10191" y="251"/>
                      <a:pt x="9938" y="0"/>
                      <a:pt x="9623" y="0"/>
                    </a:cubicBezTo>
                    <a:close/>
                  </a:path>
                </a:pathLst>
              </a:custGeom>
              <a:grpFill/>
              <a:ln>
                <a:noFill/>
              </a:ln>
            </p:spPr>
            <p:txBody>
              <a:bodyPr spcFirstLastPara="1" wrap="square" lIns="91425" tIns="91425" rIns="91425" bIns="91425" anchor="ctr" anchorCtr="0">
                <a:noAutofit/>
              </a:bodyPr>
              <a:lstStyle/>
              <a:p>
                <a:endParaRPr>
                  <a:solidFill>
                    <a:schemeClr val="accent3">
                      <a:lumMod val="75000"/>
                    </a:schemeClr>
                  </a:solidFill>
                </a:endParaRPr>
              </a:p>
            </p:txBody>
          </p:sp>
        </p:grpSp>
      </p:grpSp>
      <p:grpSp>
        <p:nvGrpSpPr>
          <p:cNvPr id="18" name="mặt cười 1">
            <a:extLst>
              <a:ext uri="{FF2B5EF4-FFF2-40B4-BE49-F238E27FC236}">
                <a16:creationId xmlns:a16="http://schemas.microsoft.com/office/drawing/2014/main" id="{CF5E986A-C07E-774B-C267-F34976A1DD92}"/>
              </a:ext>
            </a:extLst>
          </p:cNvPr>
          <p:cNvGrpSpPr/>
          <p:nvPr/>
        </p:nvGrpSpPr>
        <p:grpSpPr>
          <a:xfrm>
            <a:off x="9343145" y="4599243"/>
            <a:ext cx="705079" cy="689416"/>
            <a:chOff x="1147691" y="4923262"/>
            <a:chExt cx="767258" cy="799427"/>
          </a:xfrm>
        </p:grpSpPr>
        <p:sp>
          <p:nvSpPr>
            <p:cNvPr id="19" name="Oval 469">
              <a:extLst>
                <a:ext uri="{FF2B5EF4-FFF2-40B4-BE49-F238E27FC236}">
                  <a16:creationId xmlns:a16="http://schemas.microsoft.com/office/drawing/2014/main" id="{8B6665DA-DF78-07CF-7880-F202A6D2A52C}"/>
                </a:ext>
              </a:extLst>
            </p:cNvPr>
            <p:cNvSpPr/>
            <p:nvPr/>
          </p:nvSpPr>
          <p:spPr>
            <a:xfrm>
              <a:off x="1151912" y="4923262"/>
              <a:ext cx="758817" cy="758817"/>
            </a:xfrm>
            <a:prstGeom prst="ellipse">
              <a:avLst/>
            </a:prstGeom>
            <a:solidFill>
              <a:schemeClr val="accent2">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grpSp>
          <p:nvGrpSpPr>
            <p:cNvPr id="21" name="Google Shape;10891;p85">
              <a:extLst>
                <a:ext uri="{FF2B5EF4-FFF2-40B4-BE49-F238E27FC236}">
                  <a16:creationId xmlns:a16="http://schemas.microsoft.com/office/drawing/2014/main" id="{61673AFE-7C42-EDC3-F1AE-E39DF9905910}"/>
                </a:ext>
              </a:extLst>
            </p:cNvPr>
            <p:cNvGrpSpPr/>
            <p:nvPr/>
          </p:nvGrpSpPr>
          <p:grpSpPr>
            <a:xfrm>
              <a:off x="1147691" y="4923262"/>
              <a:ext cx="767258" cy="799427"/>
              <a:chOff x="5648375" y="3804850"/>
              <a:chExt cx="483125" cy="483125"/>
            </a:xfrm>
            <a:solidFill>
              <a:srgbClr val="C00000"/>
            </a:solidFill>
          </p:grpSpPr>
          <p:sp>
            <p:nvSpPr>
              <p:cNvPr id="22" name="Google Shape;10892;p85">
                <a:extLst>
                  <a:ext uri="{FF2B5EF4-FFF2-40B4-BE49-F238E27FC236}">
                    <a16:creationId xmlns:a16="http://schemas.microsoft.com/office/drawing/2014/main" id="{4FB40DC0-CAD0-5215-F2A0-A29898D9B053}"/>
                  </a:ext>
                </a:extLst>
              </p:cNvPr>
              <p:cNvSpPr/>
              <p:nvPr/>
            </p:nvSpPr>
            <p:spPr>
              <a:xfrm>
                <a:off x="5648375" y="3804850"/>
                <a:ext cx="483125" cy="483125"/>
              </a:xfrm>
              <a:custGeom>
                <a:avLst/>
                <a:gdLst/>
                <a:ahLst/>
                <a:cxnLst/>
                <a:rect l="l" t="t" r="r" b="b"/>
                <a:pathLst>
                  <a:path w="19325" h="19325" extrusionOk="0">
                    <a:moveTo>
                      <a:pt x="9662" y="1132"/>
                    </a:moveTo>
                    <a:cubicBezTo>
                      <a:pt x="14367" y="1132"/>
                      <a:pt x="18192" y="4958"/>
                      <a:pt x="18192" y="9662"/>
                    </a:cubicBezTo>
                    <a:cubicBezTo>
                      <a:pt x="18192" y="14367"/>
                      <a:pt x="14367" y="18192"/>
                      <a:pt x="9662" y="18192"/>
                    </a:cubicBezTo>
                    <a:cubicBezTo>
                      <a:pt x="4958" y="18192"/>
                      <a:pt x="1132" y="14367"/>
                      <a:pt x="1132" y="9662"/>
                    </a:cubicBezTo>
                    <a:cubicBezTo>
                      <a:pt x="1132" y="4958"/>
                      <a:pt x="4958" y="1132"/>
                      <a:pt x="9662" y="1132"/>
                    </a:cubicBezTo>
                    <a:close/>
                    <a:moveTo>
                      <a:pt x="9662" y="0"/>
                    </a:moveTo>
                    <a:cubicBezTo>
                      <a:pt x="7093" y="0"/>
                      <a:pt x="4668" y="1009"/>
                      <a:pt x="2838" y="2838"/>
                    </a:cubicBezTo>
                    <a:cubicBezTo>
                      <a:pt x="1009" y="4668"/>
                      <a:pt x="0" y="7093"/>
                      <a:pt x="0" y="9662"/>
                    </a:cubicBezTo>
                    <a:cubicBezTo>
                      <a:pt x="0" y="12232"/>
                      <a:pt x="1009" y="14657"/>
                      <a:pt x="2838" y="16486"/>
                    </a:cubicBezTo>
                    <a:cubicBezTo>
                      <a:pt x="4668" y="18316"/>
                      <a:pt x="7093" y="19325"/>
                      <a:pt x="9662" y="19325"/>
                    </a:cubicBezTo>
                    <a:cubicBezTo>
                      <a:pt x="12232" y="19325"/>
                      <a:pt x="14656" y="18316"/>
                      <a:pt x="16486" y="16486"/>
                    </a:cubicBezTo>
                    <a:cubicBezTo>
                      <a:pt x="18316" y="14657"/>
                      <a:pt x="19325" y="12232"/>
                      <a:pt x="19325" y="9662"/>
                    </a:cubicBezTo>
                    <a:cubicBezTo>
                      <a:pt x="19325" y="7093"/>
                      <a:pt x="18316" y="4668"/>
                      <a:pt x="16486" y="2838"/>
                    </a:cubicBezTo>
                    <a:cubicBezTo>
                      <a:pt x="14656" y="1009"/>
                      <a:pt x="12232" y="0"/>
                      <a:pt x="9662" y="0"/>
                    </a:cubicBezTo>
                    <a:close/>
                  </a:path>
                </a:pathLst>
              </a:custGeom>
              <a:grpFill/>
              <a:ln>
                <a:noFill/>
              </a:ln>
            </p:spPr>
            <p:txBody>
              <a:bodyPr spcFirstLastPara="1" wrap="square" lIns="91425" tIns="91425" rIns="91425" bIns="91425" anchor="ctr" anchorCtr="0">
                <a:noAutofit/>
              </a:bodyPr>
              <a:lstStyle/>
              <a:p>
                <a:endParaRPr dirty="0">
                  <a:solidFill>
                    <a:schemeClr val="accent3">
                      <a:lumMod val="75000"/>
                    </a:schemeClr>
                  </a:solidFill>
                </a:endParaRPr>
              </a:p>
            </p:txBody>
          </p:sp>
          <p:sp>
            <p:nvSpPr>
              <p:cNvPr id="25" name="Google Shape;10893;p85">
                <a:extLst>
                  <a:ext uri="{FF2B5EF4-FFF2-40B4-BE49-F238E27FC236}">
                    <a16:creationId xmlns:a16="http://schemas.microsoft.com/office/drawing/2014/main" id="{89BE7FC6-C392-EC5A-8FB5-4E5CDCC96FAC}"/>
                  </a:ext>
                </a:extLst>
              </p:cNvPr>
              <p:cNvSpPr/>
              <p:nvPr/>
            </p:nvSpPr>
            <p:spPr>
              <a:xfrm>
                <a:off x="5762575" y="3947300"/>
                <a:ext cx="88275" cy="85000"/>
              </a:xfrm>
              <a:custGeom>
                <a:avLst/>
                <a:gdLst/>
                <a:ahLst/>
                <a:cxnLst/>
                <a:rect l="l" t="t" r="r" b="b"/>
                <a:pathLst>
                  <a:path w="3531" h="3400" extrusionOk="0">
                    <a:moveTo>
                      <a:pt x="1697" y="1135"/>
                    </a:moveTo>
                    <a:cubicBezTo>
                      <a:pt x="2202" y="1135"/>
                      <a:pt x="2455" y="1742"/>
                      <a:pt x="2099" y="2101"/>
                    </a:cubicBezTo>
                    <a:cubicBezTo>
                      <a:pt x="1983" y="2216"/>
                      <a:pt x="1841" y="2268"/>
                      <a:pt x="1702" y="2268"/>
                    </a:cubicBezTo>
                    <a:cubicBezTo>
                      <a:pt x="1411" y="2268"/>
                      <a:pt x="1133" y="2041"/>
                      <a:pt x="1133" y="1700"/>
                    </a:cubicBezTo>
                    <a:cubicBezTo>
                      <a:pt x="1133" y="1386"/>
                      <a:pt x="1383" y="1135"/>
                      <a:pt x="1697" y="1135"/>
                    </a:cubicBezTo>
                    <a:close/>
                    <a:moveTo>
                      <a:pt x="1698" y="0"/>
                    </a:moveTo>
                    <a:cubicBezTo>
                      <a:pt x="1479" y="0"/>
                      <a:pt x="1258" y="43"/>
                      <a:pt x="1048" y="130"/>
                    </a:cubicBezTo>
                    <a:cubicBezTo>
                      <a:pt x="414" y="392"/>
                      <a:pt x="1" y="1011"/>
                      <a:pt x="1" y="1700"/>
                    </a:cubicBezTo>
                    <a:cubicBezTo>
                      <a:pt x="1" y="2639"/>
                      <a:pt x="758" y="3397"/>
                      <a:pt x="1697" y="3400"/>
                    </a:cubicBezTo>
                    <a:cubicBezTo>
                      <a:pt x="2386" y="3400"/>
                      <a:pt x="3005" y="2983"/>
                      <a:pt x="3268" y="2349"/>
                    </a:cubicBezTo>
                    <a:cubicBezTo>
                      <a:pt x="3530" y="1715"/>
                      <a:pt x="3385" y="984"/>
                      <a:pt x="2899" y="498"/>
                    </a:cubicBezTo>
                    <a:cubicBezTo>
                      <a:pt x="2574" y="173"/>
                      <a:pt x="2139" y="0"/>
                      <a:pt x="1698" y="0"/>
                    </a:cubicBezTo>
                    <a:close/>
                  </a:path>
                </a:pathLst>
              </a:custGeom>
              <a:grpFill/>
              <a:ln>
                <a:noFill/>
              </a:ln>
            </p:spPr>
            <p:txBody>
              <a:bodyPr spcFirstLastPara="1" wrap="square" lIns="91425" tIns="91425" rIns="91425" bIns="91425" anchor="ctr" anchorCtr="0">
                <a:noAutofit/>
              </a:bodyPr>
              <a:lstStyle/>
              <a:p>
                <a:endParaRPr>
                  <a:solidFill>
                    <a:schemeClr val="accent3">
                      <a:lumMod val="75000"/>
                    </a:schemeClr>
                  </a:solidFill>
                </a:endParaRPr>
              </a:p>
            </p:txBody>
          </p:sp>
          <p:sp>
            <p:nvSpPr>
              <p:cNvPr id="27" name="Google Shape;10894;p85">
                <a:extLst>
                  <a:ext uri="{FF2B5EF4-FFF2-40B4-BE49-F238E27FC236}">
                    <a16:creationId xmlns:a16="http://schemas.microsoft.com/office/drawing/2014/main" id="{9DFA2B6B-27F6-FAD6-61FC-7095E105E67F}"/>
                  </a:ext>
                </a:extLst>
              </p:cNvPr>
              <p:cNvSpPr/>
              <p:nvPr/>
            </p:nvSpPr>
            <p:spPr>
              <a:xfrm>
                <a:off x="5932425" y="3947300"/>
                <a:ext cx="88250" cy="85000"/>
              </a:xfrm>
              <a:custGeom>
                <a:avLst/>
                <a:gdLst/>
                <a:ahLst/>
                <a:cxnLst/>
                <a:rect l="l" t="t" r="r" b="b"/>
                <a:pathLst>
                  <a:path w="3530" h="3400" extrusionOk="0">
                    <a:moveTo>
                      <a:pt x="1697" y="1135"/>
                    </a:moveTo>
                    <a:cubicBezTo>
                      <a:pt x="2201" y="1135"/>
                      <a:pt x="2455" y="1742"/>
                      <a:pt x="2099" y="2101"/>
                    </a:cubicBezTo>
                    <a:cubicBezTo>
                      <a:pt x="1983" y="2216"/>
                      <a:pt x="1841" y="2268"/>
                      <a:pt x="1702" y="2268"/>
                    </a:cubicBezTo>
                    <a:cubicBezTo>
                      <a:pt x="1411" y="2268"/>
                      <a:pt x="1133" y="2041"/>
                      <a:pt x="1133" y="1700"/>
                    </a:cubicBezTo>
                    <a:cubicBezTo>
                      <a:pt x="1133" y="1386"/>
                      <a:pt x="1383" y="1135"/>
                      <a:pt x="1697" y="1135"/>
                    </a:cubicBezTo>
                    <a:close/>
                    <a:moveTo>
                      <a:pt x="1697" y="0"/>
                    </a:moveTo>
                    <a:cubicBezTo>
                      <a:pt x="1479" y="0"/>
                      <a:pt x="1258" y="43"/>
                      <a:pt x="1048" y="130"/>
                    </a:cubicBezTo>
                    <a:cubicBezTo>
                      <a:pt x="414" y="392"/>
                      <a:pt x="0" y="1011"/>
                      <a:pt x="0" y="1700"/>
                    </a:cubicBezTo>
                    <a:cubicBezTo>
                      <a:pt x="0" y="2639"/>
                      <a:pt x="758" y="3397"/>
                      <a:pt x="1697" y="3400"/>
                    </a:cubicBezTo>
                    <a:cubicBezTo>
                      <a:pt x="2386" y="3400"/>
                      <a:pt x="3005" y="2983"/>
                      <a:pt x="3267" y="2349"/>
                    </a:cubicBezTo>
                    <a:cubicBezTo>
                      <a:pt x="3530" y="1715"/>
                      <a:pt x="3385" y="984"/>
                      <a:pt x="2899" y="498"/>
                    </a:cubicBezTo>
                    <a:cubicBezTo>
                      <a:pt x="2574" y="173"/>
                      <a:pt x="2139" y="0"/>
                      <a:pt x="1697" y="0"/>
                    </a:cubicBezTo>
                    <a:close/>
                  </a:path>
                </a:pathLst>
              </a:custGeom>
              <a:grpFill/>
              <a:ln>
                <a:noFill/>
              </a:ln>
            </p:spPr>
            <p:txBody>
              <a:bodyPr spcFirstLastPara="1" wrap="square" lIns="91425" tIns="91425" rIns="91425" bIns="91425" anchor="ctr" anchorCtr="0">
                <a:noAutofit/>
              </a:bodyPr>
              <a:lstStyle/>
              <a:p>
                <a:endParaRPr>
                  <a:solidFill>
                    <a:schemeClr val="accent3">
                      <a:lumMod val="75000"/>
                    </a:schemeClr>
                  </a:solidFill>
                </a:endParaRPr>
              </a:p>
            </p:txBody>
          </p:sp>
          <p:sp>
            <p:nvSpPr>
              <p:cNvPr id="28" name="Google Shape;10895;p85">
                <a:extLst>
                  <a:ext uri="{FF2B5EF4-FFF2-40B4-BE49-F238E27FC236}">
                    <a16:creationId xmlns:a16="http://schemas.microsoft.com/office/drawing/2014/main" id="{BCF173A7-E536-17E7-EE07-CE4593D3A214}"/>
                  </a:ext>
                </a:extLst>
              </p:cNvPr>
              <p:cNvSpPr/>
              <p:nvPr/>
            </p:nvSpPr>
            <p:spPr>
              <a:xfrm>
                <a:off x="5762575" y="4060600"/>
                <a:ext cx="254800" cy="141550"/>
              </a:xfrm>
              <a:custGeom>
                <a:avLst/>
                <a:gdLst/>
                <a:ahLst/>
                <a:cxnLst/>
                <a:rect l="l" t="t" r="r" b="b"/>
                <a:pathLst>
                  <a:path w="10192" h="5662" extrusionOk="0">
                    <a:moveTo>
                      <a:pt x="9017" y="1132"/>
                    </a:moveTo>
                    <a:cubicBezTo>
                      <a:pt x="8736" y="3083"/>
                      <a:pt x="7066" y="4529"/>
                      <a:pt x="5094" y="4529"/>
                    </a:cubicBezTo>
                    <a:cubicBezTo>
                      <a:pt x="3123" y="4529"/>
                      <a:pt x="1453" y="3083"/>
                      <a:pt x="1172" y="1132"/>
                    </a:cubicBezTo>
                    <a:close/>
                    <a:moveTo>
                      <a:pt x="565" y="0"/>
                    </a:moveTo>
                    <a:cubicBezTo>
                      <a:pt x="251" y="0"/>
                      <a:pt x="1" y="251"/>
                      <a:pt x="1" y="565"/>
                    </a:cubicBezTo>
                    <a:cubicBezTo>
                      <a:pt x="1" y="3373"/>
                      <a:pt x="2286" y="5662"/>
                      <a:pt x="5094" y="5662"/>
                    </a:cubicBezTo>
                    <a:cubicBezTo>
                      <a:pt x="7905" y="5662"/>
                      <a:pt x="10191" y="3373"/>
                      <a:pt x="10191" y="565"/>
                    </a:cubicBezTo>
                    <a:cubicBezTo>
                      <a:pt x="10191" y="251"/>
                      <a:pt x="9938" y="0"/>
                      <a:pt x="9623" y="0"/>
                    </a:cubicBezTo>
                    <a:close/>
                  </a:path>
                </a:pathLst>
              </a:custGeom>
              <a:grpFill/>
              <a:ln>
                <a:noFill/>
              </a:ln>
            </p:spPr>
            <p:txBody>
              <a:bodyPr spcFirstLastPara="1" wrap="square" lIns="91425" tIns="91425" rIns="91425" bIns="91425" anchor="ctr" anchorCtr="0">
                <a:noAutofit/>
              </a:bodyPr>
              <a:lstStyle/>
              <a:p>
                <a:endParaRPr>
                  <a:solidFill>
                    <a:schemeClr val="accent3">
                      <a:lumMod val="75000"/>
                    </a:schemeClr>
                  </a:solidFill>
                </a:endParaRPr>
              </a:p>
            </p:txBody>
          </p:sp>
        </p:grpSp>
      </p:grpSp>
      <p:sp>
        <p:nvSpPr>
          <p:cNvPr id="44" name="Đám mây 43">
            <a:extLst>
              <a:ext uri="{FF2B5EF4-FFF2-40B4-BE49-F238E27FC236}">
                <a16:creationId xmlns:a16="http://schemas.microsoft.com/office/drawing/2014/main" id="{97F309CF-DE36-EE1B-5E82-F41B042A593E}"/>
              </a:ext>
            </a:extLst>
          </p:cNvPr>
          <p:cNvSpPr/>
          <p:nvPr/>
        </p:nvSpPr>
        <p:spPr>
          <a:xfrm>
            <a:off x="1063473" y="3322873"/>
            <a:ext cx="578550" cy="512606"/>
          </a:xfrm>
          <a:prstGeom prst="cloud">
            <a:avLst/>
          </a:prstGeom>
          <a:ln>
            <a:solidFill>
              <a:schemeClr val="accent3">
                <a:lumMod val="75000"/>
              </a:schemeClr>
            </a:solidFill>
          </a:ln>
        </p:spPr>
        <p:style>
          <a:lnRef idx="1">
            <a:schemeClr val="accent2"/>
          </a:lnRef>
          <a:fillRef idx="2">
            <a:schemeClr val="accent2"/>
          </a:fillRef>
          <a:effectRef idx="1">
            <a:schemeClr val="accent2"/>
          </a:effectRef>
          <a:fontRef idx="minor">
            <a:schemeClr val="dk1"/>
          </a:fontRef>
        </p:style>
        <p:txBody>
          <a:bodyPr rtlCol="0" anchor="ctr"/>
          <a:lstStyle/>
          <a:p>
            <a:pPr algn="ctr"/>
            <a:r>
              <a:rPr lang="vi-VN" sz="2800" b="1">
                <a:solidFill>
                  <a:srgbClr val="002060"/>
                </a:solidFill>
                <a:latin typeface="Times New Roman" panose="02020603050405020304" pitchFamily="18" charset="0"/>
                <a:cs typeface="Times New Roman" panose="02020603050405020304" pitchFamily="18" charset="0"/>
              </a:rPr>
              <a:t>1</a:t>
            </a:r>
            <a:endParaRPr lang="en-US" sz="2800" b="1">
              <a:solidFill>
                <a:srgbClr val="002060"/>
              </a:solidFill>
              <a:latin typeface="Times New Roman" panose="02020603050405020304" pitchFamily="18" charset="0"/>
              <a:cs typeface="Times New Roman" panose="02020603050405020304" pitchFamily="18" charset="0"/>
            </a:endParaRPr>
          </a:p>
        </p:txBody>
      </p:sp>
      <p:sp>
        <p:nvSpPr>
          <p:cNvPr id="45" name="Đám mây 44">
            <a:extLst>
              <a:ext uri="{FF2B5EF4-FFF2-40B4-BE49-F238E27FC236}">
                <a16:creationId xmlns:a16="http://schemas.microsoft.com/office/drawing/2014/main" id="{68969A3E-4E06-70B5-F619-1CA3BFE303FF}"/>
              </a:ext>
            </a:extLst>
          </p:cNvPr>
          <p:cNvSpPr/>
          <p:nvPr/>
        </p:nvSpPr>
        <p:spPr>
          <a:xfrm>
            <a:off x="1053952" y="4007072"/>
            <a:ext cx="578550" cy="512606"/>
          </a:xfrm>
          <a:prstGeom prst="cloud">
            <a:avLst/>
          </a:prstGeom>
          <a:ln>
            <a:solidFill>
              <a:schemeClr val="accent3">
                <a:lumMod val="75000"/>
              </a:schemeClr>
            </a:solidFill>
          </a:ln>
        </p:spPr>
        <p:style>
          <a:lnRef idx="1">
            <a:schemeClr val="accent2"/>
          </a:lnRef>
          <a:fillRef idx="2">
            <a:schemeClr val="accent2"/>
          </a:fillRef>
          <a:effectRef idx="1">
            <a:schemeClr val="accent2"/>
          </a:effectRef>
          <a:fontRef idx="minor">
            <a:schemeClr val="dk1"/>
          </a:fontRef>
        </p:style>
        <p:txBody>
          <a:bodyPr rtlCol="0" anchor="ctr"/>
          <a:lstStyle/>
          <a:p>
            <a:pPr algn="ctr"/>
            <a:r>
              <a:rPr lang="vi-VN" sz="2800" b="1">
                <a:solidFill>
                  <a:srgbClr val="002060"/>
                </a:solidFill>
                <a:latin typeface="Times New Roman" panose="02020603050405020304" pitchFamily="18" charset="0"/>
                <a:cs typeface="Times New Roman" panose="02020603050405020304" pitchFamily="18" charset="0"/>
              </a:rPr>
              <a:t>2</a:t>
            </a:r>
            <a:endParaRPr lang="en-US" sz="2800" b="1">
              <a:solidFill>
                <a:srgbClr val="002060"/>
              </a:solidFill>
              <a:latin typeface="Times New Roman" panose="02020603050405020304" pitchFamily="18" charset="0"/>
              <a:cs typeface="Times New Roman" panose="02020603050405020304" pitchFamily="18" charset="0"/>
            </a:endParaRPr>
          </a:p>
        </p:txBody>
      </p:sp>
      <p:sp>
        <p:nvSpPr>
          <p:cNvPr id="46" name="Đám mây 45">
            <a:extLst>
              <a:ext uri="{FF2B5EF4-FFF2-40B4-BE49-F238E27FC236}">
                <a16:creationId xmlns:a16="http://schemas.microsoft.com/office/drawing/2014/main" id="{F172D4B0-8613-99C7-BB01-0B987B077C69}"/>
              </a:ext>
            </a:extLst>
          </p:cNvPr>
          <p:cNvSpPr/>
          <p:nvPr/>
        </p:nvSpPr>
        <p:spPr>
          <a:xfrm>
            <a:off x="1047702" y="4712014"/>
            <a:ext cx="578550" cy="512606"/>
          </a:xfrm>
          <a:prstGeom prst="cloud">
            <a:avLst/>
          </a:prstGeom>
          <a:ln>
            <a:solidFill>
              <a:schemeClr val="accent3">
                <a:lumMod val="75000"/>
              </a:schemeClr>
            </a:solidFill>
          </a:ln>
        </p:spPr>
        <p:style>
          <a:lnRef idx="1">
            <a:schemeClr val="accent2"/>
          </a:lnRef>
          <a:fillRef idx="2">
            <a:schemeClr val="accent2"/>
          </a:fillRef>
          <a:effectRef idx="1">
            <a:schemeClr val="accent2"/>
          </a:effectRef>
          <a:fontRef idx="minor">
            <a:schemeClr val="dk1"/>
          </a:fontRef>
        </p:style>
        <p:txBody>
          <a:bodyPr rtlCol="0" anchor="ctr"/>
          <a:lstStyle/>
          <a:p>
            <a:pPr algn="ctr"/>
            <a:r>
              <a:rPr lang="vi-VN" sz="2800" b="1">
                <a:solidFill>
                  <a:srgbClr val="002060"/>
                </a:solidFill>
                <a:latin typeface="Times New Roman" panose="02020603050405020304" pitchFamily="18" charset="0"/>
                <a:cs typeface="Times New Roman" panose="02020603050405020304" pitchFamily="18" charset="0"/>
              </a:rPr>
              <a:t>3</a:t>
            </a:r>
            <a:endParaRPr lang="en-US" sz="2800" b="1">
              <a:solidFill>
                <a:srgbClr val="002060"/>
              </a:solidFill>
              <a:latin typeface="Times New Roman" panose="02020603050405020304" pitchFamily="18" charset="0"/>
              <a:cs typeface="Times New Roman" panose="02020603050405020304" pitchFamily="18" charset="0"/>
            </a:endParaRPr>
          </a:p>
        </p:txBody>
      </p:sp>
      <p:sp>
        <p:nvSpPr>
          <p:cNvPr id="47" name="Đám mây 46">
            <a:extLst>
              <a:ext uri="{FF2B5EF4-FFF2-40B4-BE49-F238E27FC236}">
                <a16:creationId xmlns:a16="http://schemas.microsoft.com/office/drawing/2014/main" id="{95D37D82-B1F7-FFE6-6C34-934D5CF7FE47}"/>
              </a:ext>
            </a:extLst>
          </p:cNvPr>
          <p:cNvSpPr/>
          <p:nvPr/>
        </p:nvSpPr>
        <p:spPr>
          <a:xfrm>
            <a:off x="1047702" y="5490233"/>
            <a:ext cx="578550" cy="512606"/>
          </a:xfrm>
          <a:prstGeom prst="cloud">
            <a:avLst/>
          </a:prstGeom>
          <a:ln>
            <a:solidFill>
              <a:schemeClr val="accent3">
                <a:lumMod val="75000"/>
              </a:schemeClr>
            </a:solidFill>
          </a:ln>
        </p:spPr>
        <p:style>
          <a:lnRef idx="1">
            <a:schemeClr val="accent2"/>
          </a:lnRef>
          <a:fillRef idx="2">
            <a:schemeClr val="accent2"/>
          </a:fillRef>
          <a:effectRef idx="1">
            <a:schemeClr val="accent2"/>
          </a:effectRef>
          <a:fontRef idx="minor">
            <a:schemeClr val="dk1"/>
          </a:fontRef>
        </p:style>
        <p:txBody>
          <a:bodyPr rtlCol="0" anchor="ctr"/>
          <a:lstStyle/>
          <a:p>
            <a:pPr algn="ctr"/>
            <a:r>
              <a:rPr lang="vi-VN" sz="2800" b="1">
                <a:solidFill>
                  <a:srgbClr val="002060"/>
                </a:solidFill>
                <a:latin typeface="Times New Roman" panose="02020603050405020304" pitchFamily="18" charset="0"/>
                <a:cs typeface="Times New Roman" panose="02020603050405020304" pitchFamily="18" charset="0"/>
              </a:rPr>
              <a:t>4</a:t>
            </a:r>
            <a:endParaRPr lang="en-US" sz="2800" b="1">
              <a:solidFill>
                <a:srgbClr val="002060"/>
              </a:solidFill>
              <a:latin typeface="Times New Roman" panose="02020603050405020304" pitchFamily="18" charset="0"/>
              <a:cs typeface="Times New Roman" panose="02020603050405020304" pitchFamily="18" charset="0"/>
            </a:endParaRPr>
          </a:p>
        </p:txBody>
      </p:sp>
    </p:spTree>
    <p:custDataLst>
      <p:tags r:id="rId1"/>
    </p:custDataLst>
    <p:extLst>
      <p:ext uri="{BB962C8B-B14F-4D97-AF65-F5344CB8AC3E}">
        <p14:creationId xmlns:p14="http://schemas.microsoft.com/office/powerpoint/2010/main" val="160847394"/>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mph" presetSubtype="0" fill="hold" nodeType="afterEffect">
                                  <p:stCondLst>
                                    <p:cond delay="0"/>
                                  </p:stCondLst>
                                  <p:childTnLst>
                                    <p:animScale>
                                      <p:cBhvr>
                                        <p:cTn id="6" dur="1250" fill="hold"/>
                                        <p:tgtEl>
                                          <p:spTgt spid="849"/>
                                        </p:tgtEl>
                                      </p:cBhvr>
                                      <p:by x="150000" y="150000"/>
                                    </p:animScale>
                                  </p:childTnLst>
                                </p:cTn>
                              </p:par>
                            </p:childTnLst>
                          </p:cTn>
                        </p:par>
                        <p:par>
                          <p:cTn id="7" fill="hold">
                            <p:stCondLst>
                              <p:cond delay="1250"/>
                            </p:stCondLst>
                            <p:childTnLst>
                              <p:par>
                                <p:cTn id="8" presetID="6" presetClass="emph" presetSubtype="0" fill="hold" nodeType="afterEffect">
                                  <p:stCondLst>
                                    <p:cond delay="0"/>
                                  </p:stCondLst>
                                  <p:childTnLst>
                                    <p:animScale>
                                      <p:cBhvr>
                                        <p:cTn id="9" dur="1250" fill="hold"/>
                                        <p:tgtEl>
                                          <p:spTgt spid="853"/>
                                        </p:tgtEl>
                                      </p:cBhvr>
                                      <p:by x="150000" y="150000"/>
                                    </p:animScale>
                                  </p:childTnLst>
                                </p:cTn>
                              </p:par>
                            </p:childTnLst>
                          </p:cTn>
                        </p:par>
                      </p:childTnLst>
                    </p:cTn>
                  </p:par>
                  <p:par>
                    <p:cTn id="10" fill="hold">
                      <p:stCondLst>
                        <p:cond delay="indefinite"/>
                      </p:stCondLst>
                      <p:childTnLst>
                        <p:par>
                          <p:cTn id="11" fill="hold">
                            <p:stCondLst>
                              <p:cond delay="0"/>
                            </p:stCondLst>
                            <p:childTnLst>
                              <p:par>
                                <p:cTn id="12" presetID="31" presetClass="entr" presetSubtype="0" fill="hold" nodeType="clickEffect">
                                  <p:stCondLst>
                                    <p:cond delay="0"/>
                                  </p:stCondLst>
                                  <p:childTnLst>
                                    <p:set>
                                      <p:cBhvr>
                                        <p:cTn id="13" dur="1" fill="hold">
                                          <p:stCondLst>
                                            <p:cond delay="0"/>
                                          </p:stCondLst>
                                        </p:cTn>
                                        <p:tgtEl>
                                          <p:spTgt spid="9"/>
                                        </p:tgtEl>
                                        <p:attrNameLst>
                                          <p:attrName>style.visibility</p:attrName>
                                        </p:attrNameLst>
                                      </p:cBhvr>
                                      <p:to>
                                        <p:strVal val="visible"/>
                                      </p:to>
                                    </p:set>
                                    <p:anim calcmode="lin" valueType="num">
                                      <p:cBhvr>
                                        <p:cTn id="14" dur="1000" fill="hold"/>
                                        <p:tgtEl>
                                          <p:spTgt spid="9"/>
                                        </p:tgtEl>
                                        <p:attrNameLst>
                                          <p:attrName>ppt_w</p:attrName>
                                        </p:attrNameLst>
                                      </p:cBhvr>
                                      <p:tavLst>
                                        <p:tav tm="0">
                                          <p:val>
                                            <p:fltVal val="0"/>
                                          </p:val>
                                        </p:tav>
                                        <p:tav tm="100000">
                                          <p:val>
                                            <p:strVal val="#ppt_w"/>
                                          </p:val>
                                        </p:tav>
                                      </p:tavLst>
                                    </p:anim>
                                    <p:anim calcmode="lin" valueType="num">
                                      <p:cBhvr>
                                        <p:cTn id="15" dur="1000" fill="hold"/>
                                        <p:tgtEl>
                                          <p:spTgt spid="9"/>
                                        </p:tgtEl>
                                        <p:attrNameLst>
                                          <p:attrName>ppt_h</p:attrName>
                                        </p:attrNameLst>
                                      </p:cBhvr>
                                      <p:tavLst>
                                        <p:tav tm="0">
                                          <p:val>
                                            <p:fltVal val="0"/>
                                          </p:val>
                                        </p:tav>
                                        <p:tav tm="100000">
                                          <p:val>
                                            <p:strVal val="#ppt_h"/>
                                          </p:val>
                                        </p:tav>
                                      </p:tavLst>
                                    </p:anim>
                                    <p:anim calcmode="lin" valueType="num">
                                      <p:cBhvr>
                                        <p:cTn id="16" dur="1000" fill="hold"/>
                                        <p:tgtEl>
                                          <p:spTgt spid="9"/>
                                        </p:tgtEl>
                                        <p:attrNameLst>
                                          <p:attrName>style.rotation</p:attrName>
                                        </p:attrNameLst>
                                      </p:cBhvr>
                                      <p:tavLst>
                                        <p:tav tm="0">
                                          <p:val>
                                            <p:fltVal val="90"/>
                                          </p:val>
                                        </p:tav>
                                        <p:tav tm="100000">
                                          <p:val>
                                            <p:fltVal val="0"/>
                                          </p:val>
                                        </p:tav>
                                      </p:tavLst>
                                    </p:anim>
                                    <p:animEffect transition="in" filter="fade">
                                      <p:cBhvr>
                                        <p:cTn id="17" dur="1000"/>
                                        <p:tgtEl>
                                          <p:spTgt spid="9"/>
                                        </p:tgtEl>
                                      </p:cBhvr>
                                    </p:animEffect>
                                  </p:childTnLst>
                                </p:cTn>
                              </p:par>
                              <p:par>
                                <p:cTn id="18" presetID="31" presetClass="entr" presetSubtype="0" fill="hold" nodeType="withEffect">
                                  <p:stCondLst>
                                    <p:cond delay="0"/>
                                  </p:stCondLst>
                                  <p:childTnLst>
                                    <p:set>
                                      <p:cBhvr>
                                        <p:cTn id="19" dur="1" fill="hold">
                                          <p:stCondLst>
                                            <p:cond delay="0"/>
                                          </p:stCondLst>
                                        </p:cTn>
                                        <p:tgtEl>
                                          <p:spTgt spid="18"/>
                                        </p:tgtEl>
                                        <p:attrNameLst>
                                          <p:attrName>style.visibility</p:attrName>
                                        </p:attrNameLst>
                                      </p:cBhvr>
                                      <p:to>
                                        <p:strVal val="visible"/>
                                      </p:to>
                                    </p:set>
                                    <p:anim calcmode="lin" valueType="num">
                                      <p:cBhvr>
                                        <p:cTn id="20" dur="1000" fill="hold"/>
                                        <p:tgtEl>
                                          <p:spTgt spid="18"/>
                                        </p:tgtEl>
                                        <p:attrNameLst>
                                          <p:attrName>ppt_w</p:attrName>
                                        </p:attrNameLst>
                                      </p:cBhvr>
                                      <p:tavLst>
                                        <p:tav tm="0">
                                          <p:val>
                                            <p:fltVal val="0"/>
                                          </p:val>
                                        </p:tav>
                                        <p:tav tm="100000">
                                          <p:val>
                                            <p:strVal val="#ppt_w"/>
                                          </p:val>
                                        </p:tav>
                                      </p:tavLst>
                                    </p:anim>
                                    <p:anim calcmode="lin" valueType="num">
                                      <p:cBhvr>
                                        <p:cTn id="21" dur="1000" fill="hold"/>
                                        <p:tgtEl>
                                          <p:spTgt spid="18"/>
                                        </p:tgtEl>
                                        <p:attrNameLst>
                                          <p:attrName>ppt_h</p:attrName>
                                        </p:attrNameLst>
                                      </p:cBhvr>
                                      <p:tavLst>
                                        <p:tav tm="0">
                                          <p:val>
                                            <p:fltVal val="0"/>
                                          </p:val>
                                        </p:tav>
                                        <p:tav tm="100000">
                                          <p:val>
                                            <p:strVal val="#ppt_h"/>
                                          </p:val>
                                        </p:tav>
                                      </p:tavLst>
                                    </p:anim>
                                    <p:anim calcmode="lin" valueType="num">
                                      <p:cBhvr>
                                        <p:cTn id="22" dur="1000" fill="hold"/>
                                        <p:tgtEl>
                                          <p:spTgt spid="18"/>
                                        </p:tgtEl>
                                        <p:attrNameLst>
                                          <p:attrName>style.rotation</p:attrName>
                                        </p:attrNameLst>
                                      </p:cBhvr>
                                      <p:tavLst>
                                        <p:tav tm="0">
                                          <p:val>
                                            <p:fltVal val="90"/>
                                          </p:val>
                                        </p:tav>
                                        <p:tav tm="100000">
                                          <p:val>
                                            <p:fltVal val="0"/>
                                          </p:val>
                                        </p:tav>
                                      </p:tavLst>
                                    </p:anim>
                                    <p:animEffect transition="in" filter="fade">
                                      <p:cBhvr>
                                        <p:cTn id="23" dur="1000"/>
                                        <p:tgtEl>
                                          <p:spTgt spid="1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847"/>
        <p:cNvGrpSpPr/>
        <p:nvPr/>
      </p:nvGrpSpPr>
      <p:grpSpPr>
        <a:xfrm>
          <a:off x="0" y="0"/>
          <a:ext cx="0" cy="0"/>
          <a:chOff x="0" y="0"/>
          <a:chExt cx="0" cy="0"/>
        </a:xfrm>
      </p:grpSpPr>
      <p:grpSp>
        <p:nvGrpSpPr>
          <p:cNvPr id="849" name="Google Shape;849;p49"/>
          <p:cNvGrpSpPr/>
          <p:nvPr/>
        </p:nvGrpSpPr>
        <p:grpSpPr>
          <a:xfrm rot="-6123802">
            <a:off x="277156" y="89534"/>
            <a:ext cx="1068247" cy="1196196"/>
            <a:chOff x="1835200" y="3337050"/>
            <a:chExt cx="279350" cy="312825"/>
          </a:xfrm>
        </p:grpSpPr>
        <p:sp>
          <p:nvSpPr>
            <p:cNvPr id="850" name="Google Shape;850;p49"/>
            <p:cNvSpPr/>
            <p:nvPr/>
          </p:nvSpPr>
          <p:spPr>
            <a:xfrm>
              <a:off x="1835200" y="3337050"/>
              <a:ext cx="64900" cy="154325"/>
            </a:xfrm>
            <a:custGeom>
              <a:avLst/>
              <a:gdLst/>
              <a:ahLst/>
              <a:cxnLst/>
              <a:rect l="l" t="t" r="r" b="b"/>
              <a:pathLst>
                <a:path w="2596" h="6173" extrusionOk="0">
                  <a:moveTo>
                    <a:pt x="2595" y="795"/>
                  </a:moveTo>
                  <a:cubicBezTo>
                    <a:pt x="2574" y="942"/>
                    <a:pt x="2511" y="1172"/>
                    <a:pt x="2449" y="1381"/>
                  </a:cubicBezTo>
                  <a:lnTo>
                    <a:pt x="1967" y="3034"/>
                  </a:lnTo>
                  <a:cubicBezTo>
                    <a:pt x="1779" y="3599"/>
                    <a:pt x="1549" y="4143"/>
                    <a:pt x="1361" y="4729"/>
                  </a:cubicBezTo>
                  <a:cubicBezTo>
                    <a:pt x="1277" y="4959"/>
                    <a:pt x="1214" y="5189"/>
                    <a:pt x="1130" y="5461"/>
                  </a:cubicBezTo>
                  <a:cubicBezTo>
                    <a:pt x="1110" y="5566"/>
                    <a:pt x="1089" y="5691"/>
                    <a:pt x="1047" y="5796"/>
                  </a:cubicBezTo>
                  <a:cubicBezTo>
                    <a:pt x="963" y="6005"/>
                    <a:pt x="838" y="6131"/>
                    <a:pt x="607" y="6173"/>
                  </a:cubicBezTo>
                  <a:cubicBezTo>
                    <a:pt x="398" y="6173"/>
                    <a:pt x="231" y="6068"/>
                    <a:pt x="168" y="5859"/>
                  </a:cubicBezTo>
                  <a:cubicBezTo>
                    <a:pt x="63" y="5545"/>
                    <a:pt x="1" y="5252"/>
                    <a:pt x="105" y="4938"/>
                  </a:cubicBezTo>
                  <a:cubicBezTo>
                    <a:pt x="168" y="4771"/>
                    <a:pt x="252" y="4624"/>
                    <a:pt x="314" y="4457"/>
                  </a:cubicBezTo>
                  <a:cubicBezTo>
                    <a:pt x="628" y="3871"/>
                    <a:pt x="838" y="3201"/>
                    <a:pt x="1026" y="2532"/>
                  </a:cubicBezTo>
                  <a:cubicBezTo>
                    <a:pt x="1193" y="2030"/>
                    <a:pt x="1361" y="1569"/>
                    <a:pt x="1528" y="1088"/>
                  </a:cubicBezTo>
                  <a:cubicBezTo>
                    <a:pt x="1612" y="858"/>
                    <a:pt x="1654" y="586"/>
                    <a:pt x="1737" y="356"/>
                  </a:cubicBezTo>
                  <a:cubicBezTo>
                    <a:pt x="1821" y="147"/>
                    <a:pt x="1988" y="0"/>
                    <a:pt x="2177" y="21"/>
                  </a:cubicBezTo>
                  <a:cubicBezTo>
                    <a:pt x="2386" y="63"/>
                    <a:pt x="2511" y="230"/>
                    <a:pt x="2532" y="440"/>
                  </a:cubicBezTo>
                  <a:cubicBezTo>
                    <a:pt x="2532" y="460"/>
                    <a:pt x="2574" y="586"/>
                    <a:pt x="2595" y="79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1" name="Google Shape;851;p49"/>
            <p:cNvSpPr/>
            <p:nvPr/>
          </p:nvSpPr>
          <p:spPr>
            <a:xfrm>
              <a:off x="1948725" y="3612700"/>
              <a:ext cx="165825" cy="37175"/>
            </a:xfrm>
            <a:custGeom>
              <a:avLst/>
              <a:gdLst/>
              <a:ahLst/>
              <a:cxnLst/>
              <a:rect l="l" t="t" r="r" b="b"/>
              <a:pathLst>
                <a:path w="6633" h="1487" extrusionOk="0">
                  <a:moveTo>
                    <a:pt x="2260" y="1466"/>
                  </a:moveTo>
                  <a:cubicBezTo>
                    <a:pt x="1653" y="1382"/>
                    <a:pt x="1088" y="1340"/>
                    <a:pt x="481" y="1256"/>
                  </a:cubicBezTo>
                  <a:cubicBezTo>
                    <a:pt x="377" y="1235"/>
                    <a:pt x="272" y="1214"/>
                    <a:pt x="167" y="1152"/>
                  </a:cubicBezTo>
                  <a:cubicBezTo>
                    <a:pt x="21" y="1068"/>
                    <a:pt x="0" y="817"/>
                    <a:pt x="146" y="733"/>
                  </a:cubicBezTo>
                  <a:cubicBezTo>
                    <a:pt x="272" y="649"/>
                    <a:pt x="398" y="608"/>
                    <a:pt x="544" y="587"/>
                  </a:cubicBezTo>
                  <a:cubicBezTo>
                    <a:pt x="1109" y="524"/>
                    <a:pt x="1653" y="440"/>
                    <a:pt x="2239" y="419"/>
                  </a:cubicBezTo>
                  <a:cubicBezTo>
                    <a:pt x="2846" y="398"/>
                    <a:pt x="3411" y="398"/>
                    <a:pt x="4017" y="273"/>
                  </a:cubicBezTo>
                  <a:cubicBezTo>
                    <a:pt x="4582" y="126"/>
                    <a:pt x="5189" y="85"/>
                    <a:pt x="5796" y="22"/>
                  </a:cubicBezTo>
                  <a:cubicBezTo>
                    <a:pt x="5984" y="1"/>
                    <a:pt x="6193" y="64"/>
                    <a:pt x="6361" y="105"/>
                  </a:cubicBezTo>
                  <a:cubicBezTo>
                    <a:pt x="6612" y="189"/>
                    <a:pt x="6633" y="524"/>
                    <a:pt x="6445" y="691"/>
                  </a:cubicBezTo>
                  <a:cubicBezTo>
                    <a:pt x="6361" y="754"/>
                    <a:pt x="6277" y="817"/>
                    <a:pt x="6152" y="859"/>
                  </a:cubicBezTo>
                  <a:cubicBezTo>
                    <a:pt x="5900" y="942"/>
                    <a:pt x="5608" y="1068"/>
                    <a:pt x="5356" y="1110"/>
                  </a:cubicBezTo>
                  <a:cubicBezTo>
                    <a:pt x="4310" y="1173"/>
                    <a:pt x="3306" y="1486"/>
                    <a:pt x="2260" y="146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2" name="Google Shape;852;p49"/>
            <p:cNvSpPr/>
            <p:nvPr/>
          </p:nvSpPr>
          <p:spPr>
            <a:xfrm>
              <a:off x="1926750" y="3445325"/>
              <a:ext cx="122425" cy="81100"/>
            </a:xfrm>
            <a:custGeom>
              <a:avLst/>
              <a:gdLst/>
              <a:ahLst/>
              <a:cxnLst/>
              <a:rect l="l" t="t" r="r" b="b"/>
              <a:pathLst>
                <a:path w="4897" h="3244" extrusionOk="0">
                  <a:moveTo>
                    <a:pt x="4373" y="0"/>
                  </a:moveTo>
                  <a:cubicBezTo>
                    <a:pt x="4415" y="21"/>
                    <a:pt x="4562" y="63"/>
                    <a:pt x="4624" y="84"/>
                  </a:cubicBezTo>
                  <a:cubicBezTo>
                    <a:pt x="4855" y="189"/>
                    <a:pt x="4896" y="502"/>
                    <a:pt x="4729" y="649"/>
                  </a:cubicBezTo>
                  <a:cubicBezTo>
                    <a:pt x="4708" y="712"/>
                    <a:pt x="4666" y="733"/>
                    <a:pt x="4603" y="754"/>
                  </a:cubicBezTo>
                  <a:cubicBezTo>
                    <a:pt x="3515" y="1528"/>
                    <a:pt x="2427" y="2302"/>
                    <a:pt x="1235" y="2909"/>
                  </a:cubicBezTo>
                  <a:cubicBezTo>
                    <a:pt x="1005" y="3013"/>
                    <a:pt x="753" y="3118"/>
                    <a:pt x="523" y="3202"/>
                  </a:cubicBezTo>
                  <a:cubicBezTo>
                    <a:pt x="356" y="3243"/>
                    <a:pt x="168" y="3202"/>
                    <a:pt x="84" y="3034"/>
                  </a:cubicBezTo>
                  <a:cubicBezTo>
                    <a:pt x="42" y="2909"/>
                    <a:pt x="0" y="2699"/>
                    <a:pt x="63" y="2574"/>
                  </a:cubicBezTo>
                  <a:cubicBezTo>
                    <a:pt x="147" y="2407"/>
                    <a:pt x="314" y="2260"/>
                    <a:pt x="481" y="2176"/>
                  </a:cubicBezTo>
                  <a:cubicBezTo>
                    <a:pt x="942" y="1883"/>
                    <a:pt x="1465" y="1632"/>
                    <a:pt x="1946" y="1298"/>
                  </a:cubicBezTo>
                  <a:cubicBezTo>
                    <a:pt x="2406" y="1026"/>
                    <a:pt x="2867" y="733"/>
                    <a:pt x="3306" y="419"/>
                  </a:cubicBezTo>
                  <a:cubicBezTo>
                    <a:pt x="3641" y="210"/>
                    <a:pt x="3955" y="21"/>
                    <a:pt x="4373" y="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53" name="Google Shape;853;p49"/>
          <p:cNvGrpSpPr/>
          <p:nvPr/>
        </p:nvGrpSpPr>
        <p:grpSpPr>
          <a:xfrm rot="2964127">
            <a:off x="9680767" y="1115767"/>
            <a:ext cx="1068254" cy="1196197"/>
            <a:chOff x="1835200" y="3337050"/>
            <a:chExt cx="279350" cy="312825"/>
          </a:xfrm>
        </p:grpSpPr>
        <p:sp>
          <p:nvSpPr>
            <p:cNvPr id="854" name="Google Shape;854;p49"/>
            <p:cNvSpPr/>
            <p:nvPr/>
          </p:nvSpPr>
          <p:spPr>
            <a:xfrm>
              <a:off x="1835200" y="3337050"/>
              <a:ext cx="64900" cy="154325"/>
            </a:xfrm>
            <a:custGeom>
              <a:avLst/>
              <a:gdLst/>
              <a:ahLst/>
              <a:cxnLst/>
              <a:rect l="l" t="t" r="r" b="b"/>
              <a:pathLst>
                <a:path w="2596" h="6173" extrusionOk="0">
                  <a:moveTo>
                    <a:pt x="2595" y="795"/>
                  </a:moveTo>
                  <a:cubicBezTo>
                    <a:pt x="2574" y="942"/>
                    <a:pt x="2511" y="1172"/>
                    <a:pt x="2449" y="1381"/>
                  </a:cubicBezTo>
                  <a:lnTo>
                    <a:pt x="1967" y="3034"/>
                  </a:lnTo>
                  <a:cubicBezTo>
                    <a:pt x="1779" y="3599"/>
                    <a:pt x="1549" y="4143"/>
                    <a:pt x="1361" y="4729"/>
                  </a:cubicBezTo>
                  <a:cubicBezTo>
                    <a:pt x="1277" y="4959"/>
                    <a:pt x="1214" y="5189"/>
                    <a:pt x="1130" y="5461"/>
                  </a:cubicBezTo>
                  <a:cubicBezTo>
                    <a:pt x="1110" y="5566"/>
                    <a:pt x="1089" y="5691"/>
                    <a:pt x="1047" y="5796"/>
                  </a:cubicBezTo>
                  <a:cubicBezTo>
                    <a:pt x="963" y="6005"/>
                    <a:pt x="838" y="6131"/>
                    <a:pt x="607" y="6173"/>
                  </a:cubicBezTo>
                  <a:cubicBezTo>
                    <a:pt x="398" y="6173"/>
                    <a:pt x="231" y="6068"/>
                    <a:pt x="168" y="5859"/>
                  </a:cubicBezTo>
                  <a:cubicBezTo>
                    <a:pt x="63" y="5545"/>
                    <a:pt x="1" y="5252"/>
                    <a:pt x="105" y="4938"/>
                  </a:cubicBezTo>
                  <a:cubicBezTo>
                    <a:pt x="168" y="4771"/>
                    <a:pt x="252" y="4624"/>
                    <a:pt x="314" y="4457"/>
                  </a:cubicBezTo>
                  <a:cubicBezTo>
                    <a:pt x="628" y="3871"/>
                    <a:pt x="838" y="3201"/>
                    <a:pt x="1026" y="2532"/>
                  </a:cubicBezTo>
                  <a:cubicBezTo>
                    <a:pt x="1193" y="2030"/>
                    <a:pt x="1361" y="1569"/>
                    <a:pt x="1528" y="1088"/>
                  </a:cubicBezTo>
                  <a:cubicBezTo>
                    <a:pt x="1612" y="858"/>
                    <a:pt x="1654" y="586"/>
                    <a:pt x="1737" y="356"/>
                  </a:cubicBezTo>
                  <a:cubicBezTo>
                    <a:pt x="1821" y="147"/>
                    <a:pt x="1988" y="0"/>
                    <a:pt x="2177" y="21"/>
                  </a:cubicBezTo>
                  <a:cubicBezTo>
                    <a:pt x="2386" y="63"/>
                    <a:pt x="2511" y="230"/>
                    <a:pt x="2532" y="440"/>
                  </a:cubicBezTo>
                  <a:cubicBezTo>
                    <a:pt x="2532" y="460"/>
                    <a:pt x="2574" y="586"/>
                    <a:pt x="2595" y="79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5" name="Google Shape;855;p49"/>
            <p:cNvSpPr/>
            <p:nvPr/>
          </p:nvSpPr>
          <p:spPr>
            <a:xfrm>
              <a:off x="1948725" y="3612700"/>
              <a:ext cx="165825" cy="37175"/>
            </a:xfrm>
            <a:custGeom>
              <a:avLst/>
              <a:gdLst/>
              <a:ahLst/>
              <a:cxnLst/>
              <a:rect l="l" t="t" r="r" b="b"/>
              <a:pathLst>
                <a:path w="6633" h="1487" extrusionOk="0">
                  <a:moveTo>
                    <a:pt x="2260" y="1466"/>
                  </a:moveTo>
                  <a:cubicBezTo>
                    <a:pt x="1653" y="1382"/>
                    <a:pt x="1088" y="1340"/>
                    <a:pt x="481" y="1256"/>
                  </a:cubicBezTo>
                  <a:cubicBezTo>
                    <a:pt x="377" y="1235"/>
                    <a:pt x="272" y="1214"/>
                    <a:pt x="167" y="1152"/>
                  </a:cubicBezTo>
                  <a:cubicBezTo>
                    <a:pt x="21" y="1068"/>
                    <a:pt x="0" y="817"/>
                    <a:pt x="146" y="733"/>
                  </a:cubicBezTo>
                  <a:cubicBezTo>
                    <a:pt x="272" y="649"/>
                    <a:pt x="398" y="608"/>
                    <a:pt x="544" y="587"/>
                  </a:cubicBezTo>
                  <a:cubicBezTo>
                    <a:pt x="1109" y="524"/>
                    <a:pt x="1653" y="440"/>
                    <a:pt x="2239" y="419"/>
                  </a:cubicBezTo>
                  <a:cubicBezTo>
                    <a:pt x="2846" y="398"/>
                    <a:pt x="3411" y="398"/>
                    <a:pt x="4017" y="273"/>
                  </a:cubicBezTo>
                  <a:cubicBezTo>
                    <a:pt x="4582" y="126"/>
                    <a:pt x="5189" y="85"/>
                    <a:pt x="5796" y="22"/>
                  </a:cubicBezTo>
                  <a:cubicBezTo>
                    <a:pt x="5984" y="1"/>
                    <a:pt x="6193" y="64"/>
                    <a:pt x="6361" y="105"/>
                  </a:cubicBezTo>
                  <a:cubicBezTo>
                    <a:pt x="6612" y="189"/>
                    <a:pt x="6633" y="524"/>
                    <a:pt x="6445" y="691"/>
                  </a:cubicBezTo>
                  <a:cubicBezTo>
                    <a:pt x="6361" y="754"/>
                    <a:pt x="6277" y="817"/>
                    <a:pt x="6152" y="859"/>
                  </a:cubicBezTo>
                  <a:cubicBezTo>
                    <a:pt x="5900" y="942"/>
                    <a:pt x="5608" y="1068"/>
                    <a:pt x="5356" y="1110"/>
                  </a:cubicBezTo>
                  <a:cubicBezTo>
                    <a:pt x="4310" y="1173"/>
                    <a:pt x="3306" y="1486"/>
                    <a:pt x="2260" y="146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6" name="Google Shape;856;p49"/>
            <p:cNvSpPr/>
            <p:nvPr/>
          </p:nvSpPr>
          <p:spPr>
            <a:xfrm>
              <a:off x="1926750" y="3445325"/>
              <a:ext cx="122425" cy="81100"/>
            </a:xfrm>
            <a:custGeom>
              <a:avLst/>
              <a:gdLst/>
              <a:ahLst/>
              <a:cxnLst/>
              <a:rect l="l" t="t" r="r" b="b"/>
              <a:pathLst>
                <a:path w="4897" h="3244" extrusionOk="0">
                  <a:moveTo>
                    <a:pt x="4373" y="0"/>
                  </a:moveTo>
                  <a:cubicBezTo>
                    <a:pt x="4415" y="21"/>
                    <a:pt x="4562" y="63"/>
                    <a:pt x="4624" y="84"/>
                  </a:cubicBezTo>
                  <a:cubicBezTo>
                    <a:pt x="4855" y="189"/>
                    <a:pt x="4896" y="502"/>
                    <a:pt x="4729" y="649"/>
                  </a:cubicBezTo>
                  <a:cubicBezTo>
                    <a:pt x="4708" y="712"/>
                    <a:pt x="4666" y="733"/>
                    <a:pt x="4603" y="754"/>
                  </a:cubicBezTo>
                  <a:cubicBezTo>
                    <a:pt x="3515" y="1528"/>
                    <a:pt x="2427" y="2302"/>
                    <a:pt x="1235" y="2909"/>
                  </a:cubicBezTo>
                  <a:cubicBezTo>
                    <a:pt x="1005" y="3013"/>
                    <a:pt x="753" y="3118"/>
                    <a:pt x="523" y="3202"/>
                  </a:cubicBezTo>
                  <a:cubicBezTo>
                    <a:pt x="356" y="3243"/>
                    <a:pt x="168" y="3202"/>
                    <a:pt x="84" y="3034"/>
                  </a:cubicBezTo>
                  <a:cubicBezTo>
                    <a:pt x="42" y="2909"/>
                    <a:pt x="0" y="2699"/>
                    <a:pt x="63" y="2574"/>
                  </a:cubicBezTo>
                  <a:cubicBezTo>
                    <a:pt x="147" y="2407"/>
                    <a:pt x="314" y="2260"/>
                    <a:pt x="481" y="2176"/>
                  </a:cubicBezTo>
                  <a:cubicBezTo>
                    <a:pt x="942" y="1883"/>
                    <a:pt x="1465" y="1632"/>
                    <a:pt x="1946" y="1298"/>
                  </a:cubicBezTo>
                  <a:cubicBezTo>
                    <a:pt x="2406" y="1026"/>
                    <a:pt x="2867" y="733"/>
                    <a:pt x="3306" y="419"/>
                  </a:cubicBezTo>
                  <a:cubicBezTo>
                    <a:pt x="3641" y="210"/>
                    <a:pt x="3955" y="21"/>
                    <a:pt x="4373" y="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91" name="Google Shape;891;p49"/>
          <p:cNvGrpSpPr/>
          <p:nvPr/>
        </p:nvGrpSpPr>
        <p:grpSpPr>
          <a:xfrm>
            <a:off x="70862" y="-102479"/>
            <a:ext cx="608900" cy="407500"/>
            <a:chOff x="4137713" y="525925"/>
            <a:chExt cx="608900" cy="407500"/>
          </a:xfrm>
        </p:grpSpPr>
        <p:sp>
          <p:nvSpPr>
            <p:cNvPr id="892" name="Google Shape;892;p49"/>
            <p:cNvSpPr/>
            <p:nvPr/>
          </p:nvSpPr>
          <p:spPr>
            <a:xfrm>
              <a:off x="4168063" y="559925"/>
              <a:ext cx="556575" cy="353625"/>
            </a:xfrm>
            <a:custGeom>
              <a:avLst/>
              <a:gdLst/>
              <a:ahLst/>
              <a:cxnLst/>
              <a:rect l="l" t="t" r="r" b="b"/>
              <a:pathLst>
                <a:path w="22263" h="14145" extrusionOk="0">
                  <a:moveTo>
                    <a:pt x="8913" y="11257"/>
                  </a:moveTo>
                  <a:cubicBezTo>
                    <a:pt x="8495" y="11069"/>
                    <a:pt x="8160" y="11195"/>
                    <a:pt x="7825" y="11487"/>
                  </a:cubicBezTo>
                  <a:cubicBezTo>
                    <a:pt x="7302" y="11948"/>
                    <a:pt x="6696" y="12345"/>
                    <a:pt x="6110" y="12764"/>
                  </a:cubicBezTo>
                  <a:cubicBezTo>
                    <a:pt x="5670" y="13078"/>
                    <a:pt x="5147" y="13161"/>
                    <a:pt x="4603" y="13057"/>
                  </a:cubicBezTo>
                  <a:cubicBezTo>
                    <a:pt x="4101" y="12952"/>
                    <a:pt x="3599" y="12889"/>
                    <a:pt x="3118" y="12827"/>
                  </a:cubicBezTo>
                  <a:cubicBezTo>
                    <a:pt x="2825" y="12764"/>
                    <a:pt x="2678" y="12638"/>
                    <a:pt x="2657" y="12345"/>
                  </a:cubicBezTo>
                  <a:cubicBezTo>
                    <a:pt x="2657" y="12136"/>
                    <a:pt x="2615" y="11927"/>
                    <a:pt x="2678" y="11739"/>
                  </a:cubicBezTo>
                  <a:cubicBezTo>
                    <a:pt x="3013" y="10881"/>
                    <a:pt x="3139" y="9960"/>
                    <a:pt x="3724" y="9228"/>
                  </a:cubicBezTo>
                  <a:cubicBezTo>
                    <a:pt x="3829" y="9102"/>
                    <a:pt x="3913" y="8956"/>
                    <a:pt x="3996" y="8788"/>
                  </a:cubicBezTo>
                  <a:lnTo>
                    <a:pt x="3996" y="8684"/>
                  </a:lnTo>
                  <a:cubicBezTo>
                    <a:pt x="3913" y="8663"/>
                    <a:pt x="3829" y="8600"/>
                    <a:pt x="3766" y="8642"/>
                  </a:cubicBezTo>
                  <a:cubicBezTo>
                    <a:pt x="3578" y="8705"/>
                    <a:pt x="3369" y="8767"/>
                    <a:pt x="3201" y="8893"/>
                  </a:cubicBezTo>
                  <a:cubicBezTo>
                    <a:pt x="2762" y="9270"/>
                    <a:pt x="2323" y="9270"/>
                    <a:pt x="1799" y="9165"/>
                  </a:cubicBezTo>
                  <a:cubicBezTo>
                    <a:pt x="1193" y="9018"/>
                    <a:pt x="670" y="8809"/>
                    <a:pt x="251" y="8349"/>
                  </a:cubicBezTo>
                  <a:cubicBezTo>
                    <a:pt x="126" y="8182"/>
                    <a:pt x="63" y="7972"/>
                    <a:pt x="21" y="7805"/>
                  </a:cubicBezTo>
                  <a:cubicBezTo>
                    <a:pt x="0" y="7638"/>
                    <a:pt x="0" y="7449"/>
                    <a:pt x="21" y="7282"/>
                  </a:cubicBezTo>
                  <a:cubicBezTo>
                    <a:pt x="84" y="6591"/>
                    <a:pt x="356" y="5985"/>
                    <a:pt x="983" y="5671"/>
                  </a:cubicBezTo>
                  <a:cubicBezTo>
                    <a:pt x="1465" y="5441"/>
                    <a:pt x="2511" y="5566"/>
                    <a:pt x="3013" y="6236"/>
                  </a:cubicBezTo>
                  <a:cubicBezTo>
                    <a:pt x="3055" y="6298"/>
                    <a:pt x="3118" y="6403"/>
                    <a:pt x="3160" y="6403"/>
                  </a:cubicBezTo>
                  <a:cubicBezTo>
                    <a:pt x="3264" y="6445"/>
                    <a:pt x="3390" y="6403"/>
                    <a:pt x="3452" y="6361"/>
                  </a:cubicBezTo>
                  <a:cubicBezTo>
                    <a:pt x="3536" y="6277"/>
                    <a:pt x="3536" y="6152"/>
                    <a:pt x="3536" y="6026"/>
                  </a:cubicBezTo>
                  <a:cubicBezTo>
                    <a:pt x="3557" y="5566"/>
                    <a:pt x="3536" y="5127"/>
                    <a:pt x="3557" y="4687"/>
                  </a:cubicBezTo>
                  <a:cubicBezTo>
                    <a:pt x="3662" y="2951"/>
                    <a:pt x="4415" y="1591"/>
                    <a:pt x="5754" y="523"/>
                  </a:cubicBezTo>
                  <a:cubicBezTo>
                    <a:pt x="6193" y="168"/>
                    <a:pt x="6717" y="0"/>
                    <a:pt x="7323" y="0"/>
                  </a:cubicBezTo>
                  <a:cubicBezTo>
                    <a:pt x="8558" y="0"/>
                    <a:pt x="9520" y="900"/>
                    <a:pt x="9541" y="2156"/>
                  </a:cubicBezTo>
                  <a:lnTo>
                    <a:pt x="9541" y="3118"/>
                  </a:lnTo>
                  <a:cubicBezTo>
                    <a:pt x="9541" y="3327"/>
                    <a:pt x="9625" y="3536"/>
                    <a:pt x="9834" y="3620"/>
                  </a:cubicBezTo>
                  <a:cubicBezTo>
                    <a:pt x="10043" y="3725"/>
                    <a:pt x="10274" y="3620"/>
                    <a:pt x="10441" y="3390"/>
                  </a:cubicBezTo>
                  <a:cubicBezTo>
                    <a:pt x="10504" y="3285"/>
                    <a:pt x="10546" y="3181"/>
                    <a:pt x="10608" y="3097"/>
                  </a:cubicBezTo>
                  <a:cubicBezTo>
                    <a:pt x="10818" y="2804"/>
                    <a:pt x="11090" y="2532"/>
                    <a:pt x="11424" y="2428"/>
                  </a:cubicBezTo>
                  <a:cubicBezTo>
                    <a:pt x="12387" y="2156"/>
                    <a:pt x="13328" y="2176"/>
                    <a:pt x="14228" y="2783"/>
                  </a:cubicBezTo>
                  <a:cubicBezTo>
                    <a:pt x="14751" y="3139"/>
                    <a:pt x="15044" y="3641"/>
                    <a:pt x="15044" y="4269"/>
                  </a:cubicBezTo>
                  <a:lnTo>
                    <a:pt x="15044" y="5336"/>
                  </a:lnTo>
                  <a:cubicBezTo>
                    <a:pt x="15065" y="5775"/>
                    <a:pt x="15295" y="5964"/>
                    <a:pt x="15735" y="5943"/>
                  </a:cubicBezTo>
                  <a:cubicBezTo>
                    <a:pt x="15923" y="5922"/>
                    <a:pt x="16090" y="5880"/>
                    <a:pt x="16258" y="5817"/>
                  </a:cubicBezTo>
                  <a:cubicBezTo>
                    <a:pt x="16990" y="5545"/>
                    <a:pt x="17785" y="5503"/>
                    <a:pt x="18538" y="5587"/>
                  </a:cubicBezTo>
                  <a:cubicBezTo>
                    <a:pt x="19898" y="5754"/>
                    <a:pt x="21007" y="6424"/>
                    <a:pt x="21761" y="7554"/>
                  </a:cubicBezTo>
                  <a:cubicBezTo>
                    <a:pt x="22263" y="8286"/>
                    <a:pt x="22179" y="9186"/>
                    <a:pt x="21593" y="9855"/>
                  </a:cubicBezTo>
                  <a:cubicBezTo>
                    <a:pt x="20714" y="10943"/>
                    <a:pt x="19543" y="11508"/>
                    <a:pt x="18204" y="11780"/>
                  </a:cubicBezTo>
                  <a:cubicBezTo>
                    <a:pt x="17932" y="11822"/>
                    <a:pt x="17680" y="11843"/>
                    <a:pt x="17408" y="11906"/>
                  </a:cubicBezTo>
                  <a:cubicBezTo>
                    <a:pt x="16718" y="12052"/>
                    <a:pt x="16237" y="11801"/>
                    <a:pt x="15881" y="11195"/>
                  </a:cubicBezTo>
                  <a:cubicBezTo>
                    <a:pt x="15588" y="10734"/>
                    <a:pt x="15149" y="10755"/>
                    <a:pt x="14835" y="11195"/>
                  </a:cubicBezTo>
                  <a:cubicBezTo>
                    <a:pt x="14542" y="11634"/>
                    <a:pt x="14228" y="12052"/>
                    <a:pt x="13914" y="12513"/>
                  </a:cubicBezTo>
                  <a:cubicBezTo>
                    <a:pt x="13642" y="12889"/>
                    <a:pt x="13266" y="13182"/>
                    <a:pt x="12889" y="13475"/>
                  </a:cubicBezTo>
                  <a:cubicBezTo>
                    <a:pt x="12073" y="14145"/>
                    <a:pt x="10755" y="13915"/>
                    <a:pt x="10127" y="13308"/>
                  </a:cubicBezTo>
                  <a:cubicBezTo>
                    <a:pt x="9562" y="12764"/>
                    <a:pt x="9123" y="12094"/>
                    <a:pt x="8913" y="11257"/>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893" name="Google Shape;893;p49"/>
            <p:cNvSpPr/>
            <p:nvPr/>
          </p:nvSpPr>
          <p:spPr>
            <a:xfrm>
              <a:off x="4137713" y="525925"/>
              <a:ext cx="608900" cy="407500"/>
            </a:xfrm>
            <a:custGeom>
              <a:avLst/>
              <a:gdLst/>
              <a:ahLst/>
              <a:cxnLst/>
              <a:rect l="l" t="t" r="r" b="b"/>
              <a:pathLst>
                <a:path w="24356" h="16300" extrusionOk="0">
                  <a:moveTo>
                    <a:pt x="3976" y="6194"/>
                  </a:moveTo>
                  <a:cubicBezTo>
                    <a:pt x="3913" y="4896"/>
                    <a:pt x="4353" y="3788"/>
                    <a:pt x="5001" y="2741"/>
                  </a:cubicBezTo>
                  <a:cubicBezTo>
                    <a:pt x="5336" y="2218"/>
                    <a:pt x="5713" y="1737"/>
                    <a:pt x="6215" y="1360"/>
                  </a:cubicBezTo>
                  <a:cubicBezTo>
                    <a:pt x="6529" y="1130"/>
                    <a:pt x="6884" y="858"/>
                    <a:pt x="7261" y="712"/>
                  </a:cubicBezTo>
                  <a:cubicBezTo>
                    <a:pt x="9081" y="0"/>
                    <a:pt x="10567" y="544"/>
                    <a:pt x="11488" y="2281"/>
                  </a:cubicBezTo>
                  <a:cubicBezTo>
                    <a:pt x="11613" y="2511"/>
                    <a:pt x="11697" y="2741"/>
                    <a:pt x="11780" y="2992"/>
                  </a:cubicBezTo>
                  <a:cubicBezTo>
                    <a:pt x="11864" y="3013"/>
                    <a:pt x="11927" y="3034"/>
                    <a:pt x="11969" y="3013"/>
                  </a:cubicBezTo>
                  <a:cubicBezTo>
                    <a:pt x="12806" y="2574"/>
                    <a:pt x="13685" y="2616"/>
                    <a:pt x="14542" y="2720"/>
                  </a:cubicBezTo>
                  <a:cubicBezTo>
                    <a:pt x="15944" y="2888"/>
                    <a:pt x="17032" y="3997"/>
                    <a:pt x="17221" y="5378"/>
                  </a:cubicBezTo>
                  <a:cubicBezTo>
                    <a:pt x="17242" y="5629"/>
                    <a:pt x="17262" y="5838"/>
                    <a:pt x="17304" y="6089"/>
                  </a:cubicBezTo>
                  <a:cubicBezTo>
                    <a:pt x="17723" y="6047"/>
                    <a:pt x="18099" y="5985"/>
                    <a:pt x="18476" y="5943"/>
                  </a:cubicBezTo>
                  <a:cubicBezTo>
                    <a:pt x="20464" y="5692"/>
                    <a:pt x="22117" y="6424"/>
                    <a:pt x="23435" y="7868"/>
                  </a:cubicBezTo>
                  <a:cubicBezTo>
                    <a:pt x="24230" y="8746"/>
                    <a:pt x="24356" y="9751"/>
                    <a:pt x="24125" y="10860"/>
                  </a:cubicBezTo>
                  <a:cubicBezTo>
                    <a:pt x="24042" y="11215"/>
                    <a:pt x="23812" y="11529"/>
                    <a:pt x="23581" y="11843"/>
                  </a:cubicBezTo>
                  <a:cubicBezTo>
                    <a:pt x="22786" y="12889"/>
                    <a:pt x="21719" y="13559"/>
                    <a:pt x="20464" y="13935"/>
                  </a:cubicBezTo>
                  <a:cubicBezTo>
                    <a:pt x="19941" y="14103"/>
                    <a:pt x="19418" y="14354"/>
                    <a:pt x="18832" y="14354"/>
                  </a:cubicBezTo>
                  <a:cubicBezTo>
                    <a:pt x="18204" y="14354"/>
                    <a:pt x="17618" y="14249"/>
                    <a:pt x="17095" y="13894"/>
                  </a:cubicBezTo>
                  <a:cubicBezTo>
                    <a:pt x="16949" y="13789"/>
                    <a:pt x="16802" y="13705"/>
                    <a:pt x="16614" y="13601"/>
                  </a:cubicBezTo>
                  <a:cubicBezTo>
                    <a:pt x="16321" y="13998"/>
                    <a:pt x="15840" y="14145"/>
                    <a:pt x="15756" y="14710"/>
                  </a:cubicBezTo>
                  <a:cubicBezTo>
                    <a:pt x="15756" y="14814"/>
                    <a:pt x="15589" y="14877"/>
                    <a:pt x="15526" y="14961"/>
                  </a:cubicBezTo>
                  <a:cubicBezTo>
                    <a:pt x="15317" y="15107"/>
                    <a:pt x="15107" y="15275"/>
                    <a:pt x="14898" y="15463"/>
                  </a:cubicBezTo>
                  <a:cubicBezTo>
                    <a:pt x="14082" y="16216"/>
                    <a:pt x="13120" y="16300"/>
                    <a:pt x="12073" y="16112"/>
                  </a:cubicBezTo>
                  <a:cubicBezTo>
                    <a:pt x="11718" y="16070"/>
                    <a:pt x="11383" y="15881"/>
                    <a:pt x="11090" y="15714"/>
                  </a:cubicBezTo>
                  <a:cubicBezTo>
                    <a:pt x="10567" y="15400"/>
                    <a:pt x="10211" y="14961"/>
                    <a:pt x="9876" y="14459"/>
                  </a:cubicBezTo>
                  <a:cubicBezTo>
                    <a:pt x="9709" y="14249"/>
                    <a:pt x="9583" y="14019"/>
                    <a:pt x="9416" y="13768"/>
                  </a:cubicBezTo>
                  <a:cubicBezTo>
                    <a:pt x="9270" y="13873"/>
                    <a:pt x="9102" y="13935"/>
                    <a:pt x="8977" y="14040"/>
                  </a:cubicBezTo>
                  <a:cubicBezTo>
                    <a:pt x="8726" y="14228"/>
                    <a:pt x="8454" y="14438"/>
                    <a:pt x="8203" y="14626"/>
                  </a:cubicBezTo>
                  <a:cubicBezTo>
                    <a:pt x="6738" y="15693"/>
                    <a:pt x="5169" y="15588"/>
                    <a:pt x="3599" y="14940"/>
                  </a:cubicBezTo>
                  <a:cubicBezTo>
                    <a:pt x="3390" y="14856"/>
                    <a:pt x="3181" y="14689"/>
                    <a:pt x="2993" y="14563"/>
                  </a:cubicBezTo>
                  <a:cubicBezTo>
                    <a:pt x="2721" y="14354"/>
                    <a:pt x="2595" y="14061"/>
                    <a:pt x="2595" y="13726"/>
                  </a:cubicBezTo>
                  <a:cubicBezTo>
                    <a:pt x="2595" y="13119"/>
                    <a:pt x="2595" y="12555"/>
                    <a:pt x="2888" y="12011"/>
                  </a:cubicBezTo>
                  <a:cubicBezTo>
                    <a:pt x="2909" y="11927"/>
                    <a:pt x="2930" y="11843"/>
                    <a:pt x="2972" y="11718"/>
                  </a:cubicBezTo>
                  <a:cubicBezTo>
                    <a:pt x="2762" y="11487"/>
                    <a:pt x="2449" y="11508"/>
                    <a:pt x="2177" y="11425"/>
                  </a:cubicBezTo>
                  <a:cubicBezTo>
                    <a:pt x="1570" y="11215"/>
                    <a:pt x="1047" y="10902"/>
                    <a:pt x="628" y="10441"/>
                  </a:cubicBezTo>
                  <a:cubicBezTo>
                    <a:pt x="398" y="10190"/>
                    <a:pt x="252" y="9918"/>
                    <a:pt x="189" y="9562"/>
                  </a:cubicBezTo>
                  <a:cubicBezTo>
                    <a:pt x="0" y="8474"/>
                    <a:pt x="210" y="7449"/>
                    <a:pt x="1026" y="6612"/>
                  </a:cubicBezTo>
                  <a:cubicBezTo>
                    <a:pt x="1402" y="6215"/>
                    <a:pt x="1821" y="5985"/>
                    <a:pt x="2365" y="6047"/>
                  </a:cubicBezTo>
                  <a:cubicBezTo>
                    <a:pt x="2888" y="6089"/>
                    <a:pt x="3369" y="6152"/>
                    <a:pt x="3976" y="6194"/>
                  </a:cubicBezTo>
                  <a:close/>
                  <a:moveTo>
                    <a:pt x="10127" y="12617"/>
                  </a:moveTo>
                  <a:cubicBezTo>
                    <a:pt x="10316" y="13454"/>
                    <a:pt x="10755" y="14124"/>
                    <a:pt x="11383" y="14668"/>
                  </a:cubicBezTo>
                  <a:cubicBezTo>
                    <a:pt x="12011" y="15275"/>
                    <a:pt x="13350" y="15484"/>
                    <a:pt x="14166" y="14835"/>
                  </a:cubicBezTo>
                  <a:cubicBezTo>
                    <a:pt x="14521" y="14542"/>
                    <a:pt x="14877" y="14249"/>
                    <a:pt x="15170" y="13873"/>
                  </a:cubicBezTo>
                  <a:cubicBezTo>
                    <a:pt x="15463" y="13412"/>
                    <a:pt x="15777" y="12994"/>
                    <a:pt x="16091" y="12555"/>
                  </a:cubicBezTo>
                  <a:cubicBezTo>
                    <a:pt x="16405" y="12094"/>
                    <a:pt x="16844" y="12094"/>
                    <a:pt x="17137" y="12555"/>
                  </a:cubicBezTo>
                  <a:cubicBezTo>
                    <a:pt x="17493" y="13161"/>
                    <a:pt x="17974" y="13412"/>
                    <a:pt x="18685" y="13266"/>
                  </a:cubicBezTo>
                  <a:cubicBezTo>
                    <a:pt x="18936" y="13203"/>
                    <a:pt x="19208" y="13182"/>
                    <a:pt x="19459" y="13140"/>
                  </a:cubicBezTo>
                  <a:cubicBezTo>
                    <a:pt x="20799" y="12847"/>
                    <a:pt x="21970" y="12303"/>
                    <a:pt x="22870" y="11215"/>
                  </a:cubicBezTo>
                  <a:cubicBezTo>
                    <a:pt x="23435" y="10546"/>
                    <a:pt x="23519" y="9646"/>
                    <a:pt x="23016" y="8914"/>
                  </a:cubicBezTo>
                  <a:cubicBezTo>
                    <a:pt x="22242" y="7784"/>
                    <a:pt x="21133" y="7135"/>
                    <a:pt x="19815" y="6947"/>
                  </a:cubicBezTo>
                  <a:cubicBezTo>
                    <a:pt x="19041" y="6842"/>
                    <a:pt x="18267" y="6905"/>
                    <a:pt x="17534" y="7177"/>
                  </a:cubicBezTo>
                  <a:cubicBezTo>
                    <a:pt x="17367" y="7219"/>
                    <a:pt x="17200" y="7282"/>
                    <a:pt x="17011" y="7303"/>
                  </a:cubicBezTo>
                  <a:cubicBezTo>
                    <a:pt x="16593" y="7345"/>
                    <a:pt x="16321" y="7135"/>
                    <a:pt x="16300" y="6696"/>
                  </a:cubicBezTo>
                  <a:cubicBezTo>
                    <a:pt x="16279" y="6361"/>
                    <a:pt x="16300" y="5985"/>
                    <a:pt x="16300" y="5629"/>
                  </a:cubicBezTo>
                  <a:cubicBezTo>
                    <a:pt x="16300" y="5001"/>
                    <a:pt x="16007" y="4499"/>
                    <a:pt x="15484" y="4143"/>
                  </a:cubicBezTo>
                  <a:cubicBezTo>
                    <a:pt x="14626" y="3536"/>
                    <a:pt x="13685" y="3516"/>
                    <a:pt x="12680" y="3788"/>
                  </a:cubicBezTo>
                  <a:cubicBezTo>
                    <a:pt x="12345" y="3892"/>
                    <a:pt x="12094" y="4164"/>
                    <a:pt x="11885" y="4457"/>
                  </a:cubicBezTo>
                  <a:cubicBezTo>
                    <a:pt x="11801" y="4562"/>
                    <a:pt x="11780" y="4666"/>
                    <a:pt x="11697" y="4750"/>
                  </a:cubicBezTo>
                  <a:cubicBezTo>
                    <a:pt x="11529" y="5001"/>
                    <a:pt x="11299" y="5064"/>
                    <a:pt x="11090" y="4980"/>
                  </a:cubicBezTo>
                  <a:cubicBezTo>
                    <a:pt x="10881" y="4896"/>
                    <a:pt x="10797" y="4687"/>
                    <a:pt x="10797" y="4478"/>
                  </a:cubicBezTo>
                  <a:cubicBezTo>
                    <a:pt x="10797" y="4164"/>
                    <a:pt x="10839" y="3808"/>
                    <a:pt x="10797" y="3516"/>
                  </a:cubicBezTo>
                  <a:cubicBezTo>
                    <a:pt x="10755" y="2281"/>
                    <a:pt x="9814" y="1360"/>
                    <a:pt x="8579" y="1360"/>
                  </a:cubicBezTo>
                  <a:cubicBezTo>
                    <a:pt x="8014" y="1360"/>
                    <a:pt x="7491" y="1549"/>
                    <a:pt x="7010" y="1883"/>
                  </a:cubicBezTo>
                  <a:cubicBezTo>
                    <a:pt x="5671" y="2951"/>
                    <a:pt x="4897" y="4311"/>
                    <a:pt x="4813" y="6047"/>
                  </a:cubicBezTo>
                  <a:cubicBezTo>
                    <a:pt x="4792" y="6487"/>
                    <a:pt x="4792" y="6926"/>
                    <a:pt x="4792" y="7386"/>
                  </a:cubicBezTo>
                  <a:cubicBezTo>
                    <a:pt x="4792" y="7491"/>
                    <a:pt x="4771" y="7637"/>
                    <a:pt x="4708" y="7721"/>
                  </a:cubicBezTo>
                  <a:cubicBezTo>
                    <a:pt x="4666" y="7763"/>
                    <a:pt x="4499" y="7805"/>
                    <a:pt x="4415" y="7763"/>
                  </a:cubicBezTo>
                  <a:cubicBezTo>
                    <a:pt x="4374" y="7742"/>
                    <a:pt x="4311" y="7637"/>
                    <a:pt x="4269" y="7596"/>
                  </a:cubicBezTo>
                  <a:cubicBezTo>
                    <a:pt x="3767" y="6926"/>
                    <a:pt x="2721" y="6801"/>
                    <a:pt x="2260" y="7031"/>
                  </a:cubicBezTo>
                  <a:cubicBezTo>
                    <a:pt x="1633" y="7345"/>
                    <a:pt x="1361" y="7951"/>
                    <a:pt x="1277" y="8642"/>
                  </a:cubicBezTo>
                  <a:cubicBezTo>
                    <a:pt x="1256" y="8809"/>
                    <a:pt x="1256" y="8998"/>
                    <a:pt x="1277" y="9165"/>
                  </a:cubicBezTo>
                  <a:cubicBezTo>
                    <a:pt x="1340" y="9332"/>
                    <a:pt x="1381" y="9583"/>
                    <a:pt x="1528" y="9709"/>
                  </a:cubicBezTo>
                  <a:cubicBezTo>
                    <a:pt x="1905" y="10169"/>
                    <a:pt x="2469" y="10378"/>
                    <a:pt x="3055" y="10525"/>
                  </a:cubicBezTo>
                  <a:cubicBezTo>
                    <a:pt x="3578" y="10630"/>
                    <a:pt x="4060" y="10630"/>
                    <a:pt x="4478" y="10253"/>
                  </a:cubicBezTo>
                  <a:cubicBezTo>
                    <a:pt x="4625" y="10127"/>
                    <a:pt x="4834" y="10065"/>
                    <a:pt x="5022" y="10002"/>
                  </a:cubicBezTo>
                  <a:cubicBezTo>
                    <a:pt x="5106" y="9960"/>
                    <a:pt x="5190" y="10023"/>
                    <a:pt x="5252" y="10044"/>
                  </a:cubicBezTo>
                  <a:cubicBezTo>
                    <a:pt x="5252" y="10106"/>
                    <a:pt x="5294" y="10127"/>
                    <a:pt x="5252" y="10148"/>
                  </a:cubicBezTo>
                  <a:cubicBezTo>
                    <a:pt x="5190" y="10316"/>
                    <a:pt x="5106" y="10462"/>
                    <a:pt x="5001" y="10588"/>
                  </a:cubicBezTo>
                  <a:cubicBezTo>
                    <a:pt x="4415" y="11320"/>
                    <a:pt x="4269" y="12241"/>
                    <a:pt x="3955" y="13099"/>
                  </a:cubicBezTo>
                  <a:cubicBezTo>
                    <a:pt x="3871" y="13287"/>
                    <a:pt x="3934" y="13517"/>
                    <a:pt x="3934" y="13705"/>
                  </a:cubicBezTo>
                  <a:cubicBezTo>
                    <a:pt x="3955" y="13998"/>
                    <a:pt x="4081" y="14124"/>
                    <a:pt x="4374" y="14187"/>
                  </a:cubicBezTo>
                  <a:cubicBezTo>
                    <a:pt x="4876" y="14249"/>
                    <a:pt x="5357" y="14312"/>
                    <a:pt x="5859" y="14417"/>
                  </a:cubicBezTo>
                  <a:cubicBezTo>
                    <a:pt x="6403" y="14521"/>
                    <a:pt x="6926" y="14438"/>
                    <a:pt x="7387" y="14124"/>
                  </a:cubicBezTo>
                  <a:cubicBezTo>
                    <a:pt x="7951" y="13726"/>
                    <a:pt x="8558" y="13308"/>
                    <a:pt x="9081" y="12847"/>
                  </a:cubicBezTo>
                  <a:cubicBezTo>
                    <a:pt x="9395" y="12555"/>
                    <a:pt x="9709" y="12429"/>
                    <a:pt x="10127" y="1261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94" name="Google Shape;894;p49"/>
          <p:cNvGrpSpPr/>
          <p:nvPr/>
        </p:nvGrpSpPr>
        <p:grpSpPr>
          <a:xfrm>
            <a:off x="9829463" y="1262528"/>
            <a:ext cx="475525" cy="287725"/>
            <a:chOff x="622013" y="907250"/>
            <a:chExt cx="475525" cy="287725"/>
          </a:xfrm>
        </p:grpSpPr>
        <p:sp>
          <p:nvSpPr>
            <p:cNvPr id="895" name="Google Shape;895;p49"/>
            <p:cNvSpPr/>
            <p:nvPr/>
          </p:nvSpPr>
          <p:spPr>
            <a:xfrm>
              <a:off x="650263" y="929225"/>
              <a:ext cx="423725" cy="240125"/>
            </a:xfrm>
            <a:custGeom>
              <a:avLst/>
              <a:gdLst/>
              <a:ahLst/>
              <a:cxnLst/>
              <a:rect l="l" t="t" r="r" b="b"/>
              <a:pathLst>
                <a:path w="16949" h="9605" extrusionOk="0">
                  <a:moveTo>
                    <a:pt x="14459" y="7261"/>
                  </a:moveTo>
                  <a:cubicBezTo>
                    <a:pt x="14584" y="7889"/>
                    <a:pt x="15003" y="8370"/>
                    <a:pt x="14877" y="9081"/>
                  </a:cubicBezTo>
                  <a:cubicBezTo>
                    <a:pt x="14752" y="9165"/>
                    <a:pt x="14626" y="9291"/>
                    <a:pt x="14459" y="9311"/>
                  </a:cubicBezTo>
                  <a:cubicBezTo>
                    <a:pt x="13810" y="9416"/>
                    <a:pt x="13120" y="9521"/>
                    <a:pt x="12450" y="9563"/>
                  </a:cubicBezTo>
                  <a:cubicBezTo>
                    <a:pt x="11007" y="9604"/>
                    <a:pt x="10379" y="9311"/>
                    <a:pt x="9312" y="8244"/>
                  </a:cubicBezTo>
                  <a:cubicBezTo>
                    <a:pt x="9270" y="7931"/>
                    <a:pt x="9270" y="7617"/>
                    <a:pt x="9249" y="7303"/>
                  </a:cubicBezTo>
                  <a:cubicBezTo>
                    <a:pt x="9228" y="7114"/>
                    <a:pt x="9102" y="6968"/>
                    <a:pt x="8893" y="6989"/>
                  </a:cubicBezTo>
                  <a:cubicBezTo>
                    <a:pt x="8747" y="7010"/>
                    <a:pt x="8600" y="7094"/>
                    <a:pt x="8558" y="7219"/>
                  </a:cubicBezTo>
                  <a:cubicBezTo>
                    <a:pt x="7889" y="8747"/>
                    <a:pt x="6529" y="9102"/>
                    <a:pt x="5106" y="9249"/>
                  </a:cubicBezTo>
                  <a:cubicBezTo>
                    <a:pt x="4478" y="9291"/>
                    <a:pt x="3809" y="9186"/>
                    <a:pt x="3160" y="9102"/>
                  </a:cubicBezTo>
                  <a:cubicBezTo>
                    <a:pt x="2658" y="9060"/>
                    <a:pt x="2344" y="8747"/>
                    <a:pt x="2281" y="8244"/>
                  </a:cubicBezTo>
                  <a:cubicBezTo>
                    <a:pt x="2135" y="7533"/>
                    <a:pt x="2135" y="6842"/>
                    <a:pt x="2323" y="6152"/>
                  </a:cubicBezTo>
                  <a:cubicBezTo>
                    <a:pt x="2386" y="5964"/>
                    <a:pt x="2512" y="5796"/>
                    <a:pt x="2616" y="5608"/>
                  </a:cubicBezTo>
                  <a:cubicBezTo>
                    <a:pt x="2700" y="5441"/>
                    <a:pt x="2804" y="5315"/>
                    <a:pt x="2930" y="5106"/>
                  </a:cubicBezTo>
                  <a:cubicBezTo>
                    <a:pt x="2512" y="4980"/>
                    <a:pt x="2177" y="5085"/>
                    <a:pt x="1821" y="5022"/>
                  </a:cubicBezTo>
                  <a:cubicBezTo>
                    <a:pt x="1507" y="4980"/>
                    <a:pt x="1193" y="4897"/>
                    <a:pt x="880" y="4792"/>
                  </a:cubicBezTo>
                  <a:cubicBezTo>
                    <a:pt x="566" y="4666"/>
                    <a:pt x="231" y="4541"/>
                    <a:pt x="1" y="4164"/>
                  </a:cubicBezTo>
                  <a:cubicBezTo>
                    <a:pt x="440" y="3557"/>
                    <a:pt x="1047" y="3160"/>
                    <a:pt x="1821" y="3160"/>
                  </a:cubicBezTo>
                  <a:cubicBezTo>
                    <a:pt x="2595" y="3160"/>
                    <a:pt x="3349" y="3244"/>
                    <a:pt x="4123" y="3306"/>
                  </a:cubicBezTo>
                  <a:cubicBezTo>
                    <a:pt x="4311" y="3306"/>
                    <a:pt x="4499" y="3390"/>
                    <a:pt x="4646" y="3348"/>
                  </a:cubicBezTo>
                  <a:cubicBezTo>
                    <a:pt x="4813" y="3327"/>
                    <a:pt x="4939" y="3223"/>
                    <a:pt x="5169" y="3118"/>
                  </a:cubicBezTo>
                  <a:cubicBezTo>
                    <a:pt x="5043" y="2951"/>
                    <a:pt x="4960" y="2825"/>
                    <a:pt x="4855" y="2741"/>
                  </a:cubicBezTo>
                  <a:cubicBezTo>
                    <a:pt x="4541" y="2469"/>
                    <a:pt x="4478" y="2260"/>
                    <a:pt x="4604" y="1946"/>
                  </a:cubicBezTo>
                  <a:cubicBezTo>
                    <a:pt x="4688" y="1779"/>
                    <a:pt x="4792" y="1632"/>
                    <a:pt x="4897" y="1486"/>
                  </a:cubicBezTo>
                  <a:cubicBezTo>
                    <a:pt x="5755" y="398"/>
                    <a:pt x="6906" y="0"/>
                    <a:pt x="8245" y="147"/>
                  </a:cubicBezTo>
                  <a:cubicBezTo>
                    <a:pt x="9144" y="252"/>
                    <a:pt x="9647" y="816"/>
                    <a:pt x="9667" y="1737"/>
                  </a:cubicBezTo>
                  <a:cubicBezTo>
                    <a:pt x="9667" y="2093"/>
                    <a:pt x="9647" y="2428"/>
                    <a:pt x="9521" y="2783"/>
                  </a:cubicBezTo>
                  <a:cubicBezTo>
                    <a:pt x="9416" y="2993"/>
                    <a:pt x="9458" y="3202"/>
                    <a:pt x="9626" y="3348"/>
                  </a:cubicBezTo>
                  <a:cubicBezTo>
                    <a:pt x="9772" y="3516"/>
                    <a:pt x="10044" y="3516"/>
                    <a:pt x="10274" y="3348"/>
                  </a:cubicBezTo>
                  <a:cubicBezTo>
                    <a:pt x="10483" y="3202"/>
                    <a:pt x="10693" y="3034"/>
                    <a:pt x="10923" y="2888"/>
                  </a:cubicBezTo>
                  <a:cubicBezTo>
                    <a:pt x="12220" y="2072"/>
                    <a:pt x="13517" y="1988"/>
                    <a:pt x="14794" y="2888"/>
                  </a:cubicBezTo>
                  <a:cubicBezTo>
                    <a:pt x="15380" y="3265"/>
                    <a:pt x="15945" y="3683"/>
                    <a:pt x="16405" y="4269"/>
                  </a:cubicBezTo>
                  <a:cubicBezTo>
                    <a:pt x="16635" y="4562"/>
                    <a:pt x="16844" y="4897"/>
                    <a:pt x="16886" y="5294"/>
                  </a:cubicBezTo>
                  <a:cubicBezTo>
                    <a:pt x="16949" y="5629"/>
                    <a:pt x="16865" y="5943"/>
                    <a:pt x="16614" y="6152"/>
                  </a:cubicBezTo>
                  <a:cubicBezTo>
                    <a:pt x="16405" y="6298"/>
                    <a:pt x="16196" y="6487"/>
                    <a:pt x="15945" y="6633"/>
                  </a:cubicBezTo>
                  <a:cubicBezTo>
                    <a:pt x="15505" y="6780"/>
                    <a:pt x="15003" y="7010"/>
                    <a:pt x="14459" y="7261"/>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896" name="Google Shape;896;p49"/>
            <p:cNvSpPr/>
            <p:nvPr/>
          </p:nvSpPr>
          <p:spPr>
            <a:xfrm>
              <a:off x="622013" y="907250"/>
              <a:ext cx="475525" cy="287725"/>
            </a:xfrm>
            <a:custGeom>
              <a:avLst/>
              <a:gdLst/>
              <a:ahLst/>
              <a:cxnLst/>
              <a:rect l="l" t="t" r="r" b="b"/>
              <a:pathLst>
                <a:path w="19021" h="11509" extrusionOk="0">
                  <a:moveTo>
                    <a:pt x="16865" y="8684"/>
                  </a:moveTo>
                  <a:cubicBezTo>
                    <a:pt x="16928" y="8810"/>
                    <a:pt x="16949" y="8914"/>
                    <a:pt x="16970" y="9019"/>
                  </a:cubicBezTo>
                  <a:cubicBezTo>
                    <a:pt x="17179" y="9646"/>
                    <a:pt x="16928" y="10170"/>
                    <a:pt x="16426" y="10483"/>
                  </a:cubicBezTo>
                  <a:cubicBezTo>
                    <a:pt x="15652" y="10986"/>
                    <a:pt x="14752" y="11341"/>
                    <a:pt x="13790" y="11404"/>
                  </a:cubicBezTo>
                  <a:cubicBezTo>
                    <a:pt x="12346" y="11509"/>
                    <a:pt x="11111" y="11132"/>
                    <a:pt x="10044" y="10149"/>
                  </a:cubicBezTo>
                  <a:cubicBezTo>
                    <a:pt x="10002" y="10086"/>
                    <a:pt x="9919" y="10044"/>
                    <a:pt x="9793" y="9960"/>
                  </a:cubicBezTo>
                  <a:cubicBezTo>
                    <a:pt x="9270" y="10232"/>
                    <a:pt x="8705" y="10483"/>
                    <a:pt x="8161" y="10755"/>
                  </a:cubicBezTo>
                  <a:cubicBezTo>
                    <a:pt x="7952" y="10860"/>
                    <a:pt x="7722" y="10965"/>
                    <a:pt x="7512" y="10965"/>
                  </a:cubicBezTo>
                  <a:cubicBezTo>
                    <a:pt x="6487" y="10986"/>
                    <a:pt x="5441" y="11027"/>
                    <a:pt x="4416" y="11006"/>
                  </a:cubicBezTo>
                  <a:cubicBezTo>
                    <a:pt x="3621" y="10986"/>
                    <a:pt x="2993" y="10567"/>
                    <a:pt x="2491" y="9918"/>
                  </a:cubicBezTo>
                  <a:cubicBezTo>
                    <a:pt x="2282" y="9646"/>
                    <a:pt x="2177" y="9354"/>
                    <a:pt x="2177" y="9019"/>
                  </a:cubicBezTo>
                  <a:cubicBezTo>
                    <a:pt x="2177" y="8307"/>
                    <a:pt x="2156" y="7617"/>
                    <a:pt x="2491" y="6905"/>
                  </a:cubicBezTo>
                  <a:cubicBezTo>
                    <a:pt x="2282" y="6801"/>
                    <a:pt x="2093" y="6717"/>
                    <a:pt x="1947" y="6633"/>
                  </a:cubicBezTo>
                  <a:cubicBezTo>
                    <a:pt x="1486" y="6403"/>
                    <a:pt x="1026" y="6194"/>
                    <a:pt x="629" y="5901"/>
                  </a:cubicBezTo>
                  <a:cubicBezTo>
                    <a:pt x="64" y="5483"/>
                    <a:pt x="1" y="4708"/>
                    <a:pt x="524" y="4206"/>
                  </a:cubicBezTo>
                  <a:cubicBezTo>
                    <a:pt x="1152" y="3600"/>
                    <a:pt x="1884" y="3160"/>
                    <a:pt x="2805" y="3139"/>
                  </a:cubicBezTo>
                  <a:cubicBezTo>
                    <a:pt x="3223" y="3139"/>
                    <a:pt x="3621" y="3160"/>
                    <a:pt x="4039" y="3160"/>
                  </a:cubicBezTo>
                  <a:lnTo>
                    <a:pt x="4771" y="3160"/>
                  </a:lnTo>
                  <a:cubicBezTo>
                    <a:pt x="4813" y="2135"/>
                    <a:pt x="5462" y="1507"/>
                    <a:pt x="6152" y="921"/>
                  </a:cubicBezTo>
                  <a:cubicBezTo>
                    <a:pt x="6822" y="315"/>
                    <a:pt x="7659" y="1"/>
                    <a:pt x="8580" y="1"/>
                  </a:cubicBezTo>
                  <a:lnTo>
                    <a:pt x="9375" y="1"/>
                  </a:lnTo>
                  <a:cubicBezTo>
                    <a:pt x="10672" y="43"/>
                    <a:pt x="11572" y="859"/>
                    <a:pt x="11739" y="2135"/>
                  </a:cubicBezTo>
                  <a:cubicBezTo>
                    <a:pt x="11781" y="2281"/>
                    <a:pt x="11802" y="2407"/>
                    <a:pt x="11844" y="2616"/>
                  </a:cubicBezTo>
                  <a:cubicBezTo>
                    <a:pt x="12053" y="2532"/>
                    <a:pt x="12220" y="2491"/>
                    <a:pt x="12367" y="2428"/>
                  </a:cubicBezTo>
                  <a:cubicBezTo>
                    <a:pt x="13162" y="2114"/>
                    <a:pt x="13978" y="2093"/>
                    <a:pt x="14815" y="2198"/>
                  </a:cubicBezTo>
                  <a:cubicBezTo>
                    <a:pt x="15066" y="2219"/>
                    <a:pt x="15338" y="2323"/>
                    <a:pt x="15568" y="2449"/>
                  </a:cubicBezTo>
                  <a:cubicBezTo>
                    <a:pt x="16531" y="2930"/>
                    <a:pt x="17367" y="3558"/>
                    <a:pt x="18079" y="4374"/>
                  </a:cubicBezTo>
                  <a:cubicBezTo>
                    <a:pt x="18539" y="4897"/>
                    <a:pt x="18895" y="5524"/>
                    <a:pt x="18958" y="6257"/>
                  </a:cubicBezTo>
                  <a:cubicBezTo>
                    <a:pt x="19020" y="6822"/>
                    <a:pt x="18853" y="7324"/>
                    <a:pt x="18414" y="7659"/>
                  </a:cubicBezTo>
                  <a:cubicBezTo>
                    <a:pt x="18016" y="7973"/>
                    <a:pt x="17577" y="8203"/>
                    <a:pt x="17158" y="8496"/>
                  </a:cubicBezTo>
                  <a:cubicBezTo>
                    <a:pt x="17116" y="8558"/>
                    <a:pt x="17012" y="8600"/>
                    <a:pt x="16865" y="8684"/>
                  </a:cubicBezTo>
                  <a:close/>
                  <a:moveTo>
                    <a:pt x="15589" y="8140"/>
                  </a:moveTo>
                  <a:cubicBezTo>
                    <a:pt x="16133" y="7868"/>
                    <a:pt x="16635" y="7659"/>
                    <a:pt x="17137" y="7408"/>
                  </a:cubicBezTo>
                  <a:cubicBezTo>
                    <a:pt x="17367" y="7261"/>
                    <a:pt x="17577" y="7115"/>
                    <a:pt x="17786" y="6926"/>
                  </a:cubicBezTo>
                  <a:cubicBezTo>
                    <a:pt x="18058" y="6696"/>
                    <a:pt x="18121" y="6403"/>
                    <a:pt x="18079" y="6069"/>
                  </a:cubicBezTo>
                  <a:cubicBezTo>
                    <a:pt x="17995" y="5671"/>
                    <a:pt x="17807" y="5357"/>
                    <a:pt x="17577" y="5043"/>
                  </a:cubicBezTo>
                  <a:cubicBezTo>
                    <a:pt x="17137" y="4499"/>
                    <a:pt x="16551" y="4081"/>
                    <a:pt x="15986" y="3662"/>
                  </a:cubicBezTo>
                  <a:cubicBezTo>
                    <a:pt x="14668" y="2763"/>
                    <a:pt x="13392" y="2867"/>
                    <a:pt x="12116" y="3662"/>
                  </a:cubicBezTo>
                  <a:cubicBezTo>
                    <a:pt x="11865" y="3788"/>
                    <a:pt x="11697" y="3976"/>
                    <a:pt x="11467" y="4123"/>
                  </a:cubicBezTo>
                  <a:cubicBezTo>
                    <a:pt x="11216" y="4290"/>
                    <a:pt x="10965" y="4290"/>
                    <a:pt x="10797" y="4123"/>
                  </a:cubicBezTo>
                  <a:cubicBezTo>
                    <a:pt x="10651" y="3976"/>
                    <a:pt x="10588" y="3767"/>
                    <a:pt x="10693" y="3558"/>
                  </a:cubicBezTo>
                  <a:cubicBezTo>
                    <a:pt x="10860" y="3202"/>
                    <a:pt x="10881" y="2867"/>
                    <a:pt x="10860" y="2511"/>
                  </a:cubicBezTo>
                  <a:cubicBezTo>
                    <a:pt x="10818" y="1591"/>
                    <a:pt x="10358" y="1026"/>
                    <a:pt x="9416" y="900"/>
                  </a:cubicBezTo>
                  <a:cubicBezTo>
                    <a:pt x="8056" y="754"/>
                    <a:pt x="6906" y="1172"/>
                    <a:pt x="6069" y="2260"/>
                  </a:cubicBezTo>
                  <a:cubicBezTo>
                    <a:pt x="5964" y="2407"/>
                    <a:pt x="5859" y="2553"/>
                    <a:pt x="5776" y="2721"/>
                  </a:cubicBezTo>
                  <a:cubicBezTo>
                    <a:pt x="5650" y="3035"/>
                    <a:pt x="5734" y="3265"/>
                    <a:pt x="6048" y="3516"/>
                  </a:cubicBezTo>
                  <a:cubicBezTo>
                    <a:pt x="6152" y="3600"/>
                    <a:pt x="6215" y="3725"/>
                    <a:pt x="6362" y="3892"/>
                  </a:cubicBezTo>
                  <a:cubicBezTo>
                    <a:pt x="6152" y="3997"/>
                    <a:pt x="5985" y="4102"/>
                    <a:pt x="5839" y="4123"/>
                  </a:cubicBezTo>
                  <a:cubicBezTo>
                    <a:pt x="5671" y="4144"/>
                    <a:pt x="5504" y="4102"/>
                    <a:pt x="5315" y="4081"/>
                  </a:cubicBezTo>
                  <a:cubicBezTo>
                    <a:pt x="4541" y="4018"/>
                    <a:pt x="3788" y="3934"/>
                    <a:pt x="3014" y="3934"/>
                  </a:cubicBezTo>
                  <a:cubicBezTo>
                    <a:pt x="2219" y="3934"/>
                    <a:pt x="1612" y="4311"/>
                    <a:pt x="1173" y="4939"/>
                  </a:cubicBezTo>
                  <a:cubicBezTo>
                    <a:pt x="1382" y="5315"/>
                    <a:pt x="1717" y="5441"/>
                    <a:pt x="2072" y="5566"/>
                  </a:cubicBezTo>
                  <a:cubicBezTo>
                    <a:pt x="2344" y="5692"/>
                    <a:pt x="2700" y="5755"/>
                    <a:pt x="3014" y="5797"/>
                  </a:cubicBezTo>
                  <a:cubicBezTo>
                    <a:pt x="3349" y="5859"/>
                    <a:pt x="3683" y="5755"/>
                    <a:pt x="4102" y="5880"/>
                  </a:cubicBezTo>
                  <a:cubicBezTo>
                    <a:pt x="3976" y="6089"/>
                    <a:pt x="3893" y="6215"/>
                    <a:pt x="3788" y="6382"/>
                  </a:cubicBezTo>
                  <a:cubicBezTo>
                    <a:pt x="3683" y="6571"/>
                    <a:pt x="3558" y="6717"/>
                    <a:pt x="3495" y="6926"/>
                  </a:cubicBezTo>
                  <a:cubicBezTo>
                    <a:pt x="3349" y="7638"/>
                    <a:pt x="3328" y="8349"/>
                    <a:pt x="3453" y="9019"/>
                  </a:cubicBezTo>
                  <a:cubicBezTo>
                    <a:pt x="3558" y="9500"/>
                    <a:pt x="3872" y="9814"/>
                    <a:pt x="4332" y="9877"/>
                  </a:cubicBezTo>
                  <a:cubicBezTo>
                    <a:pt x="4960" y="9960"/>
                    <a:pt x="5629" y="10065"/>
                    <a:pt x="6278" y="10023"/>
                  </a:cubicBezTo>
                  <a:cubicBezTo>
                    <a:pt x="7722" y="9877"/>
                    <a:pt x="9082" y="9542"/>
                    <a:pt x="9730" y="7993"/>
                  </a:cubicBezTo>
                  <a:cubicBezTo>
                    <a:pt x="9772" y="7889"/>
                    <a:pt x="9940" y="7784"/>
                    <a:pt x="10065" y="7763"/>
                  </a:cubicBezTo>
                  <a:cubicBezTo>
                    <a:pt x="10274" y="7742"/>
                    <a:pt x="10400" y="7931"/>
                    <a:pt x="10442" y="8077"/>
                  </a:cubicBezTo>
                  <a:cubicBezTo>
                    <a:pt x="10484" y="8391"/>
                    <a:pt x="10484" y="8705"/>
                    <a:pt x="10484" y="9019"/>
                  </a:cubicBezTo>
                  <a:cubicBezTo>
                    <a:pt x="11551" y="10128"/>
                    <a:pt x="12178" y="10400"/>
                    <a:pt x="13622" y="10337"/>
                  </a:cubicBezTo>
                  <a:cubicBezTo>
                    <a:pt x="14313" y="10295"/>
                    <a:pt x="14961" y="10190"/>
                    <a:pt x="15631" y="10086"/>
                  </a:cubicBezTo>
                  <a:cubicBezTo>
                    <a:pt x="15798" y="10065"/>
                    <a:pt x="15924" y="9939"/>
                    <a:pt x="16049" y="9856"/>
                  </a:cubicBezTo>
                  <a:cubicBezTo>
                    <a:pt x="16133" y="9291"/>
                    <a:pt x="15714" y="8768"/>
                    <a:pt x="15589" y="814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69" name="Google Shape;891;p49">
            <a:extLst>
              <a:ext uri="{FF2B5EF4-FFF2-40B4-BE49-F238E27FC236}">
                <a16:creationId xmlns:a16="http://schemas.microsoft.com/office/drawing/2014/main" id="{900BA4D5-06DC-4C0A-B1AB-A370ADAD01E6}"/>
              </a:ext>
            </a:extLst>
          </p:cNvPr>
          <p:cNvGrpSpPr/>
          <p:nvPr/>
        </p:nvGrpSpPr>
        <p:grpSpPr>
          <a:xfrm>
            <a:off x="8341666" y="105346"/>
            <a:ext cx="720341" cy="432735"/>
            <a:chOff x="4137713" y="525925"/>
            <a:chExt cx="608900" cy="407500"/>
          </a:xfrm>
        </p:grpSpPr>
        <p:sp>
          <p:nvSpPr>
            <p:cNvPr id="70" name="Google Shape;892;p49">
              <a:extLst>
                <a:ext uri="{FF2B5EF4-FFF2-40B4-BE49-F238E27FC236}">
                  <a16:creationId xmlns:a16="http://schemas.microsoft.com/office/drawing/2014/main" id="{8C04F993-AB2D-4441-BFEF-1B2CCE0A64BC}"/>
                </a:ext>
              </a:extLst>
            </p:cNvPr>
            <p:cNvSpPr/>
            <p:nvPr/>
          </p:nvSpPr>
          <p:spPr>
            <a:xfrm>
              <a:off x="4168063" y="559925"/>
              <a:ext cx="556575" cy="353625"/>
            </a:xfrm>
            <a:custGeom>
              <a:avLst/>
              <a:gdLst/>
              <a:ahLst/>
              <a:cxnLst/>
              <a:rect l="l" t="t" r="r" b="b"/>
              <a:pathLst>
                <a:path w="22263" h="14145" extrusionOk="0">
                  <a:moveTo>
                    <a:pt x="8913" y="11257"/>
                  </a:moveTo>
                  <a:cubicBezTo>
                    <a:pt x="8495" y="11069"/>
                    <a:pt x="8160" y="11195"/>
                    <a:pt x="7825" y="11487"/>
                  </a:cubicBezTo>
                  <a:cubicBezTo>
                    <a:pt x="7302" y="11948"/>
                    <a:pt x="6696" y="12345"/>
                    <a:pt x="6110" y="12764"/>
                  </a:cubicBezTo>
                  <a:cubicBezTo>
                    <a:pt x="5670" y="13078"/>
                    <a:pt x="5147" y="13161"/>
                    <a:pt x="4603" y="13057"/>
                  </a:cubicBezTo>
                  <a:cubicBezTo>
                    <a:pt x="4101" y="12952"/>
                    <a:pt x="3599" y="12889"/>
                    <a:pt x="3118" y="12827"/>
                  </a:cubicBezTo>
                  <a:cubicBezTo>
                    <a:pt x="2825" y="12764"/>
                    <a:pt x="2678" y="12638"/>
                    <a:pt x="2657" y="12345"/>
                  </a:cubicBezTo>
                  <a:cubicBezTo>
                    <a:pt x="2657" y="12136"/>
                    <a:pt x="2615" y="11927"/>
                    <a:pt x="2678" y="11739"/>
                  </a:cubicBezTo>
                  <a:cubicBezTo>
                    <a:pt x="3013" y="10881"/>
                    <a:pt x="3139" y="9960"/>
                    <a:pt x="3724" y="9228"/>
                  </a:cubicBezTo>
                  <a:cubicBezTo>
                    <a:pt x="3829" y="9102"/>
                    <a:pt x="3913" y="8956"/>
                    <a:pt x="3996" y="8788"/>
                  </a:cubicBezTo>
                  <a:lnTo>
                    <a:pt x="3996" y="8684"/>
                  </a:lnTo>
                  <a:cubicBezTo>
                    <a:pt x="3913" y="8663"/>
                    <a:pt x="3829" y="8600"/>
                    <a:pt x="3766" y="8642"/>
                  </a:cubicBezTo>
                  <a:cubicBezTo>
                    <a:pt x="3578" y="8705"/>
                    <a:pt x="3369" y="8767"/>
                    <a:pt x="3201" y="8893"/>
                  </a:cubicBezTo>
                  <a:cubicBezTo>
                    <a:pt x="2762" y="9270"/>
                    <a:pt x="2323" y="9270"/>
                    <a:pt x="1799" y="9165"/>
                  </a:cubicBezTo>
                  <a:cubicBezTo>
                    <a:pt x="1193" y="9018"/>
                    <a:pt x="670" y="8809"/>
                    <a:pt x="251" y="8349"/>
                  </a:cubicBezTo>
                  <a:cubicBezTo>
                    <a:pt x="126" y="8182"/>
                    <a:pt x="63" y="7972"/>
                    <a:pt x="21" y="7805"/>
                  </a:cubicBezTo>
                  <a:cubicBezTo>
                    <a:pt x="0" y="7638"/>
                    <a:pt x="0" y="7449"/>
                    <a:pt x="21" y="7282"/>
                  </a:cubicBezTo>
                  <a:cubicBezTo>
                    <a:pt x="84" y="6591"/>
                    <a:pt x="356" y="5985"/>
                    <a:pt x="983" y="5671"/>
                  </a:cubicBezTo>
                  <a:cubicBezTo>
                    <a:pt x="1465" y="5441"/>
                    <a:pt x="2511" y="5566"/>
                    <a:pt x="3013" y="6236"/>
                  </a:cubicBezTo>
                  <a:cubicBezTo>
                    <a:pt x="3055" y="6298"/>
                    <a:pt x="3118" y="6403"/>
                    <a:pt x="3160" y="6403"/>
                  </a:cubicBezTo>
                  <a:cubicBezTo>
                    <a:pt x="3264" y="6445"/>
                    <a:pt x="3390" y="6403"/>
                    <a:pt x="3452" y="6361"/>
                  </a:cubicBezTo>
                  <a:cubicBezTo>
                    <a:pt x="3536" y="6277"/>
                    <a:pt x="3536" y="6152"/>
                    <a:pt x="3536" y="6026"/>
                  </a:cubicBezTo>
                  <a:cubicBezTo>
                    <a:pt x="3557" y="5566"/>
                    <a:pt x="3536" y="5127"/>
                    <a:pt x="3557" y="4687"/>
                  </a:cubicBezTo>
                  <a:cubicBezTo>
                    <a:pt x="3662" y="2951"/>
                    <a:pt x="4415" y="1591"/>
                    <a:pt x="5754" y="523"/>
                  </a:cubicBezTo>
                  <a:cubicBezTo>
                    <a:pt x="6193" y="168"/>
                    <a:pt x="6717" y="0"/>
                    <a:pt x="7323" y="0"/>
                  </a:cubicBezTo>
                  <a:cubicBezTo>
                    <a:pt x="8558" y="0"/>
                    <a:pt x="9520" y="900"/>
                    <a:pt x="9541" y="2156"/>
                  </a:cubicBezTo>
                  <a:lnTo>
                    <a:pt x="9541" y="3118"/>
                  </a:lnTo>
                  <a:cubicBezTo>
                    <a:pt x="9541" y="3327"/>
                    <a:pt x="9625" y="3536"/>
                    <a:pt x="9834" y="3620"/>
                  </a:cubicBezTo>
                  <a:cubicBezTo>
                    <a:pt x="10043" y="3725"/>
                    <a:pt x="10274" y="3620"/>
                    <a:pt x="10441" y="3390"/>
                  </a:cubicBezTo>
                  <a:cubicBezTo>
                    <a:pt x="10504" y="3285"/>
                    <a:pt x="10546" y="3181"/>
                    <a:pt x="10608" y="3097"/>
                  </a:cubicBezTo>
                  <a:cubicBezTo>
                    <a:pt x="10818" y="2804"/>
                    <a:pt x="11090" y="2532"/>
                    <a:pt x="11424" y="2428"/>
                  </a:cubicBezTo>
                  <a:cubicBezTo>
                    <a:pt x="12387" y="2156"/>
                    <a:pt x="13328" y="2176"/>
                    <a:pt x="14228" y="2783"/>
                  </a:cubicBezTo>
                  <a:cubicBezTo>
                    <a:pt x="14751" y="3139"/>
                    <a:pt x="15044" y="3641"/>
                    <a:pt x="15044" y="4269"/>
                  </a:cubicBezTo>
                  <a:lnTo>
                    <a:pt x="15044" y="5336"/>
                  </a:lnTo>
                  <a:cubicBezTo>
                    <a:pt x="15065" y="5775"/>
                    <a:pt x="15295" y="5964"/>
                    <a:pt x="15735" y="5943"/>
                  </a:cubicBezTo>
                  <a:cubicBezTo>
                    <a:pt x="15923" y="5922"/>
                    <a:pt x="16090" y="5880"/>
                    <a:pt x="16258" y="5817"/>
                  </a:cubicBezTo>
                  <a:cubicBezTo>
                    <a:pt x="16990" y="5545"/>
                    <a:pt x="17785" y="5503"/>
                    <a:pt x="18538" y="5587"/>
                  </a:cubicBezTo>
                  <a:cubicBezTo>
                    <a:pt x="19898" y="5754"/>
                    <a:pt x="21007" y="6424"/>
                    <a:pt x="21761" y="7554"/>
                  </a:cubicBezTo>
                  <a:cubicBezTo>
                    <a:pt x="22263" y="8286"/>
                    <a:pt x="22179" y="9186"/>
                    <a:pt x="21593" y="9855"/>
                  </a:cubicBezTo>
                  <a:cubicBezTo>
                    <a:pt x="20714" y="10943"/>
                    <a:pt x="19543" y="11508"/>
                    <a:pt x="18204" y="11780"/>
                  </a:cubicBezTo>
                  <a:cubicBezTo>
                    <a:pt x="17932" y="11822"/>
                    <a:pt x="17680" y="11843"/>
                    <a:pt x="17408" y="11906"/>
                  </a:cubicBezTo>
                  <a:cubicBezTo>
                    <a:pt x="16718" y="12052"/>
                    <a:pt x="16237" y="11801"/>
                    <a:pt x="15881" y="11195"/>
                  </a:cubicBezTo>
                  <a:cubicBezTo>
                    <a:pt x="15588" y="10734"/>
                    <a:pt x="15149" y="10755"/>
                    <a:pt x="14835" y="11195"/>
                  </a:cubicBezTo>
                  <a:cubicBezTo>
                    <a:pt x="14542" y="11634"/>
                    <a:pt x="14228" y="12052"/>
                    <a:pt x="13914" y="12513"/>
                  </a:cubicBezTo>
                  <a:cubicBezTo>
                    <a:pt x="13642" y="12889"/>
                    <a:pt x="13266" y="13182"/>
                    <a:pt x="12889" y="13475"/>
                  </a:cubicBezTo>
                  <a:cubicBezTo>
                    <a:pt x="12073" y="14145"/>
                    <a:pt x="10755" y="13915"/>
                    <a:pt x="10127" y="13308"/>
                  </a:cubicBezTo>
                  <a:cubicBezTo>
                    <a:pt x="9562" y="12764"/>
                    <a:pt x="9123" y="12094"/>
                    <a:pt x="8913" y="11257"/>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71" name="Google Shape;893;p49">
              <a:extLst>
                <a:ext uri="{FF2B5EF4-FFF2-40B4-BE49-F238E27FC236}">
                  <a16:creationId xmlns:a16="http://schemas.microsoft.com/office/drawing/2014/main" id="{D50C1B93-F036-4CDA-A666-5CA16D1072F8}"/>
                </a:ext>
              </a:extLst>
            </p:cNvPr>
            <p:cNvSpPr/>
            <p:nvPr/>
          </p:nvSpPr>
          <p:spPr>
            <a:xfrm>
              <a:off x="4137713" y="525925"/>
              <a:ext cx="608900" cy="407500"/>
            </a:xfrm>
            <a:custGeom>
              <a:avLst/>
              <a:gdLst/>
              <a:ahLst/>
              <a:cxnLst/>
              <a:rect l="l" t="t" r="r" b="b"/>
              <a:pathLst>
                <a:path w="24356" h="16300" extrusionOk="0">
                  <a:moveTo>
                    <a:pt x="3976" y="6194"/>
                  </a:moveTo>
                  <a:cubicBezTo>
                    <a:pt x="3913" y="4896"/>
                    <a:pt x="4353" y="3788"/>
                    <a:pt x="5001" y="2741"/>
                  </a:cubicBezTo>
                  <a:cubicBezTo>
                    <a:pt x="5336" y="2218"/>
                    <a:pt x="5713" y="1737"/>
                    <a:pt x="6215" y="1360"/>
                  </a:cubicBezTo>
                  <a:cubicBezTo>
                    <a:pt x="6529" y="1130"/>
                    <a:pt x="6884" y="858"/>
                    <a:pt x="7261" y="712"/>
                  </a:cubicBezTo>
                  <a:cubicBezTo>
                    <a:pt x="9081" y="0"/>
                    <a:pt x="10567" y="544"/>
                    <a:pt x="11488" y="2281"/>
                  </a:cubicBezTo>
                  <a:cubicBezTo>
                    <a:pt x="11613" y="2511"/>
                    <a:pt x="11697" y="2741"/>
                    <a:pt x="11780" y="2992"/>
                  </a:cubicBezTo>
                  <a:cubicBezTo>
                    <a:pt x="11864" y="3013"/>
                    <a:pt x="11927" y="3034"/>
                    <a:pt x="11969" y="3013"/>
                  </a:cubicBezTo>
                  <a:cubicBezTo>
                    <a:pt x="12806" y="2574"/>
                    <a:pt x="13685" y="2616"/>
                    <a:pt x="14542" y="2720"/>
                  </a:cubicBezTo>
                  <a:cubicBezTo>
                    <a:pt x="15944" y="2888"/>
                    <a:pt x="17032" y="3997"/>
                    <a:pt x="17221" y="5378"/>
                  </a:cubicBezTo>
                  <a:cubicBezTo>
                    <a:pt x="17242" y="5629"/>
                    <a:pt x="17262" y="5838"/>
                    <a:pt x="17304" y="6089"/>
                  </a:cubicBezTo>
                  <a:cubicBezTo>
                    <a:pt x="17723" y="6047"/>
                    <a:pt x="18099" y="5985"/>
                    <a:pt x="18476" y="5943"/>
                  </a:cubicBezTo>
                  <a:cubicBezTo>
                    <a:pt x="20464" y="5692"/>
                    <a:pt x="22117" y="6424"/>
                    <a:pt x="23435" y="7868"/>
                  </a:cubicBezTo>
                  <a:cubicBezTo>
                    <a:pt x="24230" y="8746"/>
                    <a:pt x="24356" y="9751"/>
                    <a:pt x="24125" y="10860"/>
                  </a:cubicBezTo>
                  <a:cubicBezTo>
                    <a:pt x="24042" y="11215"/>
                    <a:pt x="23812" y="11529"/>
                    <a:pt x="23581" y="11843"/>
                  </a:cubicBezTo>
                  <a:cubicBezTo>
                    <a:pt x="22786" y="12889"/>
                    <a:pt x="21719" y="13559"/>
                    <a:pt x="20464" y="13935"/>
                  </a:cubicBezTo>
                  <a:cubicBezTo>
                    <a:pt x="19941" y="14103"/>
                    <a:pt x="19418" y="14354"/>
                    <a:pt x="18832" y="14354"/>
                  </a:cubicBezTo>
                  <a:cubicBezTo>
                    <a:pt x="18204" y="14354"/>
                    <a:pt x="17618" y="14249"/>
                    <a:pt x="17095" y="13894"/>
                  </a:cubicBezTo>
                  <a:cubicBezTo>
                    <a:pt x="16949" y="13789"/>
                    <a:pt x="16802" y="13705"/>
                    <a:pt x="16614" y="13601"/>
                  </a:cubicBezTo>
                  <a:cubicBezTo>
                    <a:pt x="16321" y="13998"/>
                    <a:pt x="15840" y="14145"/>
                    <a:pt x="15756" y="14710"/>
                  </a:cubicBezTo>
                  <a:cubicBezTo>
                    <a:pt x="15756" y="14814"/>
                    <a:pt x="15589" y="14877"/>
                    <a:pt x="15526" y="14961"/>
                  </a:cubicBezTo>
                  <a:cubicBezTo>
                    <a:pt x="15317" y="15107"/>
                    <a:pt x="15107" y="15275"/>
                    <a:pt x="14898" y="15463"/>
                  </a:cubicBezTo>
                  <a:cubicBezTo>
                    <a:pt x="14082" y="16216"/>
                    <a:pt x="13120" y="16300"/>
                    <a:pt x="12073" y="16112"/>
                  </a:cubicBezTo>
                  <a:cubicBezTo>
                    <a:pt x="11718" y="16070"/>
                    <a:pt x="11383" y="15881"/>
                    <a:pt x="11090" y="15714"/>
                  </a:cubicBezTo>
                  <a:cubicBezTo>
                    <a:pt x="10567" y="15400"/>
                    <a:pt x="10211" y="14961"/>
                    <a:pt x="9876" y="14459"/>
                  </a:cubicBezTo>
                  <a:cubicBezTo>
                    <a:pt x="9709" y="14249"/>
                    <a:pt x="9583" y="14019"/>
                    <a:pt x="9416" y="13768"/>
                  </a:cubicBezTo>
                  <a:cubicBezTo>
                    <a:pt x="9270" y="13873"/>
                    <a:pt x="9102" y="13935"/>
                    <a:pt x="8977" y="14040"/>
                  </a:cubicBezTo>
                  <a:cubicBezTo>
                    <a:pt x="8726" y="14228"/>
                    <a:pt x="8454" y="14438"/>
                    <a:pt x="8203" y="14626"/>
                  </a:cubicBezTo>
                  <a:cubicBezTo>
                    <a:pt x="6738" y="15693"/>
                    <a:pt x="5169" y="15588"/>
                    <a:pt x="3599" y="14940"/>
                  </a:cubicBezTo>
                  <a:cubicBezTo>
                    <a:pt x="3390" y="14856"/>
                    <a:pt x="3181" y="14689"/>
                    <a:pt x="2993" y="14563"/>
                  </a:cubicBezTo>
                  <a:cubicBezTo>
                    <a:pt x="2721" y="14354"/>
                    <a:pt x="2595" y="14061"/>
                    <a:pt x="2595" y="13726"/>
                  </a:cubicBezTo>
                  <a:cubicBezTo>
                    <a:pt x="2595" y="13119"/>
                    <a:pt x="2595" y="12555"/>
                    <a:pt x="2888" y="12011"/>
                  </a:cubicBezTo>
                  <a:cubicBezTo>
                    <a:pt x="2909" y="11927"/>
                    <a:pt x="2930" y="11843"/>
                    <a:pt x="2972" y="11718"/>
                  </a:cubicBezTo>
                  <a:cubicBezTo>
                    <a:pt x="2762" y="11487"/>
                    <a:pt x="2449" y="11508"/>
                    <a:pt x="2177" y="11425"/>
                  </a:cubicBezTo>
                  <a:cubicBezTo>
                    <a:pt x="1570" y="11215"/>
                    <a:pt x="1047" y="10902"/>
                    <a:pt x="628" y="10441"/>
                  </a:cubicBezTo>
                  <a:cubicBezTo>
                    <a:pt x="398" y="10190"/>
                    <a:pt x="252" y="9918"/>
                    <a:pt x="189" y="9562"/>
                  </a:cubicBezTo>
                  <a:cubicBezTo>
                    <a:pt x="0" y="8474"/>
                    <a:pt x="210" y="7449"/>
                    <a:pt x="1026" y="6612"/>
                  </a:cubicBezTo>
                  <a:cubicBezTo>
                    <a:pt x="1402" y="6215"/>
                    <a:pt x="1821" y="5985"/>
                    <a:pt x="2365" y="6047"/>
                  </a:cubicBezTo>
                  <a:cubicBezTo>
                    <a:pt x="2888" y="6089"/>
                    <a:pt x="3369" y="6152"/>
                    <a:pt x="3976" y="6194"/>
                  </a:cubicBezTo>
                  <a:close/>
                  <a:moveTo>
                    <a:pt x="10127" y="12617"/>
                  </a:moveTo>
                  <a:cubicBezTo>
                    <a:pt x="10316" y="13454"/>
                    <a:pt x="10755" y="14124"/>
                    <a:pt x="11383" y="14668"/>
                  </a:cubicBezTo>
                  <a:cubicBezTo>
                    <a:pt x="12011" y="15275"/>
                    <a:pt x="13350" y="15484"/>
                    <a:pt x="14166" y="14835"/>
                  </a:cubicBezTo>
                  <a:cubicBezTo>
                    <a:pt x="14521" y="14542"/>
                    <a:pt x="14877" y="14249"/>
                    <a:pt x="15170" y="13873"/>
                  </a:cubicBezTo>
                  <a:cubicBezTo>
                    <a:pt x="15463" y="13412"/>
                    <a:pt x="15777" y="12994"/>
                    <a:pt x="16091" y="12555"/>
                  </a:cubicBezTo>
                  <a:cubicBezTo>
                    <a:pt x="16405" y="12094"/>
                    <a:pt x="16844" y="12094"/>
                    <a:pt x="17137" y="12555"/>
                  </a:cubicBezTo>
                  <a:cubicBezTo>
                    <a:pt x="17493" y="13161"/>
                    <a:pt x="17974" y="13412"/>
                    <a:pt x="18685" y="13266"/>
                  </a:cubicBezTo>
                  <a:cubicBezTo>
                    <a:pt x="18936" y="13203"/>
                    <a:pt x="19208" y="13182"/>
                    <a:pt x="19459" y="13140"/>
                  </a:cubicBezTo>
                  <a:cubicBezTo>
                    <a:pt x="20799" y="12847"/>
                    <a:pt x="21970" y="12303"/>
                    <a:pt x="22870" y="11215"/>
                  </a:cubicBezTo>
                  <a:cubicBezTo>
                    <a:pt x="23435" y="10546"/>
                    <a:pt x="23519" y="9646"/>
                    <a:pt x="23016" y="8914"/>
                  </a:cubicBezTo>
                  <a:cubicBezTo>
                    <a:pt x="22242" y="7784"/>
                    <a:pt x="21133" y="7135"/>
                    <a:pt x="19815" y="6947"/>
                  </a:cubicBezTo>
                  <a:cubicBezTo>
                    <a:pt x="19041" y="6842"/>
                    <a:pt x="18267" y="6905"/>
                    <a:pt x="17534" y="7177"/>
                  </a:cubicBezTo>
                  <a:cubicBezTo>
                    <a:pt x="17367" y="7219"/>
                    <a:pt x="17200" y="7282"/>
                    <a:pt x="17011" y="7303"/>
                  </a:cubicBezTo>
                  <a:cubicBezTo>
                    <a:pt x="16593" y="7345"/>
                    <a:pt x="16321" y="7135"/>
                    <a:pt x="16300" y="6696"/>
                  </a:cubicBezTo>
                  <a:cubicBezTo>
                    <a:pt x="16279" y="6361"/>
                    <a:pt x="16300" y="5985"/>
                    <a:pt x="16300" y="5629"/>
                  </a:cubicBezTo>
                  <a:cubicBezTo>
                    <a:pt x="16300" y="5001"/>
                    <a:pt x="16007" y="4499"/>
                    <a:pt x="15484" y="4143"/>
                  </a:cubicBezTo>
                  <a:cubicBezTo>
                    <a:pt x="14626" y="3536"/>
                    <a:pt x="13685" y="3516"/>
                    <a:pt x="12680" y="3788"/>
                  </a:cubicBezTo>
                  <a:cubicBezTo>
                    <a:pt x="12345" y="3892"/>
                    <a:pt x="12094" y="4164"/>
                    <a:pt x="11885" y="4457"/>
                  </a:cubicBezTo>
                  <a:cubicBezTo>
                    <a:pt x="11801" y="4562"/>
                    <a:pt x="11780" y="4666"/>
                    <a:pt x="11697" y="4750"/>
                  </a:cubicBezTo>
                  <a:cubicBezTo>
                    <a:pt x="11529" y="5001"/>
                    <a:pt x="11299" y="5064"/>
                    <a:pt x="11090" y="4980"/>
                  </a:cubicBezTo>
                  <a:cubicBezTo>
                    <a:pt x="10881" y="4896"/>
                    <a:pt x="10797" y="4687"/>
                    <a:pt x="10797" y="4478"/>
                  </a:cubicBezTo>
                  <a:cubicBezTo>
                    <a:pt x="10797" y="4164"/>
                    <a:pt x="10839" y="3808"/>
                    <a:pt x="10797" y="3516"/>
                  </a:cubicBezTo>
                  <a:cubicBezTo>
                    <a:pt x="10755" y="2281"/>
                    <a:pt x="9814" y="1360"/>
                    <a:pt x="8579" y="1360"/>
                  </a:cubicBezTo>
                  <a:cubicBezTo>
                    <a:pt x="8014" y="1360"/>
                    <a:pt x="7491" y="1549"/>
                    <a:pt x="7010" y="1883"/>
                  </a:cubicBezTo>
                  <a:cubicBezTo>
                    <a:pt x="5671" y="2951"/>
                    <a:pt x="4897" y="4311"/>
                    <a:pt x="4813" y="6047"/>
                  </a:cubicBezTo>
                  <a:cubicBezTo>
                    <a:pt x="4792" y="6487"/>
                    <a:pt x="4792" y="6926"/>
                    <a:pt x="4792" y="7386"/>
                  </a:cubicBezTo>
                  <a:cubicBezTo>
                    <a:pt x="4792" y="7491"/>
                    <a:pt x="4771" y="7637"/>
                    <a:pt x="4708" y="7721"/>
                  </a:cubicBezTo>
                  <a:cubicBezTo>
                    <a:pt x="4666" y="7763"/>
                    <a:pt x="4499" y="7805"/>
                    <a:pt x="4415" y="7763"/>
                  </a:cubicBezTo>
                  <a:cubicBezTo>
                    <a:pt x="4374" y="7742"/>
                    <a:pt x="4311" y="7637"/>
                    <a:pt x="4269" y="7596"/>
                  </a:cubicBezTo>
                  <a:cubicBezTo>
                    <a:pt x="3767" y="6926"/>
                    <a:pt x="2721" y="6801"/>
                    <a:pt x="2260" y="7031"/>
                  </a:cubicBezTo>
                  <a:cubicBezTo>
                    <a:pt x="1633" y="7345"/>
                    <a:pt x="1361" y="7951"/>
                    <a:pt x="1277" y="8642"/>
                  </a:cubicBezTo>
                  <a:cubicBezTo>
                    <a:pt x="1256" y="8809"/>
                    <a:pt x="1256" y="8998"/>
                    <a:pt x="1277" y="9165"/>
                  </a:cubicBezTo>
                  <a:cubicBezTo>
                    <a:pt x="1340" y="9332"/>
                    <a:pt x="1381" y="9583"/>
                    <a:pt x="1528" y="9709"/>
                  </a:cubicBezTo>
                  <a:cubicBezTo>
                    <a:pt x="1905" y="10169"/>
                    <a:pt x="2469" y="10378"/>
                    <a:pt x="3055" y="10525"/>
                  </a:cubicBezTo>
                  <a:cubicBezTo>
                    <a:pt x="3578" y="10630"/>
                    <a:pt x="4060" y="10630"/>
                    <a:pt x="4478" y="10253"/>
                  </a:cubicBezTo>
                  <a:cubicBezTo>
                    <a:pt x="4625" y="10127"/>
                    <a:pt x="4834" y="10065"/>
                    <a:pt x="5022" y="10002"/>
                  </a:cubicBezTo>
                  <a:cubicBezTo>
                    <a:pt x="5106" y="9960"/>
                    <a:pt x="5190" y="10023"/>
                    <a:pt x="5252" y="10044"/>
                  </a:cubicBezTo>
                  <a:cubicBezTo>
                    <a:pt x="5252" y="10106"/>
                    <a:pt x="5294" y="10127"/>
                    <a:pt x="5252" y="10148"/>
                  </a:cubicBezTo>
                  <a:cubicBezTo>
                    <a:pt x="5190" y="10316"/>
                    <a:pt x="5106" y="10462"/>
                    <a:pt x="5001" y="10588"/>
                  </a:cubicBezTo>
                  <a:cubicBezTo>
                    <a:pt x="4415" y="11320"/>
                    <a:pt x="4269" y="12241"/>
                    <a:pt x="3955" y="13099"/>
                  </a:cubicBezTo>
                  <a:cubicBezTo>
                    <a:pt x="3871" y="13287"/>
                    <a:pt x="3934" y="13517"/>
                    <a:pt x="3934" y="13705"/>
                  </a:cubicBezTo>
                  <a:cubicBezTo>
                    <a:pt x="3955" y="13998"/>
                    <a:pt x="4081" y="14124"/>
                    <a:pt x="4374" y="14187"/>
                  </a:cubicBezTo>
                  <a:cubicBezTo>
                    <a:pt x="4876" y="14249"/>
                    <a:pt x="5357" y="14312"/>
                    <a:pt x="5859" y="14417"/>
                  </a:cubicBezTo>
                  <a:cubicBezTo>
                    <a:pt x="6403" y="14521"/>
                    <a:pt x="6926" y="14438"/>
                    <a:pt x="7387" y="14124"/>
                  </a:cubicBezTo>
                  <a:cubicBezTo>
                    <a:pt x="7951" y="13726"/>
                    <a:pt x="8558" y="13308"/>
                    <a:pt x="9081" y="12847"/>
                  </a:cubicBezTo>
                  <a:cubicBezTo>
                    <a:pt x="9395" y="12555"/>
                    <a:pt x="9709" y="12429"/>
                    <a:pt x="10127" y="1261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pic>
        <p:nvPicPr>
          <p:cNvPr id="3" name="Hình ảnh 2" descr="Ảnh có chứa thiết kế đồ họa, Đồ họa, hình mẫu, ảnh chụp màn hình&#10;&#10;Mô tả được tạo tự động">
            <a:extLst>
              <a:ext uri="{FF2B5EF4-FFF2-40B4-BE49-F238E27FC236}">
                <a16:creationId xmlns:a16="http://schemas.microsoft.com/office/drawing/2014/main" id="{52EF3C42-8D2D-129B-7209-2F803006F2A1}"/>
              </a:ext>
            </a:extLst>
          </p:cNvPr>
          <p:cNvPicPr>
            <a:picLocks noChangeAspect="1"/>
          </p:cNvPicPr>
          <p:nvPr/>
        </p:nvPicPr>
        <p:blipFill rotWithShape="1">
          <a:blip r:embed="rId4"/>
          <a:srcRect t="6019" b="29248"/>
          <a:stretch/>
        </p:blipFill>
        <p:spPr>
          <a:xfrm>
            <a:off x="1066337" y="1680448"/>
            <a:ext cx="9167476" cy="4226744"/>
          </a:xfrm>
          <a:prstGeom prst="rect">
            <a:avLst/>
          </a:prstGeom>
        </p:spPr>
      </p:pic>
      <p:sp>
        <p:nvSpPr>
          <p:cNvPr id="6" name="Hộp Văn bản 5">
            <a:extLst>
              <a:ext uri="{FF2B5EF4-FFF2-40B4-BE49-F238E27FC236}">
                <a16:creationId xmlns:a16="http://schemas.microsoft.com/office/drawing/2014/main" id="{1638D125-DCD1-CAF8-9F18-BE82D19E7466}"/>
              </a:ext>
            </a:extLst>
          </p:cNvPr>
          <p:cNvSpPr txBox="1"/>
          <p:nvPr/>
        </p:nvSpPr>
        <p:spPr>
          <a:xfrm>
            <a:off x="3044737" y="314910"/>
            <a:ext cx="4494745" cy="1569660"/>
          </a:xfrm>
          <a:prstGeom prst="rect">
            <a:avLst/>
          </a:prstGeom>
          <a:noFill/>
        </p:spPr>
        <p:txBody>
          <a:bodyPr wrap="square" rtlCol="0">
            <a:spAutoFit/>
          </a:bodyPr>
          <a:lstStyle/>
          <a:p>
            <a:pPr algn="ctr"/>
            <a:r>
              <a:rPr lang="vi-VN" sz="4800" b="1">
                <a:solidFill>
                  <a:srgbClr val="FF0000"/>
                </a:solidFill>
                <a:latin typeface="+mj-lt"/>
              </a:rPr>
              <a:t>TRÒ CHƠI MẢNH GHÉP</a:t>
            </a:r>
            <a:endParaRPr lang="en-US" sz="4800" b="1">
              <a:solidFill>
                <a:srgbClr val="FF0000"/>
              </a:solidFill>
              <a:latin typeface="Alasassy Caps" panose="020F0502020204030204" pitchFamily="2" charset="0"/>
            </a:endParaRPr>
          </a:p>
        </p:txBody>
      </p:sp>
    </p:spTree>
    <p:custDataLst>
      <p:tags r:id="rId1"/>
    </p:custDataLst>
    <p:extLst>
      <p:ext uri="{BB962C8B-B14F-4D97-AF65-F5344CB8AC3E}">
        <p14:creationId xmlns:p14="http://schemas.microsoft.com/office/powerpoint/2010/main" val="1546680065"/>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mph" presetSubtype="0" fill="hold" nodeType="afterEffect">
                                  <p:stCondLst>
                                    <p:cond delay="0"/>
                                  </p:stCondLst>
                                  <p:childTnLst>
                                    <p:animScale>
                                      <p:cBhvr>
                                        <p:cTn id="6" dur="1250" fill="hold"/>
                                        <p:tgtEl>
                                          <p:spTgt spid="849"/>
                                        </p:tgtEl>
                                      </p:cBhvr>
                                      <p:by x="150000" y="150000"/>
                                    </p:animScale>
                                  </p:childTnLst>
                                </p:cTn>
                              </p:par>
                            </p:childTnLst>
                          </p:cTn>
                        </p:par>
                        <p:par>
                          <p:cTn id="7" fill="hold">
                            <p:stCondLst>
                              <p:cond delay="1250"/>
                            </p:stCondLst>
                            <p:childTnLst>
                              <p:par>
                                <p:cTn id="8" presetID="6" presetClass="emph" presetSubtype="0" fill="hold" nodeType="afterEffect">
                                  <p:stCondLst>
                                    <p:cond delay="0"/>
                                  </p:stCondLst>
                                  <p:childTnLst>
                                    <p:animScale>
                                      <p:cBhvr>
                                        <p:cTn id="9" dur="1250" fill="hold"/>
                                        <p:tgtEl>
                                          <p:spTgt spid="853"/>
                                        </p:tgtEl>
                                      </p:cBhvr>
                                      <p:by x="150000" y="15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847"/>
        <p:cNvGrpSpPr/>
        <p:nvPr/>
      </p:nvGrpSpPr>
      <p:grpSpPr>
        <a:xfrm>
          <a:off x="0" y="0"/>
          <a:ext cx="0" cy="0"/>
          <a:chOff x="0" y="0"/>
          <a:chExt cx="0" cy="0"/>
        </a:xfrm>
      </p:grpSpPr>
      <p:grpSp>
        <p:nvGrpSpPr>
          <p:cNvPr id="849" name="Google Shape;849;p49"/>
          <p:cNvGrpSpPr/>
          <p:nvPr/>
        </p:nvGrpSpPr>
        <p:grpSpPr>
          <a:xfrm rot="-6123802">
            <a:off x="277156" y="89534"/>
            <a:ext cx="1068247" cy="1196196"/>
            <a:chOff x="1835200" y="3337050"/>
            <a:chExt cx="279350" cy="312825"/>
          </a:xfrm>
        </p:grpSpPr>
        <p:sp>
          <p:nvSpPr>
            <p:cNvPr id="850" name="Google Shape;850;p49"/>
            <p:cNvSpPr/>
            <p:nvPr/>
          </p:nvSpPr>
          <p:spPr>
            <a:xfrm>
              <a:off x="1835200" y="3337050"/>
              <a:ext cx="64900" cy="154325"/>
            </a:xfrm>
            <a:custGeom>
              <a:avLst/>
              <a:gdLst/>
              <a:ahLst/>
              <a:cxnLst/>
              <a:rect l="l" t="t" r="r" b="b"/>
              <a:pathLst>
                <a:path w="2596" h="6173" extrusionOk="0">
                  <a:moveTo>
                    <a:pt x="2595" y="795"/>
                  </a:moveTo>
                  <a:cubicBezTo>
                    <a:pt x="2574" y="942"/>
                    <a:pt x="2511" y="1172"/>
                    <a:pt x="2449" y="1381"/>
                  </a:cubicBezTo>
                  <a:lnTo>
                    <a:pt x="1967" y="3034"/>
                  </a:lnTo>
                  <a:cubicBezTo>
                    <a:pt x="1779" y="3599"/>
                    <a:pt x="1549" y="4143"/>
                    <a:pt x="1361" y="4729"/>
                  </a:cubicBezTo>
                  <a:cubicBezTo>
                    <a:pt x="1277" y="4959"/>
                    <a:pt x="1214" y="5189"/>
                    <a:pt x="1130" y="5461"/>
                  </a:cubicBezTo>
                  <a:cubicBezTo>
                    <a:pt x="1110" y="5566"/>
                    <a:pt x="1089" y="5691"/>
                    <a:pt x="1047" y="5796"/>
                  </a:cubicBezTo>
                  <a:cubicBezTo>
                    <a:pt x="963" y="6005"/>
                    <a:pt x="838" y="6131"/>
                    <a:pt x="607" y="6173"/>
                  </a:cubicBezTo>
                  <a:cubicBezTo>
                    <a:pt x="398" y="6173"/>
                    <a:pt x="231" y="6068"/>
                    <a:pt x="168" y="5859"/>
                  </a:cubicBezTo>
                  <a:cubicBezTo>
                    <a:pt x="63" y="5545"/>
                    <a:pt x="1" y="5252"/>
                    <a:pt x="105" y="4938"/>
                  </a:cubicBezTo>
                  <a:cubicBezTo>
                    <a:pt x="168" y="4771"/>
                    <a:pt x="252" y="4624"/>
                    <a:pt x="314" y="4457"/>
                  </a:cubicBezTo>
                  <a:cubicBezTo>
                    <a:pt x="628" y="3871"/>
                    <a:pt x="838" y="3201"/>
                    <a:pt x="1026" y="2532"/>
                  </a:cubicBezTo>
                  <a:cubicBezTo>
                    <a:pt x="1193" y="2030"/>
                    <a:pt x="1361" y="1569"/>
                    <a:pt x="1528" y="1088"/>
                  </a:cubicBezTo>
                  <a:cubicBezTo>
                    <a:pt x="1612" y="858"/>
                    <a:pt x="1654" y="586"/>
                    <a:pt x="1737" y="356"/>
                  </a:cubicBezTo>
                  <a:cubicBezTo>
                    <a:pt x="1821" y="147"/>
                    <a:pt x="1988" y="0"/>
                    <a:pt x="2177" y="21"/>
                  </a:cubicBezTo>
                  <a:cubicBezTo>
                    <a:pt x="2386" y="63"/>
                    <a:pt x="2511" y="230"/>
                    <a:pt x="2532" y="440"/>
                  </a:cubicBezTo>
                  <a:cubicBezTo>
                    <a:pt x="2532" y="460"/>
                    <a:pt x="2574" y="586"/>
                    <a:pt x="2595" y="79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1" name="Google Shape;851;p49"/>
            <p:cNvSpPr/>
            <p:nvPr/>
          </p:nvSpPr>
          <p:spPr>
            <a:xfrm>
              <a:off x="1948725" y="3612700"/>
              <a:ext cx="165825" cy="37175"/>
            </a:xfrm>
            <a:custGeom>
              <a:avLst/>
              <a:gdLst/>
              <a:ahLst/>
              <a:cxnLst/>
              <a:rect l="l" t="t" r="r" b="b"/>
              <a:pathLst>
                <a:path w="6633" h="1487" extrusionOk="0">
                  <a:moveTo>
                    <a:pt x="2260" y="1466"/>
                  </a:moveTo>
                  <a:cubicBezTo>
                    <a:pt x="1653" y="1382"/>
                    <a:pt x="1088" y="1340"/>
                    <a:pt x="481" y="1256"/>
                  </a:cubicBezTo>
                  <a:cubicBezTo>
                    <a:pt x="377" y="1235"/>
                    <a:pt x="272" y="1214"/>
                    <a:pt x="167" y="1152"/>
                  </a:cubicBezTo>
                  <a:cubicBezTo>
                    <a:pt x="21" y="1068"/>
                    <a:pt x="0" y="817"/>
                    <a:pt x="146" y="733"/>
                  </a:cubicBezTo>
                  <a:cubicBezTo>
                    <a:pt x="272" y="649"/>
                    <a:pt x="398" y="608"/>
                    <a:pt x="544" y="587"/>
                  </a:cubicBezTo>
                  <a:cubicBezTo>
                    <a:pt x="1109" y="524"/>
                    <a:pt x="1653" y="440"/>
                    <a:pt x="2239" y="419"/>
                  </a:cubicBezTo>
                  <a:cubicBezTo>
                    <a:pt x="2846" y="398"/>
                    <a:pt x="3411" y="398"/>
                    <a:pt x="4017" y="273"/>
                  </a:cubicBezTo>
                  <a:cubicBezTo>
                    <a:pt x="4582" y="126"/>
                    <a:pt x="5189" y="85"/>
                    <a:pt x="5796" y="22"/>
                  </a:cubicBezTo>
                  <a:cubicBezTo>
                    <a:pt x="5984" y="1"/>
                    <a:pt x="6193" y="64"/>
                    <a:pt x="6361" y="105"/>
                  </a:cubicBezTo>
                  <a:cubicBezTo>
                    <a:pt x="6612" y="189"/>
                    <a:pt x="6633" y="524"/>
                    <a:pt x="6445" y="691"/>
                  </a:cubicBezTo>
                  <a:cubicBezTo>
                    <a:pt x="6361" y="754"/>
                    <a:pt x="6277" y="817"/>
                    <a:pt x="6152" y="859"/>
                  </a:cubicBezTo>
                  <a:cubicBezTo>
                    <a:pt x="5900" y="942"/>
                    <a:pt x="5608" y="1068"/>
                    <a:pt x="5356" y="1110"/>
                  </a:cubicBezTo>
                  <a:cubicBezTo>
                    <a:pt x="4310" y="1173"/>
                    <a:pt x="3306" y="1486"/>
                    <a:pt x="2260" y="146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2" name="Google Shape;852;p49"/>
            <p:cNvSpPr/>
            <p:nvPr/>
          </p:nvSpPr>
          <p:spPr>
            <a:xfrm>
              <a:off x="1926750" y="3445325"/>
              <a:ext cx="122425" cy="81100"/>
            </a:xfrm>
            <a:custGeom>
              <a:avLst/>
              <a:gdLst/>
              <a:ahLst/>
              <a:cxnLst/>
              <a:rect l="l" t="t" r="r" b="b"/>
              <a:pathLst>
                <a:path w="4897" h="3244" extrusionOk="0">
                  <a:moveTo>
                    <a:pt x="4373" y="0"/>
                  </a:moveTo>
                  <a:cubicBezTo>
                    <a:pt x="4415" y="21"/>
                    <a:pt x="4562" y="63"/>
                    <a:pt x="4624" y="84"/>
                  </a:cubicBezTo>
                  <a:cubicBezTo>
                    <a:pt x="4855" y="189"/>
                    <a:pt x="4896" y="502"/>
                    <a:pt x="4729" y="649"/>
                  </a:cubicBezTo>
                  <a:cubicBezTo>
                    <a:pt x="4708" y="712"/>
                    <a:pt x="4666" y="733"/>
                    <a:pt x="4603" y="754"/>
                  </a:cubicBezTo>
                  <a:cubicBezTo>
                    <a:pt x="3515" y="1528"/>
                    <a:pt x="2427" y="2302"/>
                    <a:pt x="1235" y="2909"/>
                  </a:cubicBezTo>
                  <a:cubicBezTo>
                    <a:pt x="1005" y="3013"/>
                    <a:pt x="753" y="3118"/>
                    <a:pt x="523" y="3202"/>
                  </a:cubicBezTo>
                  <a:cubicBezTo>
                    <a:pt x="356" y="3243"/>
                    <a:pt x="168" y="3202"/>
                    <a:pt x="84" y="3034"/>
                  </a:cubicBezTo>
                  <a:cubicBezTo>
                    <a:pt x="42" y="2909"/>
                    <a:pt x="0" y="2699"/>
                    <a:pt x="63" y="2574"/>
                  </a:cubicBezTo>
                  <a:cubicBezTo>
                    <a:pt x="147" y="2407"/>
                    <a:pt x="314" y="2260"/>
                    <a:pt x="481" y="2176"/>
                  </a:cubicBezTo>
                  <a:cubicBezTo>
                    <a:pt x="942" y="1883"/>
                    <a:pt x="1465" y="1632"/>
                    <a:pt x="1946" y="1298"/>
                  </a:cubicBezTo>
                  <a:cubicBezTo>
                    <a:pt x="2406" y="1026"/>
                    <a:pt x="2867" y="733"/>
                    <a:pt x="3306" y="419"/>
                  </a:cubicBezTo>
                  <a:cubicBezTo>
                    <a:pt x="3641" y="210"/>
                    <a:pt x="3955" y="21"/>
                    <a:pt x="4373" y="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53" name="Google Shape;853;p49"/>
          <p:cNvGrpSpPr/>
          <p:nvPr/>
        </p:nvGrpSpPr>
        <p:grpSpPr>
          <a:xfrm rot="2964127">
            <a:off x="9680767" y="1115767"/>
            <a:ext cx="1068254" cy="1196197"/>
            <a:chOff x="1835200" y="3337050"/>
            <a:chExt cx="279350" cy="312825"/>
          </a:xfrm>
        </p:grpSpPr>
        <p:sp>
          <p:nvSpPr>
            <p:cNvPr id="854" name="Google Shape;854;p49"/>
            <p:cNvSpPr/>
            <p:nvPr/>
          </p:nvSpPr>
          <p:spPr>
            <a:xfrm>
              <a:off x="1835200" y="3337050"/>
              <a:ext cx="64900" cy="154325"/>
            </a:xfrm>
            <a:custGeom>
              <a:avLst/>
              <a:gdLst/>
              <a:ahLst/>
              <a:cxnLst/>
              <a:rect l="l" t="t" r="r" b="b"/>
              <a:pathLst>
                <a:path w="2596" h="6173" extrusionOk="0">
                  <a:moveTo>
                    <a:pt x="2595" y="795"/>
                  </a:moveTo>
                  <a:cubicBezTo>
                    <a:pt x="2574" y="942"/>
                    <a:pt x="2511" y="1172"/>
                    <a:pt x="2449" y="1381"/>
                  </a:cubicBezTo>
                  <a:lnTo>
                    <a:pt x="1967" y="3034"/>
                  </a:lnTo>
                  <a:cubicBezTo>
                    <a:pt x="1779" y="3599"/>
                    <a:pt x="1549" y="4143"/>
                    <a:pt x="1361" y="4729"/>
                  </a:cubicBezTo>
                  <a:cubicBezTo>
                    <a:pt x="1277" y="4959"/>
                    <a:pt x="1214" y="5189"/>
                    <a:pt x="1130" y="5461"/>
                  </a:cubicBezTo>
                  <a:cubicBezTo>
                    <a:pt x="1110" y="5566"/>
                    <a:pt x="1089" y="5691"/>
                    <a:pt x="1047" y="5796"/>
                  </a:cubicBezTo>
                  <a:cubicBezTo>
                    <a:pt x="963" y="6005"/>
                    <a:pt x="838" y="6131"/>
                    <a:pt x="607" y="6173"/>
                  </a:cubicBezTo>
                  <a:cubicBezTo>
                    <a:pt x="398" y="6173"/>
                    <a:pt x="231" y="6068"/>
                    <a:pt x="168" y="5859"/>
                  </a:cubicBezTo>
                  <a:cubicBezTo>
                    <a:pt x="63" y="5545"/>
                    <a:pt x="1" y="5252"/>
                    <a:pt x="105" y="4938"/>
                  </a:cubicBezTo>
                  <a:cubicBezTo>
                    <a:pt x="168" y="4771"/>
                    <a:pt x="252" y="4624"/>
                    <a:pt x="314" y="4457"/>
                  </a:cubicBezTo>
                  <a:cubicBezTo>
                    <a:pt x="628" y="3871"/>
                    <a:pt x="838" y="3201"/>
                    <a:pt x="1026" y="2532"/>
                  </a:cubicBezTo>
                  <a:cubicBezTo>
                    <a:pt x="1193" y="2030"/>
                    <a:pt x="1361" y="1569"/>
                    <a:pt x="1528" y="1088"/>
                  </a:cubicBezTo>
                  <a:cubicBezTo>
                    <a:pt x="1612" y="858"/>
                    <a:pt x="1654" y="586"/>
                    <a:pt x="1737" y="356"/>
                  </a:cubicBezTo>
                  <a:cubicBezTo>
                    <a:pt x="1821" y="147"/>
                    <a:pt x="1988" y="0"/>
                    <a:pt x="2177" y="21"/>
                  </a:cubicBezTo>
                  <a:cubicBezTo>
                    <a:pt x="2386" y="63"/>
                    <a:pt x="2511" y="230"/>
                    <a:pt x="2532" y="440"/>
                  </a:cubicBezTo>
                  <a:cubicBezTo>
                    <a:pt x="2532" y="460"/>
                    <a:pt x="2574" y="586"/>
                    <a:pt x="2595" y="79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5" name="Google Shape;855;p49"/>
            <p:cNvSpPr/>
            <p:nvPr/>
          </p:nvSpPr>
          <p:spPr>
            <a:xfrm>
              <a:off x="1948725" y="3612700"/>
              <a:ext cx="165825" cy="37175"/>
            </a:xfrm>
            <a:custGeom>
              <a:avLst/>
              <a:gdLst/>
              <a:ahLst/>
              <a:cxnLst/>
              <a:rect l="l" t="t" r="r" b="b"/>
              <a:pathLst>
                <a:path w="6633" h="1487" extrusionOk="0">
                  <a:moveTo>
                    <a:pt x="2260" y="1466"/>
                  </a:moveTo>
                  <a:cubicBezTo>
                    <a:pt x="1653" y="1382"/>
                    <a:pt x="1088" y="1340"/>
                    <a:pt x="481" y="1256"/>
                  </a:cubicBezTo>
                  <a:cubicBezTo>
                    <a:pt x="377" y="1235"/>
                    <a:pt x="272" y="1214"/>
                    <a:pt x="167" y="1152"/>
                  </a:cubicBezTo>
                  <a:cubicBezTo>
                    <a:pt x="21" y="1068"/>
                    <a:pt x="0" y="817"/>
                    <a:pt x="146" y="733"/>
                  </a:cubicBezTo>
                  <a:cubicBezTo>
                    <a:pt x="272" y="649"/>
                    <a:pt x="398" y="608"/>
                    <a:pt x="544" y="587"/>
                  </a:cubicBezTo>
                  <a:cubicBezTo>
                    <a:pt x="1109" y="524"/>
                    <a:pt x="1653" y="440"/>
                    <a:pt x="2239" y="419"/>
                  </a:cubicBezTo>
                  <a:cubicBezTo>
                    <a:pt x="2846" y="398"/>
                    <a:pt x="3411" y="398"/>
                    <a:pt x="4017" y="273"/>
                  </a:cubicBezTo>
                  <a:cubicBezTo>
                    <a:pt x="4582" y="126"/>
                    <a:pt x="5189" y="85"/>
                    <a:pt x="5796" y="22"/>
                  </a:cubicBezTo>
                  <a:cubicBezTo>
                    <a:pt x="5984" y="1"/>
                    <a:pt x="6193" y="64"/>
                    <a:pt x="6361" y="105"/>
                  </a:cubicBezTo>
                  <a:cubicBezTo>
                    <a:pt x="6612" y="189"/>
                    <a:pt x="6633" y="524"/>
                    <a:pt x="6445" y="691"/>
                  </a:cubicBezTo>
                  <a:cubicBezTo>
                    <a:pt x="6361" y="754"/>
                    <a:pt x="6277" y="817"/>
                    <a:pt x="6152" y="859"/>
                  </a:cubicBezTo>
                  <a:cubicBezTo>
                    <a:pt x="5900" y="942"/>
                    <a:pt x="5608" y="1068"/>
                    <a:pt x="5356" y="1110"/>
                  </a:cubicBezTo>
                  <a:cubicBezTo>
                    <a:pt x="4310" y="1173"/>
                    <a:pt x="3306" y="1486"/>
                    <a:pt x="2260" y="146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6" name="Google Shape;856;p49"/>
            <p:cNvSpPr/>
            <p:nvPr/>
          </p:nvSpPr>
          <p:spPr>
            <a:xfrm>
              <a:off x="1926750" y="3445325"/>
              <a:ext cx="122425" cy="81100"/>
            </a:xfrm>
            <a:custGeom>
              <a:avLst/>
              <a:gdLst/>
              <a:ahLst/>
              <a:cxnLst/>
              <a:rect l="l" t="t" r="r" b="b"/>
              <a:pathLst>
                <a:path w="4897" h="3244" extrusionOk="0">
                  <a:moveTo>
                    <a:pt x="4373" y="0"/>
                  </a:moveTo>
                  <a:cubicBezTo>
                    <a:pt x="4415" y="21"/>
                    <a:pt x="4562" y="63"/>
                    <a:pt x="4624" y="84"/>
                  </a:cubicBezTo>
                  <a:cubicBezTo>
                    <a:pt x="4855" y="189"/>
                    <a:pt x="4896" y="502"/>
                    <a:pt x="4729" y="649"/>
                  </a:cubicBezTo>
                  <a:cubicBezTo>
                    <a:pt x="4708" y="712"/>
                    <a:pt x="4666" y="733"/>
                    <a:pt x="4603" y="754"/>
                  </a:cubicBezTo>
                  <a:cubicBezTo>
                    <a:pt x="3515" y="1528"/>
                    <a:pt x="2427" y="2302"/>
                    <a:pt x="1235" y="2909"/>
                  </a:cubicBezTo>
                  <a:cubicBezTo>
                    <a:pt x="1005" y="3013"/>
                    <a:pt x="753" y="3118"/>
                    <a:pt x="523" y="3202"/>
                  </a:cubicBezTo>
                  <a:cubicBezTo>
                    <a:pt x="356" y="3243"/>
                    <a:pt x="168" y="3202"/>
                    <a:pt x="84" y="3034"/>
                  </a:cubicBezTo>
                  <a:cubicBezTo>
                    <a:pt x="42" y="2909"/>
                    <a:pt x="0" y="2699"/>
                    <a:pt x="63" y="2574"/>
                  </a:cubicBezTo>
                  <a:cubicBezTo>
                    <a:pt x="147" y="2407"/>
                    <a:pt x="314" y="2260"/>
                    <a:pt x="481" y="2176"/>
                  </a:cubicBezTo>
                  <a:cubicBezTo>
                    <a:pt x="942" y="1883"/>
                    <a:pt x="1465" y="1632"/>
                    <a:pt x="1946" y="1298"/>
                  </a:cubicBezTo>
                  <a:cubicBezTo>
                    <a:pt x="2406" y="1026"/>
                    <a:pt x="2867" y="733"/>
                    <a:pt x="3306" y="419"/>
                  </a:cubicBezTo>
                  <a:cubicBezTo>
                    <a:pt x="3641" y="210"/>
                    <a:pt x="3955" y="21"/>
                    <a:pt x="4373" y="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91" name="Google Shape;891;p49"/>
          <p:cNvGrpSpPr/>
          <p:nvPr/>
        </p:nvGrpSpPr>
        <p:grpSpPr>
          <a:xfrm>
            <a:off x="70862" y="-102479"/>
            <a:ext cx="608900" cy="407500"/>
            <a:chOff x="4137713" y="525925"/>
            <a:chExt cx="608900" cy="407500"/>
          </a:xfrm>
        </p:grpSpPr>
        <p:sp>
          <p:nvSpPr>
            <p:cNvPr id="892" name="Google Shape;892;p49"/>
            <p:cNvSpPr/>
            <p:nvPr/>
          </p:nvSpPr>
          <p:spPr>
            <a:xfrm>
              <a:off x="4168063" y="559925"/>
              <a:ext cx="556575" cy="353625"/>
            </a:xfrm>
            <a:custGeom>
              <a:avLst/>
              <a:gdLst/>
              <a:ahLst/>
              <a:cxnLst/>
              <a:rect l="l" t="t" r="r" b="b"/>
              <a:pathLst>
                <a:path w="22263" h="14145" extrusionOk="0">
                  <a:moveTo>
                    <a:pt x="8913" y="11257"/>
                  </a:moveTo>
                  <a:cubicBezTo>
                    <a:pt x="8495" y="11069"/>
                    <a:pt x="8160" y="11195"/>
                    <a:pt x="7825" y="11487"/>
                  </a:cubicBezTo>
                  <a:cubicBezTo>
                    <a:pt x="7302" y="11948"/>
                    <a:pt x="6696" y="12345"/>
                    <a:pt x="6110" y="12764"/>
                  </a:cubicBezTo>
                  <a:cubicBezTo>
                    <a:pt x="5670" y="13078"/>
                    <a:pt x="5147" y="13161"/>
                    <a:pt x="4603" y="13057"/>
                  </a:cubicBezTo>
                  <a:cubicBezTo>
                    <a:pt x="4101" y="12952"/>
                    <a:pt x="3599" y="12889"/>
                    <a:pt x="3118" y="12827"/>
                  </a:cubicBezTo>
                  <a:cubicBezTo>
                    <a:pt x="2825" y="12764"/>
                    <a:pt x="2678" y="12638"/>
                    <a:pt x="2657" y="12345"/>
                  </a:cubicBezTo>
                  <a:cubicBezTo>
                    <a:pt x="2657" y="12136"/>
                    <a:pt x="2615" y="11927"/>
                    <a:pt x="2678" y="11739"/>
                  </a:cubicBezTo>
                  <a:cubicBezTo>
                    <a:pt x="3013" y="10881"/>
                    <a:pt x="3139" y="9960"/>
                    <a:pt x="3724" y="9228"/>
                  </a:cubicBezTo>
                  <a:cubicBezTo>
                    <a:pt x="3829" y="9102"/>
                    <a:pt x="3913" y="8956"/>
                    <a:pt x="3996" y="8788"/>
                  </a:cubicBezTo>
                  <a:lnTo>
                    <a:pt x="3996" y="8684"/>
                  </a:lnTo>
                  <a:cubicBezTo>
                    <a:pt x="3913" y="8663"/>
                    <a:pt x="3829" y="8600"/>
                    <a:pt x="3766" y="8642"/>
                  </a:cubicBezTo>
                  <a:cubicBezTo>
                    <a:pt x="3578" y="8705"/>
                    <a:pt x="3369" y="8767"/>
                    <a:pt x="3201" y="8893"/>
                  </a:cubicBezTo>
                  <a:cubicBezTo>
                    <a:pt x="2762" y="9270"/>
                    <a:pt x="2323" y="9270"/>
                    <a:pt x="1799" y="9165"/>
                  </a:cubicBezTo>
                  <a:cubicBezTo>
                    <a:pt x="1193" y="9018"/>
                    <a:pt x="670" y="8809"/>
                    <a:pt x="251" y="8349"/>
                  </a:cubicBezTo>
                  <a:cubicBezTo>
                    <a:pt x="126" y="8182"/>
                    <a:pt x="63" y="7972"/>
                    <a:pt x="21" y="7805"/>
                  </a:cubicBezTo>
                  <a:cubicBezTo>
                    <a:pt x="0" y="7638"/>
                    <a:pt x="0" y="7449"/>
                    <a:pt x="21" y="7282"/>
                  </a:cubicBezTo>
                  <a:cubicBezTo>
                    <a:pt x="84" y="6591"/>
                    <a:pt x="356" y="5985"/>
                    <a:pt x="983" y="5671"/>
                  </a:cubicBezTo>
                  <a:cubicBezTo>
                    <a:pt x="1465" y="5441"/>
                    <a:pt x="2511" y="5566"/>
                    <a:pt x="3013" y="6236"/>
                  </a:cubicBezTo>
                  <a:cubicBezTo>
                    <a:pt x="3055" y="6298"/>
                    <a:pt x="3118" y="6403"/>
                    <a:pt x="3160" y="6403"/>
                  </a:cubicBezTo>
                  <a:cubicBezTo>
                    <a:pt x="3264" y="6445"/>
                    <a:pt x="3390" y="6403"/>
                    <a:pt x="3452" y="6361"/>
                  </a:cubicBezTo>
                  <a:cubicBezTo>
                    <a:pt x="3536" y="6277"/>
                    <a:pt x="3536" y="6152"/>
                    <a:pt x="3536" y="6026"/>
                  </a:cubicBezTo>
                  <a:cubicBezTo>
                    <a:pt x="3557" y="5566"/>
                    <a:pt x="3536" y="5127"/>
                    <a:pt x="3557" y="4687"/>
                  </a:cubicBezTo>
                  <a:cubicBezTo>
                    <a:pt x="3662" y="2951"/>
                    <a:pt x="4415" y="1591"/>
                    <a:pt x="5754" y="523"/>
                  </a:cubicBezTo>
                  <a:cubicBezTo>
                    <a:pt x="6193" y="168"/>
                    <a:pt x="6717" y="0"/>
                    <a:pt x="7323" y="0"/>
                  </a:cubicBezTo>
                  <a:cubicBezTo>
                    <a:pt x="8558" y="0"/>
                    <a:pt x="9520" y="900"/>
                    <a:pt x="9541" y="2156"/>
                  </a:cubicBezTo>
                  <a:lnTo>
                    <a:pt x="9541" y="3118"/>
                  </a:lnTo>
                  <a:cubicBezTo>
                    <a:pt x="9541" y="3327"/>
                    <a:pt x="9625" y="3536"/>
                    <a:pt x="9834" y="3620"/>
                  </a:cubicBezTo>
                  <a:cubicBezTo>
                    <a:pt x="10043" y="3725"/>
                    <a:pt x="10274" y="3620"/>
                    <a:pt x="10441" y="3390"/>
                  </a:cubicBezTo>
                  <a:cubicBezTo>
                    <a:pt x="10504" y="3285"/>
                    <a:pt x="10546" y="3181"/>
                    <a:pt x="10608" y="3097"/>
                  </a:cubicBezTo>
                  <a:cubicBezTo>
                    <a:pt x="10818" y="2804"/>
                    <a:pt x="11090" y="2532"/>
                    <a:pt x="11424" y="2428"/>
                  </a:cubicBezTo>
                  <a:cubicBezTo>
                    <a:pt x="12387" y="2156"/>
                    <a:pt x="13328" y="2176"/>
                    <a:pt x="14228" y="2783"/>
                  </a:cubicBezTo>
                  <a:cubicBezTo>
                    <a:pt x="14751" y="3139"/>
                    <a:pt x="15044" y="3641"/>
                    <a:pt x="15044" y="4269"/>
                  </a:cubicBezTo>
                  <a:lnTo>
                    <a:pt x="15044" y="5336"/>
                  </a:lnTo>
                  <a:cubicBezTo>
                    <a:pt x="15065" y="5775"/>
                    <a:pt x="15295" y="5964"/>
                    <a:pt x="15735" y="5943"/>
                  </a:cubicBezTo>
                  <a:cubicBezTo>
                    <a:pt x="15923" y="5922"/>
                    <a:pt x="16090" y="5880"/>
                    <a:pt x="16258" y="5817"/>
                  </a:cubicBezTo>
                  <a:cubicBezTo>
                    <a:pt x="16990" y="5545"/>
                    <a:pt x="17785" y="5503"/>
                    <a:pt x="18538" y="5587"/>
                  </a:cubicBezTo>
                  <a:cubicBezTo>
                    <a:pt x="19898" y="5754"/>
                    <a:pt x="21007" y="6424"/>
                    <a:pt x="21761" y="7554"/>
                  </a:cubicBezTo>
                  <a:cubicBezTo>
                    <a:pt x="22263" y="8286"/>
                    <a:pt x="22179" y="9186"/>
                    <a:pt x="21593" y="9855"/>
                  </a:cubicBezTo>
                  <a:cubicBezTo>
                    <a:pt x="20714" y="10943"/>
                    <a:pt x="19543" y="11508"/>
                    <a:pt x="18204" y="11780"/>
                  </a:cubicBezTo>
                  <a:cubicBezTo>
                    <a:pt x="17932" y="11822"/>
                    <a:pt x="17680" y="11843"/>
                    <a:pt x="17408" y="11906"/>
                  </a:cubicBezTo>
                  <a:cubicBezTo>
                    <a:pt x="16718" y="12052"/>
                    <a:pt x="16237" y="11801"/>
                    <a:pt x="15881" y="11195"/>
                  </a:cubicBezTo>
                  <a:cubicBezTo>
                    <a:pt x="15588" y="10734"/>
                    <a:pt x="15149" y="10755"/>
                    <a:pt x="14835" y="11195"/>
                  </a:cubicBezTo>
                  <a:cubicBezTo>
                    <a:pt x="14542" y="11634"/>
                    <a:pt x="14228" y="12052"/>
                    <a:pt x="13914" y="12513"/>
                  </a:cubicBezTo>
                  <a:cubicBezTo>
                    <a:pt x="13642" y="12889"/>
                    <a:pt x="13266" y="13182"/>
                    <a:pt x="12889" y="13475"/>
                  </a:cubicBezTo>
                  <a:cubicBezTo>
                    <a:pt x="12073" y="14145"/>
                    <a:pt x="10755" y="13915"/>
                    <a:pt x="10127" y="13308"/>
                  </a:cubicBezTo>
                  <a:cubicBezTo>
                    <a:pt x="9562" y="12764"/>
                    <a:pt x="9123" y="12094"/>
                    <a:pt x="8913" y="11257"/>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893" name="Google Shape;893;p49"/>
            <p:cNvSpPr/>
            <p:nvPr/>
          </p:nvSpPr>
          <p:spPr>
            <a:xfrm>
              <a:off x="4137713" y="525925"/>
              <a:ext cx="608900" cy="407500"/>
            </a:xfrm>
            <a:custGeom>
              <a:avLst/>
              <a:gdLst/>
              <a:ahLst/>
              <a:cxnLst/>
              <a:rect l="l" t="t" r="r" b="b"/>
              <a:pathLst>
                <a:path w="24356" h="16300" extrusionOk="0">
                  <a:moveTo>
                    <a:pt x="3976" y="6194"/>
                  </a:moveTo>
                  <a:cubicBezTo>
                    <a:pt x="3913" y="4896"/>
                    <a:pt x="4353" y="3788"/>
                    <a:pt x="5001" y="2741"/>
                  </a:cubicBezTo>
                  <a:cubicBezTo>
                    <a:pt x="5336" y="2218"/>
                    <a:pt x="5713" y="1737"/>
                    <a:pt x="6215" y="1360"/>
                  </a:cubicBezTo>
                  <a:cubicBezTo>
                    <a:pt x="6529" y="1130"/>
                    <a:pt x="6884" y="858"/>
                    <a:pt x="7261" y="712"/>
                  </a:cubicBezTo>
                  <a:cubicBezTo>
                    <a:pt x="9081" y="0"/>
                    <a:pt x="10567" y="544"/>
                    <a:pt x="11488" y="2281"/>
                  </a:cubicBezTo>
                  <a:cubicBezTo>
                    <a:pt x="11613" y="2511"/>
                    <a:pt x="11697" y="2741"/>
                    <a:pt x="11780" y="2992"/>
                  </a:cubicBezTo>
                  <a:cubicBezTo>
                    <a:pt x="11864" y="3013"/>
                    <a:pt x="11927" y="3034"/>
                    <a:pt x="11969" y="3013"/>
                  </a:cubicBezTo>
                  <a:cubicBezTo>
                    <a:pt x="12806" y="2574"/>
                    <a:pt x="13685" y="2616"/>
                    <a:pt x="14542" y="2720"/>
                  </a:cubicBezTo>
                  <a:cubicBezTo>
                    <a:pt x="15944" y="2888"/>
                    <a:pt x="17032" y="3997"/>
                    <a:pt x="17221" y="5378"/>
                  </a:cubicBezTo>
                  <a:cubicBezTo>
                    <a:pt x="17242" y="5629"/>
                    <a:pt x="17262" y="5838"/>
                    <a:pt x="17304" y="6089"/>
                  </a:cubicBezTo>
                  <a:cubicBezTo>
                    <a:pt x="17723" y="6047"/>
                    <a:pt x="18099" y="5985"/>
                    <a:pt x="18476" y="5943"/>
                  </a:cubicBezTo>
                  <a:cubicBezTo>
                    <a:pt x="20464" y="5692"/>
                    <a:pt x="22117" y="6424"/>
                    <a:pt x="23435" y="7868"/>
                  </a:cubicBezTo>
                  <a:cubicBezTo>
                    <a:pt x="24230" y="8746"/>
                    <a:pt x="24356" y="9751"/>
                    <a:pt x="24125" y="10860"/>
                  </a:cubicBezTo>
                  <a:cubicBezTo>
                    <a:pt x="24042" y="11215"/>
                    <a:pt x="23812" y="11529"/>
                    <a:pt x="23581" y="11843"/>
                  </a:cubicBezTo>
                  <a:cubicBezTo>
                    <a:pt x="22786" y="12889"/>
                    <a:pt x="21719" y="13559"/>
                    <a:pt x="20464" y="13935"/>
                  </a:cubicBezTo>
                  <a:cubicBezTo>
                    <a:pt x="19941" y="14103"/>
                    <a:pt x="19418" y="14354"/>
                    <a:pt x="18832" y="14354"/>
                  </a:cubicBezTo>
                  <a:cubicBezTo>
                    <a:pt x="18204" y="14354"/>
                    <a:pt x="17618" y="14249"/>
                    <a:pt x="17095" y="13894"/>
                  </a:cubicBezTo>
                  <a:cubicBezTo>
                    <a:pt x="16949" y="13789"/>
                    <a:pt x="16802" y="13705"/>
                    <a:pt x="16614" y="13601"/>
                  </a:cubicBezTo>
                  <a:cubicBezTo>
                    <a:pt x="16321" y="13998"/>
                    <a:pt x="15840" y="14145"/>
                    <a:pt x="15756" y="14710"/>
                  </a:cubicBezTo>
                  <a:cubicBezTo>
                    <a:pt x="15756" y="14814"/>
                    <a:pt x="15589" y="14877"/>
                    <a:pt x="15526" y="14961"/>
                  </a:cubicBezTo>
                  <a:cubicBezTo>
                    <a:pt x="15317" y="15107"/>
                    <a:pt x="15107" y="15275"/>
                    <a:pt x="14898" y="15463"/>
                  </a:cubicBezTo>
                  <a:cubicBezTo>
                    <a:pt x="14082" y="16216"/>
                    <a:pt x="13120" y="16300"/>
                    <a:pt x="12073" y="16112"/>
                  </a:cubicBezTo>
                  <a:cubicBezTo>
                    <a:pt x="11718" y="16070"/>
                    <a:pt x="11383" y="15881"/>
                    <a:pt x="11090" y="15714"/>
                  </a:cubicBezTo>
                  <a:cubicBezTo>
                    <a:pt x="10567" y="15400"/>
                    <a:pt x="10211" y="14961"/>
                    <a:pt x="9876" y="14459"/>
                  </a:cubicBezTo>
                  <a:cubicBezTo>
                    <a:pt x="9709" y="14249"/>
                    <a:pt x="9583" y="14019"/>
                    <a:pt x="9416" y="13768"/>
                  </a:cubicBezTo>
                  <a:cubicBezTo>
                    <a:pt x="9270" y="13873"/>
                    <a:pt x="9102" y="13935"/>
                    <a:pt x="8977" y="14040"/>
                  </a:cubicBezTo>
                  <a:cubicBezTo>
                    <a:pt x="8726" y="14228"/>
                    <a:pt x="8454" y="14438"/>
                    <a:pt x="8203" y="14626"/>
                  </a:cubicBezTo>
                  <a:cubicBezTo>
                    <a:pt x="6738" y="15693"/>
                    <a:pt x="5169" y="15588"/>
                    <a:pt x="3599" y="14940"/>
                  </a:cubicBezTo>
                  <a:cubicBezTo>
                    <a:pt x="3390" y="14856"/>
                    <a:pt x="3181" y="14689"/>
                    <a:pt x="2993" y="14563"/>
                  </a:cubicBezTo>
                  <a:cubicBezTo>
                    <a:pt x="2721" y="14354"/>
                    <a:pt x="2595" y="14061"/>
                    <a:pt x="2595" y="13726"/>
                  </a:cubicBezTo>
                  <a:cubicBezTo>
                    <a:pt x="2595" y="13119"/>
                    <a:pt x="2595" y="12555"/>
                    <a:pt x="2888" y="12011"/>
                  </a:cubicBezTo>
                  <a:cubicBezTo>
                    <a:pt x="2909" y="11927"/>
                    <a:pt x="2930" y="11843"/>
                    <a:pt x="2972" y="11718"/>
                  </a:cubicBezTo>
                  <a:cubicBezTo>
                    <a:pt x="2762" y="11487"/>
                    <a:pt x="2449" y="11508"/>
                    <a:pt x="2177" y="11425"/>
                  </a:cubicBezTo>
                  <a:cubicBezTo>
                    <a:pt x="1570" y="11215"/>
                    <a:pt x="1047" y="10902"/>
                    <a:pt x="628" y="10441"/>
                  </a:cubicBezTo>
                  <a:cubicBezTo>
                    <a:pt x="398" y="10190"/>
                    <a:pt x="252" y="9918"/>
                    <a:pt x="189" y="9562"/>
                  </a:cubicBezTo>
                  <a:cubicBezTo>
                    <a:pt x="0" y="8474"/>
                    <a:pt x="210" y="7449"/>
                    <a:pt x="1026" y="6612"/>
                  </a:cubicBezTo>
                  <a:cubicBezTo>
                    <a:pt x="1402" y="6215"/>
                    <a:pt x="1821" y="5985"/>
                    <a:pt x="2365" y="6047"/>
                  </a:cubicBezTo>
                  <a:cubicBezTo>
                    <a:pt x="2888" y="6089"/>
                    <a:pt x="3369" y="6152"/>
                    <a:pt x="3976" y="6194"/>
                  </a:cubicBezTo>
                  <a:close/>
                  <a:moveTo>
                    <a:pt x="10127" y="12617"/>
                  </a:moveTo>
                  <a:cubicBezTo>
                    <a:pt x="10316" y="13454"/>
                    <a:pt x="10755" y="14124"/>
                    <a:pt x="11383" y="14668"/>
                  </a:cubicBezTo>
                  <a:cubicBezTo>
                    <a:pt x="12011" y="15275"/>
                    <a:pt x="13350" y="15484"/>
                    <a:pt x="14166" y="14835"/>
                  </a:cubicBezTo>
                  <a:cubicBezTo>
                    <a:pt x="14521" y="14542"/>
                    <a:pt x="14877" y="14249"/>
                    <a:pt x="15170" y="13873"/>
                  </a:cubicBezTo>
                  <a:cubicBezTo>
                    <a:pt x="15463" y="13412"/>
                    <a:pt x="15777" y="12994"/>
                    <a:pt x="16091" y="12555"/>
                  </a:cubicBezTo>
                  <a:cubicBezTo>
                    <a:pt x="16405" y="12094"/>
                    <a:pt x="16844" y="12094"/>
                    <a:pt x="17137" y="12555"/>
                  </a:cubicBezTo>
                  <a:cubicBezTo>
                    <a:pt x="17493" y="13161"/>
                    <a:pt x="17974" y="13412"/>
                    <a:pt x="18685" y="13266"/>
                  </a:cubicBezTo>
                  <a:cubicBezTo>
                    <a:pt x="18936" y="13203"/>
                    <a:pt x="19208" y="13182"/>
                    <a:pt x="19459" y="13140"/>
                  </a:cubicBezTo>
                  <a:cubicBezTo>
                    <a:pt x="20799" y="12847"/>
                    <a:pt x="21970" y="12303"/>
                    <a:pt x="22870" y="11215"/>
                  </a:cubicBezTo>
                  <a:cubicBezTo>
                    <a:pt x="23435" y="10546"/>
                    <a:pt x="23519" y="9646"/>
                    <a:pt x="23016" y="8914"/>
                  </a:cubicBezTo>
                  <a:cubicBezTo>
                    <a:pt x="22242" y="7784"/>
                    <a:pt x="21133" y="7135"/>
                    <a:pt x="19815" y="6947"/>
                  </a:cubicBezTo>
                  <a:cubicBezTo>
                    <a:pt x="19041" y="6842"/>
                    <a:pt x="18267" y="6905"/>
                    <a:pt x="17534" y="7177"/>
                  </a:cubicBezTo>
                  <a:cubicBezTo>
                    <a:pt x="17367" y="7219"/>
                    <a:pt x="17200" y="7282"/>
                    <a:pt x="17011" y="7303"/>
                  </a:cubicBezTo>
                  <a:cubicBezTo>
                    <a:pt x="16593" y="7345"/>
                    <a:pt x="16321" y="7135"/>
                    <a:pt x="16300" y="6696"/>
                  </a:cubicBezTo>
                  <a:cubicBezTo>
                    <a:pt x="16279" y="6361"/>
                    <a:pt x="16300" y="5985"/>
                    <a:pt x="16300" y="5629"/>
                  </a:cubicBezTo>
                  <a:cubicBezTo>
                    <a:pt x="16300" y="5001"/>
                    <a:pt x="16007" y="4499"/>
                    <a:pt x="15484" y="4143"/>
                  </a:cubicBezTo>
                  <a:cubicBezTo>
                    <a:pt x="14626" y="3536"/>
                    <a:pt x="13685" y="3516"/>
                    <a:pt x="12680" y="3788"/>
                  </a:cubicBezTo>
                  <a:cubicBezTo>
                    <a:pt x="12345" y="3892"/>
                    <a:pt x="12094" y="4164"/>
                    <a:pt x="11885" y="4457"/>
                  </a:cubicBezTo>
                  <a:cubicBezTo>
                    <a:pt x="11801" y="4562"/>
                    <a:pt x="11780" y="4666"/>
                    <a:pt x="11697" y="4750"/>
                  </a:cubicBezTo>
                  <a:cubicBezTo>
                    <a:pt x="11529" y="5001"/>
                    <a:pt x="11299" y="5064"/>
                    <a:pt x="11090" y="4980"/>
                  </a:cubicBezTo>
                  <a:cubicBezTo>
                    <a:pt x="10881" y="4896"/>
                    <a:pt x="10797" y="4687"/>
                    <a:pt x="10797" y="4478"/>
                  </a:cubicBezTo>
                  <a:cubicBezTo>
                    <a:pt x="10797" y="4164"/>
                    <a:pt x="10839" y="3808"/>
                    <a:pt x="10797" y="3516"/>
                  </a:cubicBezTo>
                  <a:cubicBezTo>
                    <a:pt x="10755" y="2281"/>
                    <a:pt x="9814" y="1360"/>
                    <a:pt x="8579" y="1360"/>
                  </a:cubicBezTo>
                  <a:cubicBezTo>
                    <a:pt x="8014" y="1360"/>
                    <a:pt x="7491" y="1549"/>
                    <a:pt x="7010" y="1883"/>
                  </a:cubicBezTo>
                  <a:cubicBezTo>
                    <a:pt x="5671" y="2951"/>
                    <a:pt x="4897" y="4311"/>
                    <a:pt x="4813" y="6047"/>
                  </a:cubicBezTo>
                  <a:cubicBezTo>
                    <a:pt x="4792" y="6487"/>
                    <a:pt x="4792" y="6926"/>
                    <a:pt x="4792" y="7386"/>
                  </a:cubicBezTo>
                  <a:cubicBezTo>
                    <a:pt x="4792" y="7491"/>
                    <a:pt x="4771" y="7637"/>
                    <a:pt x="4708" y="7721"/>
                  </a:cubicBezTo>
                  <a:cubicBezTo>
                    <a:pt x="4666" y="7763"/>
                    <a:pt x="4499" y="7805"/>
                    <a:pt x="4415" y="7763"/>
                  </a:cubicBezTo>
                  <a:cubicBezTo>
                    <a:pt x="4374" y="7742"/>
                    <a:pt x="4311" y="7637"/>
                    <a:pt x="4269" y="7596"/>
                  </a:cubicBezTo>
                  <a:cubicBezTo>
                    <a:pt x="3767" y="6926"/>
                    <a:pt x="2721" y="6801"/>
                    <a:pt x="2260" y="7031"/>
                  </a:cubicBezTo>
                  <a:cubicBezTo>
                    <a:pt x="1633" y="7345"/>
                    <a:pt x="1361" y="7951"/>
                    <a:pt x="1277" y="8642"/>
                  </a:cubicBezTo>
                  <a:cubicBezTo>
                    <a:pt x="1256" y="8809"/>
                    <a:pt x="1256" y="8998"/>
                    <a:pt x="1277" y="9165"/>
                  </a:cubicBezTo>
                  <a:cubicBezTo>
                    <a:pt x="1340" y="9332"/>
                    <a:pt x="1381" y="9583"/>
                    <a:pt x="1528" y="9709"/>
                  </a:cubicBezTo>
                  <a:cubicBezTo>
                    <a:pt x="1905" y="10169"/>
                    <a:pt x="2469" y="10378"/>
                    <a:pt x="3055" y="10525"/>
                  </a:cubicBezTo>
                  <a:cubicBezTo>
                    <a:pt x="3578" y="10630"/>
                    <a:pt x="4060" y="10630"/>
                    <a:pt x="4478" y="10253"/>
                  </a:cubicBezTo>
                  <a:cubicBezTo>
                    <a:pt x="4625" y="10127"/>
                    <a:pt x="4834" y="10065"/>
                    <a:pt x="5022" y="10002"/>
                  </a:cubicBezTo>
                  <a:cubicBezTo>
                    <a:pt x="5106" y="9960"/>
                    <a:pt x="5190" y="10023"/>
                    <a:pt x="5252" y="10044"/>
                  </a:cubicBezTo>
                  <a:cubicBezTo>
                    <a:pt x="5252" y="10106"/>
                    <a:pt x="5294" y="10127"/>
                    <a:pt x="5252" y="10148"/>
                  </a:cubicBezTo>
                  <a:cubicBezTo>
                    <a:pt x="5190" y="10316"/>
                    <a:pt x="5106" y="10462"/>
                    <a:pt x="5001" y="10588"/>
                  </a:cubicBezTo>
                  <a:cubicBezTo>
                    <a:pt x="4415" y="11320"/>
                    <a:pt x="4269" y="12241"/>
                    <a:pt x="3955" y="13099"/>
                  </a:cubicBezTo>
                  <a:cubicBezTo>
                    <a:pt x="3871" y="13287"/>
                    <a:pt x="3934" y="13517"/>
                    <a:pt x="3934" y="13705"/>
                  </a:cubicBezTo>
                  <a:cubicBezTo>
                    <a:pt x="3955" y="13998"/>
                    <a:pt x="4081" y="14124"/>
                    <a:pt x="4374" y="14187"/>
                  </a:cubicBezTo>
                  <a:cubicBezTo>
                    <a:pt x="4876" y="14249"/>
                    <a:pt x="5357" y="14312"/>
                    <a:pt x="5859" y="14417"/>
                  </a:cubicBezTo>
                  <a:cubicBezTo>
                    <a:pt x="6403" y="14521"/>
                    <a:pt x="6926" y="14438"/>
                    <a:pt x="7387" y="14124"/>
                  </a:cubicBezTo>
                  <a:cubicBezTo>
                    <a:pt x="7951" y="13726"/>
                    <a:pt x="8558" y="13308"/>
                    <a:pt x="9081" y="12847"/>
                  </a:cubicBezTo>
                  <a:cubicBezTo>
                    <a:pt x="9395" y="12555"/>
                    <a:pt x="9709" y="12429"/>
                    <a:pt x="10127" y="1261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94" name="Google Shape;894;p49"/>
          <p:cNvGrpSpPr/>
          <p:nvPr/>
        </p:nvGrpSpPr>
        <p:grpSpPr>
          <a:xfrm>
            <a:off x="9829463" y="1262528"/>
            <a:ext cx="475525" cy="287725"/>
            <a:chOff x="622013" y="907250"/>
            <a:chExt cx="475525" cy="287725"/>
          </a:xfrm>
        </p:grpSpPr>
        <p:sp>
          <p:nvSpPr>
            <p:cNvPr id="895" name="Google Shape;895;p49"/>
            <p:cNvSpPr/>
            <p:nvPr/>
          </p:nvSpPr>
          <p:spPr>
            <a:xfrm>
              <a:off x="650263" y="929225"/>
              <a:ext cx="423725" cy="240125"/>
            </a:xfrm>
            <a:custGeom>
              <a:avLst/>
              <a:gdLst/>
              <a:ahLst/>
              <a:cxnLst/>
              <a:rect l="l" t="t" r="r" b="b"/>
              <a:pathLst>
                <a:path w="16949" h="9605" extrusionOk="0">
                  <a:moveTo>
                    <a:pt x="14459" y="7261"/>
                  </a:moveTo>
                  <a:cubicBezTo>
                    <a:pt x="14584" y="7889"/>
                    <a:pt x="15003" y="8370"/>
                    <a:pt x="14877" y="9081"/>
                  </a:cubicBezTo>
                  <a:cubicBezTo>
                    <a:pt x="14752" y="9165"/>
                    <a:pt x="14626" y="9291"/>
                    <a:pt x="14459" y="9311"/>
                  </a:cubicBezTo>
                  <a:cubicBezTo>
                    <a:pt x="13810" y="9416"/>
                    <a:pt x="13120" y="9521"/>
                    <a:pt x="12450" y="9563"/>
                  </a:cubicBezTo>
                  <a:cubicBezTo>
                    <a:pt x="11007" y="9604"/>
                    <a:pt x="10379" y="9311"/>
                    <a:pt x="9312" y="8244"/>
                  </a:cubicBezTo>
                  <a:cubicBezTo>
                    <a:pt x="9270" y="7931"/>
                    <a:pt x="9270" y="7617"/>
                    <a:pt x="9249" y="7303"/>
                  </a:cubicBezTo>
                  <a:cubicBezTo>
                    <a:pt x="9228" y="7114"/>
                    <a:pt x="9102" y="6968"/>
                    <a:pt x="8893" y="6989"/>
                  </a:cubicBezTo>
                  <a:cubicBezTo>
                    <a:pt x="8747" y="7010"/>
                    <a:pt x="8600" y="7094"/>
                    <a:pt x="8558" y="7219"/>
                  </a:cubicBezTo>
                  <a:cubicBezTo>
                    <a:pt x="7889" y="8747"/>
                    <a:pt x="6529" y="9102"/>
                    <a:pt x="5106" y="9249"/>
                  </a:cubicBezTo>
                  <a:cubicBezTo>
                    <a:pt x="4478" y="9291"/>
                    <a:pt x="3809" y="9186"/>
                    <a:pt x="3160" y="9102"/>
                  </a:cubicBezTo>
                  <a:cubicBezTo>
                    <a:pt x="2658" y="9060"/>
                    <a:pt x="2344" y="8747"/>
                    <a:pt x="2281" y="8244"/>
                  </a:cubicBezTo>
                  <a:cubicBezTo>
                    <a:pt x="2135" y="7533"/>
                    <a:pt x="2135" y="6842"/>
                    <a:pt x="2323" y="6152"/>
                  </a:cubicBezTo>
                  <a:cubicBezTo>
                    <a:pt x="2386" y="5964"/>
                    <a:pt x="2512" y="5796"/>
                    <a:pt x="2616" y="5608"/>
                  </a:cubicBezTo>
                  <a:cubicBezTo>
                    <a:pt x="2700" y="5441"/>
                    <a:pt x="2804" y="5315"/>
                    <a:pt x="2930" y="5106"/>
                  </a:cubicBezTo>
                  <a:cubicBezTo>
                    <a:pt x="2512" y="4980"/>
                    <a:pt x="2177" y="5085"/>
                    <a:pt x="1821" y="5022"/>
                  </a:cubicBezTo>
                  <a:cubicBezTo>
                    <a:pt x="1507" y="4980"/>
                    <a:pt x="1193" y="4897"/>
                    <a:pt x="880" y="4792"/>
                  </a:cubicBezTo>
                  <a:cubicBezTo>
                    <a:pt x="566" y="4666"/>
                    <a:pt x="231" y="4541"/>
                    <a:pt x="1" y="4164"/>
                  </a:cubicBezTo>
                  <a:cubicBezTo>
                    <a:pt x="440" y="3557"/>
                    <a:pt x="1047" y="3160"/>
                    <a:pt x="1821" y="3160"/>
                  </a:cubicBezTo>
                  <a:cubicBezTo>
                    <a:pt x="2595" y="3160"/>
                    <a:pt x="3349" y="3244"/>
                    <a:pt x="4123" y="3306"/>
                  </a:cubicBezTo>
                  <a:cubicBezTo>
                    <a:pt x="4311" y="3306"/>
                    <a:pt x="4499" y="3390"/>
                    <a:pt x="4646" y="3348"/>
                  </a:cubicBezTo>
                  <a:cubicBezTo>
                    <a:pt x="4813" y="3327"/>
                    <a:pt x="4939" y="3223"/>
                    <a:pt x="5169" y="3118"/>
                  </a:cubicBezTo>
                  <a:cubicBezTo>
                    <a:pt x="5043" y="2951"/>
                    <a:pt x="4960" y="2825"/>
                    <a:pt x="4855" y="2741"/>
                  </a:cubicBezTo>
                  <a:cubicBezTo>
                    <a:pt x="4541" y="2469"/>
                    <a:pt x="4478" y="2260"/>
                    <a:pt x="4604" y="1946"/>
                  </a:cubicBezTo>
                  <a:cubicBezTo>
                    <a:pt x="4688" y="1779"/>
                    <a:pt x="4792" y="1632"/>
                    <a:pt x="4897" y="1486"/>
                  </a:cubicBezTo>
                  <a:cubicBezTo>
                    <a:pt x="5755" y="398"/>
                    <a:pt x="6906" y="0"/>
                    <a:pt x="8245" y="147"/>
                  </a:cubicBezTo>
                  <a:cubicBezTo>
                    <a:pt x="9144" y="252"/>
                    <a:pt x="9647" y="816"/>
                    <a:pt x="9667" y="1737"/>
                  </a:cubicBezTo>
                  <a:cubicBezTo>
                    <a:pt x="9667" y="2093"/>
                    <a:pt x="9647" y="2428"/>
                    <a:pt x="9521" y="2783"/>
                  </a:cubicBezTo>
                  <a:cubicBezTo>
                    <a:pt x="9416" y="2993"/>
                    <a:pt x="9458" y="3202"/>
                    <a:pt x="9626" y="3348"/>
                  </a:cubicBezTo>
                  <a:cubicBezTo>
                    <a:pt x="9772" y="3516"/>
                    <a:pt x="10044" y="3516"/>
                    <a:pt x="10274" y="3348"/>
                  </a:cubicBezTo>
                  <a:cubicBezTo>
                    <a:pt x="10483" y="3202"/>
                    <a:pt x="10693" y="3034"/>
                    <a:pt x="10923" y="2888"/>
                  </a:cubicBezTo>
                  <a:cubicBezTo>
                    <a:pt x="12220" y="2072"/>
                    <a:pt x="13517" y="1988"/>
                    <a:pt x="14794" y="2888"/>
                  </a:cubicBezTo>
                  <a:cubicBezTo>
                    <a:pt x="15380" y="3265"/>
                    <a:pt x="15945" y="3683"/>
                    <a:pt x="16405" y="4269"/>
                  </a:cubicBezTo>
                  <a:cubicBezTo>
                    <a:pt x="16635" y="4562"/>
                    <a:pt x="16844" y="4897"/>
                    <a:pt x="16886" y="5294"/>
                  </a:cubicBezTo>
                  <a:cubicBezTo>
                    <a:pt x="16949" y="5629"/>
                    <a:pt x="16865" y="5943"/>
                    <a:pt x="16614" y="6152"/>
                  </a:cubicBezTo>
                  <a:cubicBezTo>
                    <a:pt x="16405" y="6298"/>
                    <a:pt x="16196" y="6487"/>
                    <a:pt x="15945" y="6633"/>
                  </a:cubicBezTo>
                  <a:cubicBezTo>
                    <a:pt x="15505" y="6780"/>
                    <a:pt x="15003" y="7010"/>
                    <a:pt x="14459" y="7261"/>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896" name="Google Shape;896;p49"/>
            <p:cNvSpPr/>
            <p:nvPr/>
          </p:nvSpPr>
          <p:spPr>
            <a:xfrm>
              <a:off x="622013" y="907250"/>
              <a:ext cx="475525" cy="287725"/>
            </a:xfrm>
            <a:custGeom>
              <a:avLst/>
              <a:gdLst/>
              <a:ahLst/>
              <a:cxnLst/>
              <a:rect l="l" t="t" r="r" b="b"/>
              <a:pathLst>
                <a:path w="19021" h="11509" extrusionOk="0">
                  <a:moveTo>
                    <a:pt x="16865" y="8684"/>
                  </a:moveTo>
                  <a:cubicBezTo>
                    <a:pt x="16928" y="8810"/>
                    <a:pt x="16949" y="8914"/>
                    <a:pt x="16970" y="9019"/>
                  </a:cubicBezTo>
                  <a:cubicBezTo>
                    <a:pt x="17179" y="9646"/>
                    <a:pt x="16928" y="10170"/>
                    <a:pt x="16426" y="10483"/>
                  </a:cubicBezTo>
                  <a:cubicBezTo>
                    <a:pt x="15652" y="10986"/>
                    <a:pt x="14752" y="11341"/>
                    <a:pt x="13790" y="11404"/>
                  </a:cubicBezTo>
                  <a:cubicBezTo>
                    <a:pt x="12346" y="11509"/>
                    <a:pt x="11111" y="11132"/>
                    <a:pt x="10044" y="10149"/>
                  </a:cubicBezTo>
                  <a:cubicBezTo>
                    <a:pt x="10002" y="10086"/>
                    <a:pt x="9919" y="10044"/>
                    <a:pt x="9793" y="9960"/>
                  </a:cubicBezTo>
                  <a:cubicBezTo>
                    <a:pt x="9270" y="10232"/>
                    <a:pt x="8705" y="10483"/>
                    <a:pt x="8161" y="10755"/>
                  </a:cubicBezTo>
                  <a:cubicBezTo>
                    <a:pt x="7952" y="10860"/>
                    <a:pt x="7722" y="10965"/>
                    <a:pt x="7512" y="10965"/>
                  </a:cubicBezTo>
                  <a:cubicBezTo>
                    <a:pt x="6487" y="10986"/>
                    <a:pt x="5441" y="11027"/>
                    <a:pt x="4416" y="11006"/>
                  </a:cubicBezTo>
                  <a:cubicBezTo>
                    <a:pt x="3621" y="10986"/>
                    <a:pt x="2993" y="10567"/>
                    <a:pt x="2491" y="9918"/>
                  </a:cubicBezTo>
                  <a:cubicBezTo>
                    <a:pt x="2282" y="9646"/>
                    <a:pt x="2177" y="9354"/>
                    <a:pt x="2177" y="9019"/>
                  </a:cubicBezTo>
                  <a:cubicBezTo>
                    <a:pt x="2177" y="8307"/>
                    <a:pt x="2156" y="7617"/>
                    <a:pt x="2491" y="6905"/>
                  </a:cubicBezTo>
                  <a:cubicBezTo>
                    <a:pt x="2282" y="6801"/>
                    <a:pt x="2093" y="6717"/>
                    <a:pt x="1947" y="6633"/>
                  </a:cubicBezTo>
                  <a:cubicBezTo>
                    <a:pt x="1486" y="6403"/>
                    <a:pt x="1026" y="6194"/>
                    <a:pt x="629" y="5901"/>
                  </a:cubicBezTo>
                  <a:cubicBezTo>
                    <a:pt x="64" y="5483"/>
                    <a:pt x="1" y="4708"/>
                    <a:pt x="524" y="4206"/>
                  </a:cubicBezTo>
                  <a:cubicBezTo>
                    <a:pt x="1152" y="3600"/>
                    <a:pt x="1884" y="3160"/>
                    <a:pt x="2805" y="3139"/>
                  </a:cubicBezTo>
                  <a:cubicBezTo>
                    <a:pt x="3223" y="3139"/>
                    <a:pt x="3621" y="3160"/>
                    <a:pt x="4039" y="3160"/>
                  </a:cubicBezTo>
                  <a:lnTo>
                    <a:pt x="4771" y="3160"/>
                  </a:lnTo>
                  <a:cubicBezTo>
                    <a:pt x="4813" y="2135"/>
                    <a:pt x="5462" y="1507"/>
                    <a:pt x="6152" y="921"/>
                  </a:cubicBezTo>
                  <a:cubicBezTo>
                    <a:pt x="6822" y="315"/>
                    <a:pt x="7659" y="1"/>
                    <a:pt x="8580" y="1"/>
                  </a:cubicBezTo>
                  <a:lnTo>
                    <a:pt x="9375" y="1"/>
                  </a:lnTo>
                  <a:cubicBezTo>
                    <a:pt x="10672" y="43"/>
                    <a:pt x="11572" y="859"/>
                    <a:pt x="11739" y="2135"/>
                  </a:cubicBezTo>
                  <a:cubicBezTo>
                    <a:pt x="11781" y="2281"/>
                    <a:pt x="11802" y="2407"/>
                    <a:pt x="11844" y="2616"/>
                  </a:cubicBezTo>
                  <a:cubicBezTo>
                    <a:pt x="12053" y="2532"/>
                    <a:pt x="12220" y="2491"/>
                    <a:pt x="12367" y="2428"/>
                  </a:cubicBezTo>
                  <a:cubicBezTo>
                    <a:pt x="13162" y="2114"/>
                    <a:pt x="13978" y="2093"/>
                    <a:pt x="14815" y="2198"/>
                  </a:cubicBezTo>
                  <a:cubicBezTo>
                    <a:pt x="15066" y="2219"/>
                    <a:pt x="15338" y="2323"/>
                    <a:pt x="15568" y="2449"/>
                  </a:cubicBezTo>
                  <a:cubicBezTo>
                    <a:pt x="16531" y="2930"/>
                    <a:pt x="17367" y="3558"/>
                    <a:pt x="18079" y="4374"/>
                  </a:cubicBezTo>
                  <a:cubicBezTo>
                    <a:pt x="18539" y="4897"/>
                    <a:pt x="18895" y="5524"/>
                    <a:pt x="18958" y="6257"/>
                  </a:cubicBezTo>
                  <a:cubicBezTo>
                    <a:pt x="19020" y="6822"/>
                    <a:pt x="18853" y="7324"/>
                    <a:pt x="18414" y="7659"/>
                  </a:cubicBezTo>
                  <a:cubicBezTo>
                    <a:pt x="18016" y="7973"/>
                    <a:pt x="17577" y="8203"/>
                    <a:pt x="17158" y="8496"/>
                  </a:cubicBezTo>
                  <a:cubicBezTo>
                    <a:pt x="17116" y="8558"/>
                    <a:pt x="17012" y="8600"/>
                    <a:pt x="16865" y="8684"/>
                  </a:cubicBezTo>
                  <a:close/>
                  <a:moveTo>
                    <a:pt x="15589" y="8140"/>
                  </a:moveTo>
                  <a:cubicBezTo>
                    <a:pt x="16133" y="7868"/>
                    <a:pt x="16635" y="7659"/>
                    <a:pt x="17137" y="7408"/>
                  </a:cubicBezTo>
                  <a:cubicBezTo>
                    <a:pt x="17367" y="7261"/>
                    <a:pt x="17577" y="7115"/>
                    <a:pt x="17786" y="6926"/>
                  </a:cubicBezTo>
                  <a:cubicBezTo>
                    <a:pt x="18058" y="6696"/>
                    <a:pt x="18121" y="6403"/>
                    <a:pt x="18079" y="6069"/>
                  </a:cubicBezTo>
                  <a:cubicBezTo>
                    <a:pt x="17995" y="5671"/>
                    <a:pt x="17807" y="5357"/>
                    <a:pt x="17577" y="5043"/>
                  </a:cubicBezTo>
                  <a:cubicBezTo>
                    <a:pt x="17137" y="4499"/>
                    <a:pt x="16551" y="4081"/>
                    <a:pt x="15986" y="3662"/>
                  </a:cubicBezTo>
                  <a:cubicBezTo>
                    <a:pt x="14668" y="2763"/>
                    <a:pt x="13392" y="2867"/>
                    <a:pt x="12116" y="3662"/>
                  </a:cubicBezTo>
                  <a:cubicBezTo>
                    <a:pt x="11865" y="3788"/>
                    <a:pt x="11697" y="3976"/>
                    <a:pt x="11467" y="4123"/>
                  </a:cubicBezTo>
                  <a:cubicBezTo>
                    <a:pt x="11216" y="4290"/>
                    <a:pt x="10965" y="4290"/>
                    <a:pt x="10797" y="4123"/>
                  </a:cubicBezTo>
                  <a:cubicBezTo>
                    <a:pt x="10651" y="3976"/>
                    <a:pt x="10588" y="3767"/>
                    <a:pt x="10693" y="3558"/>
                  </a:cubicBezTo>
                  <a:cubicBezTo>
                    <a:pt x="10860" y="3202"/>
                    <a:pt x="10881" y="2867"/>
                    <a:pt x="10860" y="2511"/>
                  </a:cubicBezTo>
                  <a:cubicBezTo>
                    <a:pt x="10818" y="1591"/>
                    <a:pt x="10358" y="1026"/>
                    <a:pt x="9416" y="900"/>
                  </a:cubicBezTo>
                  <a:cubicBezTo>
                    <a:pt x="8056" y="754"/>
                    <a:pt x="6906" y="1172"/>
                    <a:pt x="6069" y="2260"/>
                  </a:cubicBezTo>
                  <a:cubicBezTo>
                    <a:pt x="5964" y="2407"/>
                    <a:pt x="5859" y="2553"/>
                    <a:pt x="5776" y="2721"/>
                  </a:cubicBezTo>
                  <a:cubicBezTo>
                    <a:pt x="5650" y="3035"/>
                    <a:pt x="5734" y="3265"/>
                    <a:pt x="6048" y="3516"/>
                  </a:cubicBezTo>
                  <a:cubicBezTo>
                    <a:pt x="6152" y="3600"/>
                    <a:pt x="6215" y="3725"/>
                    <a:pt x="6362" y="3892"/>
                  </a:cubicBezTo>
                  <a:cubicBezTo>
                    <a:pt x="6152" y="3997"/>
                    <a:pt x="5985" y="4102"/>
                    <a:pt x="5839" y="4123"/>
                  </a:cubicBezTo>
                  <a:cubicBezTo>
                    <a:pt x="5671" y="4144"/>
                    <a:pt x="5504" y="4102"/>
                    <a:pt x="5315" y="4081"/>
                  </a:cubicBezTo>
                  <a:cubicBezTo>
                    <a:pt x="4541" y="4018"/>
                    <a:pt x="3788" y="3934"/>
                    <a:pt x="3014" y="3934"/>
                  </a:cubicBezTo>
                  <a:cubicBezTo>
                    <a:pt x="2219" y="3934"/>
                    <a:pt x="1612" y="4311"/>
                    <a:pt x="1173" y="4939"/>
                  </a:cubicBezTo>
                  <a:cubicBezTo>
                    <a:pt x="1382" y="5315"/>
                    <a:pt x="1717" y="5441"/>
                    <a:pt x="2072" y="5566"/>
                  </a:cubicBezTo>
                  <a:cubicBezTo>
                    <a:pt x="2344" y="5692"/>
                    <a:pt x="2700" y="5755"/>
                    <a:pt x="3014" y="5797"/>
                  </a:cubicBezTo>
                  <a:cubicBezTo>
                    <a:pt x="3349" y="5859"/>
                    <a:pt x="3683" y="5755"/>
                    <a:pt x="4102" y="5880"/>
                  </a:cubicBezTo>
                  <a:cubicBezTo>
                    <a:pt x="3976" y="6089"/>
                    <a:pt x="3893" y="6215"/>
                    <a:pt x="3788" y="6382"/>
                  </a:cubicBezTo>
                  <a:cubicBezTo>
                    <a:pt x="3683" y="6571"/>
                    <a:pt x="3558" y="6717"/>
                    <a:pt x="3495" y="6926"/>
                  </a:cubicBezTo>
                  <a:cubicBezTo>
                    <a:pt x="3349" y="7638"/>
                    <a:pt x="3328" y="8349"/>
                    <a:pt x="3453" y="9019"/>
                  </a:cubicBezTo>
                  <a:cubicBezTo>
                    <a:pt x="3558" y="9500"/>
                    <a:pt x="3872" y="9814"/>
                    <a:pt x="4332" y="9877"/>
                  </a:cubicBezTo>
                  <a:cubicBezTo>
                    <a:pt x="4960" y="9960"/>
                    <a:pt x="5629" y="10065"/>
                    <a:pt x="6278" y="10023"/>
                  </a:cubicBezTo>
                  <a:cubicBezTo>
                    <a:pt x="7722" y="9877"/>
                    <a:pt x="9082" y="9542"/>
                    <a:pt x="9730" y="7993"/>
                  </a:cubicBezTo>
                  <a:cubicBezTo>
                    <a:pt x="9772" y="7889"/>
                    <a:pt x="9940" y="7784"/>
                    <a:pt x="10065" y="7763"/>
                  </a:cubicBezTo>
                  <a:cubicBezTo>
                    <a:pt x="10274" y="7742"/>
                    <a:pt x="10400" y="7931"/>
                    <a:pt x="10442" y="8077"/>
                  </a:cubicBezTo>
                  <a:cubicBezTo>
                    <a:pt x="10484" y="8391"/>
                    <a:pt x="10484" y="8705"/>
                    <a:pt x="10484" y="9019"/>
                  </a:cubicBezTo>
                  <a:cubicBezTo>
                    <a:pt x="11551" y="10128"/>
                    <a:pt x="12178" y="10400"/>
                    <a:pt x="13622" y="10337"/>
                  </a:cubicBezTo>
                  <a:cubicBezTo>
                    <a:pt x="14313" y="10295"/>
                    <a:pt x="14961" y="10190"/>
                    <a:pt x="15631" y="10086"/>
                  </a:cubicBezTo>
                  <a:cubicBezTo>
                    <a:pt x="15798" y="10065"/>
                    <a:pt x="15924" y="9939"/>
                    <a:pt x="16049" y="9856"/>
                  </a:cubicBezTo>
                  <a:cubicBezTo>
                    <a:pt x="16133" y="9291"/>
                    <a:pt x="15714" y="8768"/>
                    <a:pt x="15589" y="814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69" name="Google Shape;891;p49">
            <a:extLst>
              <a:ext uri="{FF2B5EF4-FFF2-40B4-BE49-F238E27FC236}">
                <a16:creationId xmlns:a16="http://schemas.microsoft.com/office/drawing/2014/main" id="{900BA4D5-06DC-4C0A-B1AB-A370ADAD01E6}"/>
              </a:ext>
            </a:extLst>
          </p:cNvPr>
          <p:cNvGrpSpPr/>
          <p:nvPr/>
        </p:nvGrpSpPr>
        <p:grpSpPr>
          <a:xfrm>
            <a:off x="8341666" y="105346"/>
            <a:ext cx="720341" cy="432735"/>
            <a:chOff x="4137713" y="525925"/>
            <a:chExt cx="608900" cy="407500"/>
          </a:xfrm>
        </p:grpSpPr>
        <p:sp>
          <p:nvSpPr>
            <p:cNvPr id="70" name="Google Shape;892;p49">
              <a:extLst>
                <a:ext uri="{FF2B5EF4-FFF2-40B4-BE49-F238E27FC236}">
                  <a16:creationId xmlns:a16="http://schemas.microsoft.com/office/drawing/2014/main" id="{8C04F993-AB2D-4441-BFEF-1B2CCE0A64BC}"/>
                </a:ext>
              </a:extLst>
            </p:cNvPr>
            <p:cNvSpPr/>
            <p:nvPr/>
          </p:nvSpPr>
          <p:spPr>
            <a:xfrm>
              <a:off x="4168063" y="559925"/>
              <a:ext cx="556575" cy="353625"/>
            </a:xfrm>
            <a:custGeom>
              <a:avLst/>
              <a:gdLst/>
              <a:ahLst/>
              <a:cxnLst/>
              <a:rect l="l" t="t" r="r" b="b"/>
              <a:pathLst>
                <a:path w="22263" h="14145" extrusionOk="0">
                  <a:moveTo>
                    <a:pt x="8913" y="11257"/>
                  </a:moveTo>
                  <a:cubicBezTo>
                    <a:pt x="8495" y="11069"/>
                    <a:pt x="8160" y="11195"/>
                    <a:pt x="7825" y="11487"/>
                  </a:cubicBezTo>
                  <a:cubicBezTo>
                    <a:pt x="7302" y="11948"/>
                    <a:pt x="6696" y="12345"/>
                    <a:pt x="6110" y="12764"/>
                  </a:cubicBezTo>
                  <a:cubicBezTo>
                    <a:pt x="5670" y="13078"/>
                    <a:pt x="5147" y="13161"/>
                    <a:pt x="4603" y="13057"/>
                  </a:cubicBezTo>
                  <a:cubicBezTo>
                    <a:pt x="4101" y="12952"/>
                    <a:pt x="3599" y="12889"/>
                    <a:pt x="3118" y="12827"/>
                  </a:cubicBezTo>
                  <a:cubicBezTo>
                    <a:pt x="2825" y="12764"/>
                    <a:pt x="2678" y="12638"/>
                    <a:pt x="2657" y="12345"/>
                  </a:cubicBezTo>
                  <a:cubicBezTo>
                    <a:pt x="2657" y="12136"/>
                    <a:pt x="2615" y="11927"/>
                    <a:pt x="2678" y="11739"/>
                  </a:cubicBezTo>
                  <a:cubicBezTo>
                    <a:pt x="3013" y="10881"/>
                    <a:pt x="3139" y="9960"/>
                    <a:pt x="3724" y="9228"/>
                  </a:cubicBezTo>
                  <a:cubicBezTo>
                    <a:pt x="3829" y="9102"/>
                    <a:pt x="3913" y="8956"/>
                    <a:pt x="3996" y="8788"/>
                  </a:cubicBezTo>
                  <a:lnTo>
                    <a:pt x="3996" y="8684"/>
                  </a:lnTo>
                  <a:cubicBezTo>
                    <a:pt x="3913" y="8663"/>
                    <a:pt x="3829" y="8600"/>
                    <a:pt x="3766" y="8642"/>
                  </a:cubicBezTo>
                  <a:cubicBezTo>
                    <a:pt x="3578" y="8705"/>
                    <a:pt x="3369" y="8767"/>
                    <a:pt x="3201" y="8893"/>
                  </a:cubicBezTo>
                  <a:cubicBezTo>
                    <a:pt x="2762" y="9270"/>
                    <a:pt x="2323" y="9270"/>
                    <a:pt x="1799" y="9165"/>
                  </a:cubicBezTo>
                  <a:cubicBezTo>
                    <a:pt x="1193" y="9018"/>
                    <a:pt x="670" y="8809"/>
                    <a:pt x="251" y="8349"/>
                  </a:cubicBezTo>
                  <a:cubicBezTo>
                    <a:pt x="126" y="8182"/>
                    <a:pt x="63" y="7972"/>
                    <a:pt x="21" y="7805"/>
                  </a:cubicBezTo>
                  <a:cubicBezTo>
                    <a:pt x="0" y="7638"/>
                    <a:pt x="0" y="7449"/>
                    <a:pt x="21" y="7282"/>
                  </a:cubicBezTo>
                  <a:cubicBezTo>
                    <a:pt x="84" y="6591"/>
                    <a:pt x="356" y="5985"/>
                    <a:pt x="983" y="5671"/>
                  </a:cubicBezTo>
                  <a:cubicBezTo>
                    <a:pt x="1465" y="5441"/>
                    <a:pt x="2511" y="5566"/>
                    <a:pt x="3013" y="6236"/>
                  </a:cubicBezTo>
                  <a:cubicBezTo>
                    <a:pt x="3055" y="6298"/>
                    <a:pt x="3118" y="6403"/>
                    <a:pt x="3160" y="6403"/>
                  </a:cubicBezTo>
                  <a:cubicBezTo>
                    <a:pt x="3264" y="6445"/>
                    <a:pt x="3390" y="6403"/>
                    <a:pt x="3452" y="6361"/>
                  </a:cubicBezTo>
                  <a:cubicBezTo>
                    <a:pt x="3536" y="6277"/>
                    <a:pt x="3536" y="6152"/>
                    <a:pt x="3536" y="6026"/>
                  </a:cubicBezTo>
                  <a:cubicBezTo>
                    <a:pt x="3557" y="5566"/>
                    <a:pt x="3536" y="5127"/>
                    <a:pt x="3557" y="4687"/>
                  </a:cubicBezTo>
                  <a:cubicBezTo>
                    <a:pt x="3662" y="2951"/>
                    <a:pt x="4415" y="1591"/>
                    <a:pt x="5754" y="523"/>
                  </a:cubicBezTo>
                  <a:cubicBezTo>
                    <a:pt x="6193" y="168"/>
                    <a:pt x="6717" y="0"/>
                    <a:pt x="7323" y="0"/>
                  </a:cubicBezTo>
                  <a:cubicBezTo>
                    <a:pt x="8558" y="0"/>
                    <a:pt x="9520" y="900"/>
                    <a:pt x="9541" y="2156"/>
                  </a:cubicBezTo>
                  <a:lnTo>
                    <a:pt x="9541" y="3118"/>
                  </a:lnTo>
                  <a:cubicBezTo>
                    <a:pt x="9541" y="3327"/>
                    <a:pt x="9625" y="3536"/>
                    <a:pt x="9834" y="3620"/>
                  </a:cubicBezTo>
                  <a:cubicBezTo>
                    <a:pt x="10043" y="3725"/>
                    <a:pt x="10274" y="3620"/>
                    <a:pt x="10441" y="3390"/>
                  </a:cubicBezTo>
                  <a:cubicBezTo>
                    <a:pt x="10504" y="3285"/>
                    <a:pt x="10546" y="3181"/>
                    <a:pt x="10608" y="3097"/>
                  </a:cubicBezTo>
                  <a:cubicBezTo>
                    <a:pt x="10818" y="2804"/>
                    <a:pt x="11090" y="2532"/>
                    <a:pt x="11424" y="2428"/>
                  </a:cubicBezTo>
                  <a:cubicBezTo>
                    <a:pt x="12387" y="2156"/>
                    <a:pt x="13328" y="2176"/>
                    <a:pt x="14228" y="2783"/>
                  </a:cubicBezTo>
                  <a:cubicBezTo>
                    <a:pt x="14751" y="3139"/>
                    <a:pt x="15044" y="3641"/>
                    <a:pt x="15044" y="4269"/>
                  </a:cubicBezTo>
                  <a:lnTo>
                    <a:pt x="15044" y="5336"/>
                  </a:lnTo>
                  <a:cubicBezTo>
                    <a:pt x="15065" y="5775"/>
                    <a:pt x="15295" y="5964"/>
                    <a:pt x="15735" y="5943"/>
                  </a:cubicBezTo>
                  <a:cubicBezTo>
                    <a:pt x="15923" y="5922"/>
                    <a:pt x="16090" y="5880"/>
                    <a:pt x="16258" y="5817"/>
                  </a:cubicBezTo>
                  <a:cubicBezTo>
                    <a:pt x="16990" y="5545"/>
                    <a:pt x="17785" y="5503"/>
                    <a:pt x="18538" y="5587"/>
                  </a:cubicBezTo>
                  <a:cubicBezTo>
                    <a:pt x="19898" y="5754"/>
                    <a:pt x="21007" y="6424"/>
                    <a:pt x="21761" y="7554"/>
                  </a:cubicBezTo>
                  <a:cubicBezTo>
                    <a:pt x="22263" y="8286"/>
                    <a:pt x="22179" y="9186"/>
                    <a:pt x="21593" y="9855"/>
                  </a:cubicBezTo>
                  <a:cubicBezTo>
                    <a:pt x="20714" y="10943"/>
                    <a:pt x="19543" y="11508"/>
                    <a:pt x="18204" y="11780"/>
                  </a:cubicBezTo>
                  <a:cubicBezTo>
                    <a:pt x="17932" y="11822"/>
                    <a:pt x="17680" y="11843"/>
                    <a:pt x="17408" y="11906"/>
                  </a:cubicBezTo>
                  <a:cubicBezTo>
                    <a:pt x="16718" y="12052"/>
                    <a:pt x="16237" y="11801"/>
                    <a:pt x="15881" y="11195"/>
                  </a:cubicBezTo>
                  <a:cubicBezTo>
                    <a:pt x="15588" y="10734"/>
                    <a:pt x="15149" y="10755"/>
                    <a:pt x="14835" y="11195"/>
                  </a:cubicBezTo>
                  <a:cubicBezTo>
                    <a:pt x="14542" y="11634"/>
                    <a:pt x="14228" y="12052"/>
                    <a:pt x="13914" y="12513"/>
                  </a:cubicBezTo>
                  <a:cubicBezTo>
                    <a:pt x="13642" y="12889"/>
                    <a:pt x="13266" y="13182"/>
                    <a:pt x="12889" y="13475"/>
                  </a:cubicBezTo>
                  <a:cubicBezTo>
                    <a:pt x="12073" y="14145"/>
                    <a:pt x="10755" y="13915"/>
                    <a:pt x="10127" y="13308"/>
                  </a:cubicBezTo>
                  <a:cubicBezTo>
                    <a:pt x="9562" y="12764"/>
                    <a:pt x="9123" y="12094"/>
                    <a:pt x="8913" y="11257"/>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71" name="Google Shape;893;p49">
              <a:extLst>
                <a:ext uri="{FF2B5EF4-FFF2-40B4-BE49-F238E27FC236}">
                  <a16:creationId xmlns:a16="http://schemas.microsoft.com/office/drawing/2014/main" id="{D50C1B93-F036-4CDA-A666-5CA16D1072F8}"/>
                </a:ext>
              </a:extLst>
            </p:cNvPr>
            <p:cNvSpPr/>
            <p:nvPr/>
          </p:nvSpPr>
          <p:spPr>
            <a:xfrm>
              <a:off x="4137713" y="525925"/>
              <a:ext cx="608900" cy="407500"/>
            </a:xfrm>
            <a:custGeom>
              <a:avLst/>
              <a:gdLst/>
              <a:ahLst/>
              <a:cxnLst/>
              <a:rect l="l" t="t" r="r" b="b"/>
              <a:pathLst>
                <a:path w="24356" h="16300" extrusionOk="0">
                  <a:moveTo>
                    <a:pt x="3976" y="6194"/>
                  </a:moveTo>
                  <a:cubicBezTo>
                    <a:pt x="3913" y="4896"/>
                    <a:pt x="4353" y="3788"/>
                    <a:pt x="5001" y="2741"/>
                  </a:cubicBezTo>
                  <a:cubicBezTo>
                    <a:pt x="5336" y="2218"/>
                    <a:pt x="5713" y="1737"/>
                    <a:pt x="6215" y="1360"/>
                  </a:cubicBezTo>
                  <a:cubicBezTo>
                    <a:pt x="6529" y="1130"/>
                    <a:pt x="6884" y="858"/>
                    <a:pt x="7261" y="712"/>
                  </a:cubicBezTo>
                  <a:cubicBezTo>
                    <a:pt x="9081" y="0"/>
                    <a:pt x="10567" y="544"/>
                    <a:pt x="11488" y="2281"/>
                  </a:cubicBezTo>
                  <a:cubicBezTo>
                    <a:pt x="11613" y="2511"/>
                    <a:pt x="11697" y="2741"/>
                    <a:pt x="11780" y="2992"/>
                  </a:cubicBezTo>
                  <a:cubicBezTo>
                    <a:pt x="11864" y="3013"/>
                    <a:pt x="11927" y="3034"/>
                    <a:pt x="11969" y="3013"/>
                  </a:cubicBezTo>
                  <a:cubicBezTo>
                    <a:pt x="12806" y="2574"/>
                    <a:pt x="13685" y="2616"/>
                    <a:pt x="14542" y="2720"/>
                  </a:cubicBezTo>
                  <a:cubicBezTo>
                    <a:pt x="15944" y="2888"/>
                    <a:pt x="17032" y="3997"/>
                    <a:pt x="17221" y="5378"/>
                  </a:cubicBezTo>
                  <a:cubicBezTo>
                    <a:pt x="17242" y="5629"/>
                    <a:pt x="17262" y="5838"/>
                    <a:pt x="17304" y="6089"/>
                  </a:cubicBezTo>
                  <a:cubicBezTo>
                    <a:pt x="17723" y="6047"/>
                    <a:pt x="18099" y="5985"/>
                    <a:pt x="18476" y="5943"/>
                  </a:cubicBezTo>
                  <a:cubicBezTo>
                    <a:pt x="20464" y="5692"/>
                    <a:pt x="22117" y="6424"/>
                    <a:pt x="23435" y="7868"/>
                  </a:cubicBezTo>
                  <a:cubicBezTo>
                    <a:pt x="24230" y="8746"/>
                    <a:pt x="24356" y="9751"/>
                    <a:pt x="24125" y="10860"/>
                  </a:cubicBezTo>
                  <a:cubicBezTo>
                    <a:pt x="24042" y="11215"/>
                    <a:pt x="23812" y="11529"/>
                    <a:pt x="23581" y="11843"/>
                  </a:cubicBezTo>
                  <a:cubicBezTo>
                    <a:pt x="22786" y="12889"/>
                    <a:pt x="21719" y="13559"/>
                    <a:pt x="20464" y="13935"/>
                  </a:cubicBezTo>
                  <a:cubicBezTo>
                    <a:pt x="19941" y="14103"/>
                    <a:pt x="19418" y="14354"/>
                    <a:pt x="18832" y="14354"/>
                  </a:cubicBezTo>
                  <a:cubicBezTo>
                    <a:pt x="18204" y="14354"/>
                    <a:pt x="17618" y="14249"/>
                    <a:pt x="17095" y="13894"/>
                  </a:cubicBezTo>
                  <a:cubicBezTo>
                    <a:pt x="16949" y="13789"/>
                    <a:pt x="16802" y="13705"/>
                    <a:pt x="16614" y="13601"/>
                  </a:cubicBezTo>
                  <a:cubicBezTo>
                    <a:pt x="16321" y="13998"/>
                    <a:pt x="15840" y="14145"/>
                    <a:pt x="15756" y="14710"/>
                  </a:cubicBezTo>
                  <a:cubicBezTo>
                    <a:pt x="15756" y="14814"/>
                    <a:pt x="15589" y="14877"/>
                    <a:pt x="15526" y="14961"/>
                  </a:cubicBezTo>
                  <a:cubicBezTo>
                    <a:pt x="15317" y="15107"/>
                    <a:pt x="15107" y="15275"/>
                    <a:pt x="14898" y="15463"/>
                  </a:cubicBezTo>
                  <a:cubicBezTo>
                    <a:pt x="14082" y="16216"/>
                    <a:pt x="13120" y="16300"/>
                    <a:pt x="12073" y="16112"/>
                  </a:cubicBezTo>
                  <a:cubicBezTo>
                    <a:pt x="11718" y="16070"/>
                    <a:pt x="11383" y="15881"/>
                    <a:pt x="11090" y="15714"/>
                  </a:cubicBezTo>
                  <a:cubicBezTo>
                    <a:pt x="10567" y="15400"/>
                    <a:pt x="10211" y="14961"/>
                    <a:pt x="9876" y="14459"/>
                  </a:cubicBezTo>
                  <a:cubicBezTo>
                    <a:pt x="9709" y="14249"/>
                    <a:pt x="9583" y="14019"/>
                    <a:pt x="9416" y="13768"/>
                  </a:cubicBezTo>
                  <a:cubicBezTo>
                    <a:pt x="9270" y="13873"/>
                    <a:pt x="9102" y="13935"/>
                    <a:pt x="8977" y="14040"/>
                  </a:cubicBezTo>
                  <a:cubicBezTo>
                    <a:pt x="8726" y="14228"/>
                    <a:pt x="8454" y="14438"/>
                    <a:pt x="8203" y="14626"/>
                  </a:cubicBezTo>
                  <a:cubicBezTo>
                    <a:pt x="6738" y="15693"/>
                    <a:pt x="5169" y="15588"/>
                    <a:pt x="3599" y="14940"/>
                  </a:cubicBezTo>
                  <a:cubicBezTo>
                    <a:pt x="3390" y="14856"/>
                    <a:pt x="3181" y="14689"/>
                    <a:pt x="2993" y="14563"/>
                  </a:cubicBezTo>
                  <a:cubicBezTo>
                    <a:pt x="2721" y="14354"/>
                    <a:pt x="2595" y="14061"/>
                    <a:pt x="2595" y="13726"/>
                  </a:cubicBezTo>
                  <a:cubicBezTo>
                    <a:pt x="2595" y="13119"/>
                    <a:pt x="2595" y="12555"/>
                    <a:pt x="2888" y="12011"/>
                  </a:cubicBezTo>
                  <a:cubicBezTo>
                    <a:pt x="2909" y="11927"/>
                    <a:pt x="2930" y="11843"/>
                    <a:pt x="2972" y="11718"/>
                  </a:cubicBezTo>
                  <a:cubicBezTo>
                    <a:pt x="2762" y="11487"/>
                    <a:pt x="2449" y="11508"/>
                    <a:pt x="2177" y="11425"/>
                  </a:cubicBezTo>
                  <a:cubicBezTo>
                    <a:pt x="1570" y="11215"/>
                    <a:pt x="1047" y="10902"/>
                    <a:pt x="628" y="10441"/>
                  </a:cubicBezTo>
                  <a:cubicBezTo>
                    <a:pt x="398" y="10190"/>
                    <a:pt x="252" y="9918"/>
                    <a:pt x="189" y="9562"/>
                  </a:cubicBezTo>
                  <a:cubicBezTo>
                    <a:pt x="0" y="8474"/>
                    <a:pt x="210" y="7449"/>
                    <a:pt x="1026" y="6612"/>
                  </a:cubicBezTo>
                  <a:cubicBezTo>
                    <a:pt x="1402" y="6215"/>
                    <a:pt x="1821" y="5985"/>
                    <a:pt x="2365" y="6047"/>
                  </a:cubicBezTo>
                  <a:cubicBezTo>
                    <a:pt x="2888" y="6089"/>
                    <a:pt x="3369" y="6152"/>
                    <a:pt x="3976" y="6194"/>
                  </a:cubicBezTo>
                  <a:close/>
                  <a:moveTo>
                    <a:pt x="10127" y="12617"/>
                  </a:moveTo>
                  <a:cubicBezTo>
                    <a:pt x="10316" y="13454"/>
                    <a:pt x="10755" y="14124"/>
                    <a:pt x="11383" y="14668"/>
                  </a:cubicBezTo>
                  <a:cubicBezTo>
                    <a:pt x="12011" y="15275"/>
                    <a:pt x="13350" y="15484"/>
                    <a:pt x="14166" y="14835"/>
                  </a:cubicBezTo>
                  <a:cubicBezTo>
                    <a:pt x="14521" y="14542"/>
                    <a:pt x="14877" y="14249"/>
                    <a:pt x="15170" y="13873"/>
                  </a:cubicBezTo>
                  <a:cubicBezTo>
                    <a:pt x="15463" y="13412"/>
                    <a:pt x="15777" y="12994"/>
                    <a:pt x="16091" y="12555"/>
                  </a:cubicBezTo>
                  <a:cubicBezTo>
                    <a:pt x="16405" y="12094"/>
                    <a:pt x="16844" y="12094"/>
                    <a:pt x="17137" y="12555"/>
                  </a:cubicBezTo>
                  <a:cubicBezTo>
                    <a:pt x="17493" y="13161"/>
                    <a:pt x="17974" y="13412"/>
                    <a:pt x="18685" y="13266"/>
                  </a:cubicBezTo>
                  <a:cubicBezTo>
                    <a:pt x="18936" y="13203"/>
                    <a:pt x="19208" y="13182"/>
                    <a:pt x="19459" y="13140"/>
                  </a:cubicBezTo>
                  <a:cubicBezTo>
                    <a:pt x="20799" y="12847"/>
                    <a:pt x="21970" y="12303"/>
                    <a:pt x="22870" y="11215"/>
                  </a:cubicBezTo>
                  <a:cubicBezTo>
                    <a:pt x="23435" y="10546"/>
                    <a:pt x="23519" y="9646"/>
                    <a:pt x="23016" y="8914"/>
                  </a:cubicBezTo>
                  <a:cubicBezTo>
                    <a:pt x="22242" y="7784"/>
                    <a:pt x="21133" y="7135"/>
                    <a:pt x="19815" y="6947"/>
                  </a:cubicBezTo>
                  <a:cubicBezTo>
                    <a:pt x="19041" y="6842"/>
                    <a:pt x="18267" y="6905"/>
                    <a:pt x="17534" y="7177"/>
                  </a:cubicBezTo>
                  <a:cubicBezTo>
                    <a:pt x="17367" y="7219"/>
                    <a:pt x="17200" y="7282"/>
                    <a:pt x="17011" y="7303"/>
                  </a:cubicBezTo>
                  <a:cubicBezTo>
                    <a:pt x="16593" y="7345"/>
                    <a:pt x="16321" y="7135"/>
                    <a:pt x="16300" y="6696"/>
                  </a:cubicBezTo>
                  <a:cubicBezTo>
                    <a:pt x="16279" y="6361"/>
                    <a:pt x="16300" y="5985"/>
                    <a:pt x="16300" y="5629"/>
                  </a:cubicBezTo>
                  <a:cubicBezTo>
                    <a:pt x="16300" y="5001"/>
                    <a:pt x="16007" y="4499"/>
                    <a:pt x="15484" y="4143"/>
                  </a:cubicBezTo>
                  <a:cubicBezTo>
                    <a:pt x="14626" y="3536"/>
                    <a:pt x="13685" y="3516"/>
                    <a:pt x="12680" y="3788"/>
                  </a:cubicBezTo>
                  <a:cubicBezTo>
                    <a:pt x="12345" y="3892"/>
                    <a:pt x="12094" y="4164"/>
                    <a:pt x="11885" y="4457"/>
                  </a:cubicBezTo>
                  <a:cubicBezTo>
                    <a:pt x="11801" y="4562"/>
                    <a:pt x="11780" y="4666"/>
                    <a:pt x="11697" y="4750"/>
                  </a:cubicBezTo>
                  <a:cubicBezTo>
                    <a:pt x="11529" y="5001"/>
                    <a:pt x="11299" y="5064"/>
                    <a:pt x="11090" y="4980"/>
                  </a:cubicBezTo>
                  <a:cubicBezTo>
                    <a:pt x="10881" y="4896"/>
                    <a:pt x="10797" y="4687"/>
                    <a:pt x="10797" y="4478"/>
                  </a:cubicBezTo>
                  <a:cubicBezTo>
                    <a:pt x="10797" y="4164"/>
                    <a:pt x="10839" y="3808"/>
                    <a:pt x="10797" y="3516"/>
                  </a:cubicBezTo>
                  <a:cubicBezTo>
                    <a:pt x="10755" y="2281"/>
                    <a:pt x="9814" y="1360"/>
                    <a:pt x="8579" y="1360"/>
                  </a:cubicBezTo>
                  <a:cubicBezTo>
                    <a:pt x="8014" y="1360"/>
                    <a:pt x="7491" y="1549"/>
                    <a:pt x="7010" y="1883"/>
                  </a:cubicBezTo>
                  <a:cubicBezTo>
                    <a:pt x="5671" y="2951"/>
                    <a:pt x="4897" y="4311"/>
                    <a:pt x="4813" y="6047"/>
                  </a:cubicBezTo>
                  <a:cubicBezTo>
                    <a:pt x="4792" y="6487"/>
                    <a:pt x="4792" y="6926"/>
                    <a:pt x="4792" y="7386"/>
                  </a:cubicBezTo>
                  <a:cubicBezTo>
                    <a:pt x="4792" y="7491"/>
                    <a:pt x="4771" y="7637"/>
                    <a:pt x="4708" y="7721"/>
                  </a:cubicBezTo>
                  <a:cubicBezTo>
                    <a:pt x="4666" y="7763"/>
                    <a:pt x="4499" y="7805"/>
                    <a:pt x="4415" y="7763"/>
                  </a:cubicBezTo>
                  <a:cubicBezTo>
                    <a:pt x="4374" y="7742"/>
                    <a:pt x="4311" y="7637"/>
                    <a:pt x="4269" y="7596"/>
                  </a:cubicBezTo>
                  <a:cubicBezTo>
                    <a:pt x="3767" y="6926"/>
                    <a:pt x="2721" y="6801"/>
                    <a:pt x="2260" y="7031"/>
                  </a:cubicBezTo>
                  <a:cubicBezTo>
                    <a:pt x="1633" y="7345"/>
                    <a:pt x="1361" y="7951"/>
                    <a:pt x="1277" y="8642"/>
                  </a:cubicBezTo>
                  <a:cubicBezTo>
                    <a:pt x="1256" y="8809"/>
                    <a:pt x="1256" y="8998"/>
                    <a:pt x="1277" y="9165"/>
                  </a:cubicBezTo>
                  <a:cubicBezTo>
                    <a:pt x="1340" y="9332"/>
                    <a:pt x="1381" y="9583"/>
                    <a:pt x="1528" y="9709"/>
                  </a:cubicBezTo>
                  <a:cubicBezTo>
                    <a:pt x="1905" y="10169"/>
                    <a:pt x="2469" y="10378"/>
                    <a:pt x="3055" y="10525"/>
                  </a:cubicBezTo>
                  <a:cubicBezTo>
                    <a:pt x="3578" y="10630"/>
                    <a:pt x="4060" y="10630"/>
                    <a:pt x="4478" y="10253"/>
                  </a:cubicBezTo>
                  <a:cubicBezTo>
                    <a:pt x="4625" y="10127"/>
                    <a:pt x="4834" y="10065"/>
                    <a:pt x="5022" y="10002"/>
                  </a:cubicBezTo>
                  <a:cubicBezTo>
                    <a:pt x="5106" y="9960"/>
                    <a:pt x="5190" y="10023"/>
                    <a:pt x="5252" y="10044"/>
                  </a:cubicBezTo>
                  <a:cubicBezTo>
                    <a:pt x="5252" y="10106"/>
                    <a:pt x="5294" y="10127"/>
                    <a:pt x="5252" y="10148"/>
                  </a:cubicBezTo>
                  <a:cubicBezTo>
                    <a:pt x="5190" y="10316"/>
                    <a:pt x="5106" y="10462"/>
                    <a:pt x="5001" y="10588"/>
                  </a:cubicBezTo>
                  <a:cubicBezTo>
                    <a:pt x="4415" y="11320"/>
                    <a:pt x="4269" y="12241"/>
                    <a:pt x="3955" y="13099"/>
                  </a:cubicBezTo>
                  <a:cubicBezTo>
                    <a:pt x="3871" y="13287"/>
                    <a:pt x="3934" y="13517"/>
                    <a:pt x="3934" y="13705"/>
                  </a:cubicBezTo>
                  <a:cubicBezTo>
                    <a:pt x="3955" y="13998"/>
                    <a:pt x="4081" y="14124"/>
                    <a:pt x="4374" y="14187"/>
                  </a:cubicBezTo>
                  <a:cubicBezTo>
                    <a:pt x="4876" y="14249"/>
                    <a:pt x="5357" y="14312"/>
                    <a:pt x="5859" y="14417"/>
                  </a:cubicBezTo>
                  <a:cubicBezTo>
                    <a:pt x="6403" y="14521"/>
                    <a:pt x="6926" y="14438"/>
                    <a:pt x="7387" y="14124"/>
                  </a:cubicBezTo>
                  <a:cubicBezTo>
                    <a:pt x="7951" y="13726"/>
                    <a:pt x="8558" y="13308"/>
                    <a:pt x="9081" y="12847"/>
                  </a:cubicBezTo>
                  <a:cubicBezTo>
                    <a:pt x="9395" y="12555"/>
                    <a:pt x="9709" y="12429"/>
                    <a:pt x="10127" y="1261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
        <p:nvSpPr>
          <p:cNvPr id="6" name="Hộp Văn bản 5">
            <a:extLst>
              <a:ext uri="{FF2B5EF4-FFF2-40B4-BE49-F238E27FC236}">
                <a16:creationId xmlns:a16="http://schemas.microsoft.com/office/drawing/2014/main" id="{1638D125-DCD1-CAF8-9F18-BE82D19E7466}"/>
              </a:ext>
            </a:extLst>
          </p:cNvPr>
          <p:cNvSpPr txBox="1"/>
          <p:nvPr/>
        </p:nvSpPr>
        <p:spPr>
          <a:xfrm>
            <a:off x="3044737" y="314910"/>
            <a:ext cx="4494745" cy="830997"/>
          </a:xfrm>
          <a:prstGeom prst="rect">
            <a:avLst/>
          </a:prstGeom>
          <a:noFill/>
        </p:spPr>
        <p:txBody>
          <a:bodyPr wrap="square" rtlCol="0">
            <a:spAutoFit/>
          </a:bodyPr>
          <a:lstStyle/>
          <a:p>
            <a:pPr algn="ctr"/>
            <a:r>
              <a:rPr lang="vi-VN" sz="4800" b="1">
                <a:solidFill>
                  <a:srgbClr val="FF0000"/>
                </a:solidFill>
                <a:latin typeface="+mj-lt"/>
              </a:rPr>
              <a:t>THÔNG ĐIỆP</a:t>
            </a:r>
            <a:endParaRPr lang="en-US" sz="4800" b="1">
              <a:solidFill>
                <a:srgbClr val="FF0000"/>
              </a:solidFill>
              <a:latin typeface="+mj-lt"/>
            </a:endParaRPr>
          </a:p>
        </p:txBody>
      </p:sp>
      <p:sp>
        <p:nvSpPr>
          <p:cNvPr id="2" name="Hình chữ nhật: Góc Tròn 1">
            <a:extLst>
              <a:ext uri="{FF2B5EF4-FFF2-40B4-BE49-F238E27FC236}">
                <a16:creationId xmlns:a16="http://schemas.microsoft.com/office/drawing/2014/main" id="{FAA63804-BA98-0C5B-3008-2AD97C453258}"/>
              </a:ext>
            </a:extLst>
          </p:cNvPr>
          <p:cNvSpPr/>
          <p:nvPr/>
        </p:nvSpPr>
        <p:spPr>
          <a:xfrm>
            <a:off x="494502" y="1224322"/>
            <a:ext cx="9322268" cy="4768522"/>
          </a:xfrm>
          <a:custGeom>
            <a:avLst/>
            <a:gdLst>
              <a:gd name="connsiteX0" fmla="*/ 0 w 9322268"/>
              <a:gd name="connsiteY0" fmla="*/ 794770 h 4768522"/>
              <a:gd name="connsiteX1" fmla="*/ 794770 w 9322268"/>
              <a:gd name="connsiteY1" fmla="*/ 0 h 4768522"/>
              <a:gd name="connsiteX2" fmla="*/ 1157613 w 9322268"/>
              <a:gd name="connsiteY2" fmla="*/ 0 h 4768522"/>
              <a:gd name="connsiteX3" fmla="*/ 1675111 w 9322268"/>
              <a:gd name="connsiteY3" fmla="*/ 0 h 4768522"/>
              <a:gd name="connsiteX4" fmla="*/ 2347264 w 9322268"/>
              <a:gd name="connsiteY4" fmla="*/ 0 h 4768522"/>
              <a:gd name="connsiteX5" fmla="*/ 3019416 w 9322268"/>
              <a:gd name="connsiteY5" fmla="*/ 0 h 4768522"/>
              <a:gd name="connsiteX6" fmla="*/ 3768896 w 9322268"/>
              <a:gd name="connsiteY6" fmla="*/ 0 h 4768522"/>
              <a:gd name="connsiteX7" fmla="*/ 4518376 w 9322268"/>
              <a:gd name="connsiteY7" fmla="*/ 0 h 4768522"/>
              <a:gd name="connsiteX8" fmla="*/ 5190528 w 9322268"/>
              <a:gd name="connsiteY8" fmla="*/ 0 h 4768522"/>
              <a:gd name="connsiteX9" fmla="*/ 5940008 w 9322268"/>
              <a:gd name="connsiteY9" fmla="*/ 0 h 4768522"/>
              <a:gd name="connsiteX10" fmla="*/ 6534833 w 9322268"/>
              <a:gd name="connsiteY10" fmla="*/ 0 h 4768522"/>
              <a:gd name="connsiteX11" fmla="*/ 7129659 w 9322268"/>
              <a:gd name="connsiteY11" fmla="*/ 0 h 4768522"/>
              <a:gd name="connsiteX12" fmla="*/ 7647157 w 9322268"/>
              <a:gd name="connsiteY12" fmla="*/ 0 h 4768522"/>
              <a:gd name="connsiteX13" fmla="*/ 8527498 w 9322268"/>
              <a:gd name="connsiteY13" fmla="*/ 0 h 4768522"/>
              <a:gd name="connsiteX14" fmla="*/ 9322268 w 9322268"/>
              <a:gd name="connsiteY14" fmla="*/ 794770 h 4768522"/>
              <a:gd name="connsiteX15" fmla="*/ 9322268 w 9322268"/>
              <a:gd name="connsiteY15" fmla="*/ 1261021 h 4768522"/>
              <a:gd name="connsiteX16" fmla="*/ 9322268 w 9322268"/>
              <a:gd name="connsiteY16" fmla="*/ 1695482 h 4768522"/>
              <a:gd name="connsiteX17" fmla="*/ 9322268 w 9322268"/>
              <a:gd name="connsiteY17" fmla="*/ 2257102 h 4768522"/>
              <a:gd name="connsiteX18" fmla="*/ 9322268 w 9322268"/>
              <a:gd name="connsiteY18" fmla="*/ 2786932 h 4768522"/>
              <a:gd name="connsiteX19" fmla="*/ 9322268 w 9322268"/>
              <a:gd name="connsiteY19" fmla="*/ 3284973 h 4768522"/>
              <a:gd name="connsiteX20" fmla="*/ 9322268 w 9322268"/>
              <a:gd name="connsiteY20" fmla="*/ 3973752 h 4768522"/>
              <a:gd name="connsiteX21" fmla="*/ 8527498 w 9322268"/>
              <a:gd name="connsiteY21" fmla="*/ 4768522 h 4768522"/>
              <a:gd name="connsiteX22" fmla="*/ 8087327 w 9322268"/>
              <a:gd name="connsiteY22" fmla="*/ 4768522 h 4768522"/>
              <a:gd name="connsiteX23" fmla="*/ 7647157 w 9322268"/>
              <a:gd name="connsiteY23" fmla="*/ 4768522 h 4768522"/>
              <a:gd name="connsiteX24" fmla="*/ 7206986 w 9322268"/>
              <a:gd name="connsiteY24" fmla="*/ 4768522 h 4768522"/>
              <a:gd name="connsiteX25" fmla="*/ 6844143 w 9322268"/>
              <a:gd name="connsiteY25" fmla="*/ 4768522 h 4768522"/>
              <a:gd name="connsiteX26" fmla="*/ 6094663 w 9322268"/>
              <a:gd name="connsiteY26" fmla="*/ 4768522 h 4768522"/>
              <a:gd name="connsiteX27" fmla="*/ 5499838 w 9322268"/>
              <a:gd name="connsiteY27" fmla="*/ 4768522 h 4768522"/>
              <a:gd name="connsiteX28" fmla="*/ 4750358 w 9322268"/>
              <a:gd name="connsiteY28" fmla="*/ 4768522 h 4768522"/>
              <a:gd name="connsiteX29" fmla="*/ 4078205 w 9322268"/>
              <a:gd name="connsiteY29" fmla="*/ 4768522 h 4768522"/>
              <a:gd name="connsiteX30" fmla="*/ 3483380 w 9322268"/>
              <a:gd name="connsiteY30" fmla="*/ 4768522 h 4768522"/>
              <a:gd name="connsiteX31" fmla="*/ 2811228 w 9322268"/>
              <a:gd name="connsiteY31" fmla="*/ 4768522 h 4768522"/>
              <a:gd name="connsiteX32" fmla="*/ 2293730 w 9322268"/>
              <a:gd name="connsiteY32" fmla="*/ 4768522 h 4768522"/>
              <a:gd name="connsiteX33" fmla="*/ 1930886 w 9322268"/>
              <a:gd name="connsiteY33" fmla="*/ 4768522 h 4768522"/>
              <a:gd name="connsiteX34" fmla="*/ 1336061 w 9322268"/>
              <a:gd name="connsiteY34" fmla="*/ 4768522 h 4768522"/>
              <a:gd name="connsiteX35" fmla="*/ 794770 w 9322268"/>
              <a:gd name="connsiteY35" fmla="*/ 4768522 h 4768522"/>
              <a:gd name="connsiteX36" fmla="*/ 0 w 9322268"/>
              <a:gd name="connsiteY36" fmla="*/ 3973752 h 4768522"/>
              <a:gd name="connsiteX37" fmla="*/ 0 w 9322268"/>
              <a:gd name="connsiteY37" fmla="*/ 3475711 h 4768522"/>
              <a:gd name="connsiteX38" fmla="*/ 0 w 9322268"/>
              <a:gd name="connsiteY38" fmla="*/ 2977671 h 4768522"/>
              <a:gd name="connsiteX39" fmla="*/ 0 w 9322268"/>
              <a:gd name="connsiteY39" fmla="*/ 2447841 h 4768522"/>
              <a:gd name="connsiteX40" fmla="*/ 0 w 9322268"/>
              <a:gd name="connsiteY40" fmla="*/ 1949800 h 4768522"/>
              <a:gd name="connsiteX41" fmla="*/ 0 w 9322268"/>
              <a:gd name="connsiteY41" fmla="*/ 1356390 h 4768522"/>
              <a:gd name="connsiteX42" fmla="*/ 0 w 9322268"/>
              <a:gd name="connsiteY42" fmla="*/ 794770 h 47685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Lst>
            <a:rect l="l" t="t" r="r" b="b"/>
            <a:pathLst>
              <a:path w="9322268" h="4768522" fill="none" extrusionOk="0">
                <a:moveTo>
                  <a:pt x="0" y="794770"/>
                </a:moveTo>
                <a:cubicBezTo>
                  <a:pt x="-47255" y="344858"/>
                  <a:pt x="346858" y="26046"/>
                  <a:pt x="794770" y="0"/>
                </a:cubicBezTo>
                <a:cubicBezTo>
                  <a:pt x="918010" y="-7526"/>
                  <a:pt x="995177" y="25578"/>
                  <a:pt x="1157613" y="0"/>
                </a:cubicBezTo>
                <a:cubicBezTo>
                  <a:pt x="1320049" y="-25578"/>
                  <a:pt x="1486108" y="29923"/>
                  <a:pt x="1675111" y="0"/>
                </a:cubicBezTo>
                <a:cubicBezTo>
                  <a:pt x="1864114" y="-29923"/>
                  <a:pt x="2135908" y="27049"/>
                  <a:pt x="2347264" y="0"/>
                </a:cubicBezTo>
                <a:cubicBezTo>
                  <a:pt x="2558620" y="-27049"/>
                  <a:pt x="2843798" y="64093"/>
                  <a:pt x="3019416" y="0"/>
                </a:cubicBezTo>
                <a:cubicBezTo>
                  <a:pt x="3195034" y="-64093"/>
                  <a:pt x="3497463" y="43437"/>
                  <a:pt x="3768896" y="0"/>
                </a:cubicBezTo>
                <a:cubicBezTo>
                  <a:pt x="4040329" y="-43437"/>
                  <a:pt x="4298801" y="50601"/>
                  <a:pt x="4518376" y="0"/>
                </a:cubicBezTo>
                <a:cubicBezTo>
                  <a:pt x="4737951" y="-50601"/>
                  <a:pt x="4984930" y="5560"/>
                  <a:pt x="5190528" y="0"/>
                </a:cubicBezTo>
                <a:cubicBezTo>
                  <a:pt x="5396126" y="-5560"/>
                  <a:pt x="5720715" y="41124"/>
                  <a:pt x="5940008" y="0"/>
                </a:cubicBezTo>
                <a:cubicBezTo>
                  <a:pt x="6159301" y="-41124"/>
                  <a:pt x="6295418" y="27436"/>
                  <a:pt x="6534833" y="0"/>
                </a:cubicBezTo>
                <a:cubicBezTo>
                  <a:pt x="6774249" y="-27436"/>
                  <a:pt x="6946871" y="65311"/>
                  <a:pt x="7129659" y="0"/>
                </a:cubicBezTo>
                <a:cubicBezTo>
                  <a:pt x="7312447" y="-65311"/>
                  <a:pt x="7514810" y="27215"/>
                  <a:pt x="7647157" y="0"/>
                </a:cubicBezTo>
                <a:cubicBezTo>
                  <a:pt x="7779504" y="-27215"/>
                  <a:pt x="8125894" y="31162"/>
                  <a:pt x="8527498" y="0"/>
                </a:cubicBezTo>
                <a:cubicBezTo>
                  <a:pt x="9023350" y="-21194"/>
                  <a:pt x="9362866" y="388428"/>
                  <a:pt x="9322268" y="794770"/>
                </a:cubicBezTo>
                <a:cubicBezTo>
                  <a:pt x="9337424" y="956076"/>
                  <a:pt x="9294985" y="1086584"/>
                  <a:pt x="9322268" y="1261021"/>
                </a:cubicBezTo>
                <a:cubicBezTo>
                  <a:pt x="9349551" y="1435458"/>
                  <a:pt x="9318032" y="1558514"/>
                  <a:pt x="9322268" y="1695482"/>
                </a:cubicBezTo>
                <a:cubicBezTo>
                  <a:pt x="9326504" y="1832450"/>
                  <a:pt x="9316611" y="2087728"/>
                  <a:pt x="9322268" y="2257102"/>
                </a:cubicBezTo>
                <a:cubicBezTo>
                  <a:pt x="9327925" y="2426476"/>
                  <a:pt x="9268452" y="2647983"/>
                  <a:pt x="9322268" y="2786932"/>
                </a:cubicBezTo>
                <a:cubicBezTo>
                  <a:pt x="9376084" y="2925881"/>
                  <a:pt x="9286979" y="3093510"/>
                  <a:pt x="9322268" y="3284973"/>
                </a:cubicBezTo>
                <a:cubicBezTo>
                  <a:pt x="9357557" y="3476436"/>
                  <a:pt x="9276063" y="3822102"/>
                  <a:pt x="9322268" y="3973752"/>
                </a:cubicBezTo>
                <a:cubicBezTo>
                  <a:pt x="9247473" y="4334256"/>
                  <a:pt x="9009736" y="4741172"/>
                  <a:pt x="8527498" y="4768522"/>
                </a:cubicBezTo>
                <a:cubicBezTo>
                  <a:pt x="8395382" y="4771202"/>
                  <a:pt x="8185934" y="4765904"/>
                  <a:pt x="8087327" y="4768522"/>
                </a:cubicBezTo>
                <a:cubicBezTo>
                  <a:pt x="7988720" y="4771140"/>
                  <a:pt x="7771882" y="4740974"/>
                  <a:pt x="7647157" y="4768522"/>
                </a:cubicBezTo>
                <a:cubicBezTo>
                  <a:pt x="7522432" y="4796070"/>
                  <a:pt x="7423637" y="4737361"/>
                  <a:pt x="7206986" y="4768522"/>
                </a:cubicBezTo>
                <a:cubicBezTo>
                  <a:pt x="6990335" y="4799683"/>
                  <a:pt x="6979427" y="4743619"/>
                  <a:pt x="6844143" y="4768522"/>
                </a:cubicBezTo>
                <a:cubicBezTo>
                  <a:pt x="6708859" y="4793425"/>
                  <a:pt x="6446674" y="4701473"/>
                  <a:pt x="6094663" y="4768522"/>
                </a:cubicBezTo>
                <a:cubicBezTo>
                  <a:pt x="5742652" y="4835571"/>
                  <a:pt x="5745470" y="4730137"/>
                  <a:pt x="5499838" y="4768522"/>
                </a:cubicBezTo>
                <a:cubicBezTo>
                  <a:pt x="5254207" y="4806907"/>
                  <a:pt x="5101412" y="4680609"/>
                  <a:pt x="4750358" y="4768522"/>
                </a:cubicBezTo>
                <a:cubicBezTo>
                  <a:pt x="4399304" y="4856435"/>
                  <a:pt x="4237255" y="4761097"/>
                  <a:pt x="4078205" y="4768522"/>
                </a:cubicBezTo>
                <a:cubicBezTo>
                  <a:pt x="3919155" y="4775947"/>
                  <a:pt x="3742629" y="4710518"/>
                  <a:pt x="3483380" y="4768522"/>
                </a:cubicBezTo>
                <a:cubicBezTo>
                  <a:pt x="3224132" y="4826526"/>
                  <a:pt x="3102732" y="4720740"/>
                  <a:pt x="2811228" y="4768522"/>
                </a:cubicBezTo>
                <a:cubicBezTo>
                  <a:pt x="2519724" y="4816304"/>
                  <a:pt x="2484157" y="4726883"/>
                  <a:pt x="2293730" y="4768522"/>
                </a:cubicBezTo>
                <a:cubicBezTo>
                  <a:pt x="2103303" y="4810161"/>
                  <a:pt x="2069679" y="4762832"/>
                  <a:pt x="1930886" y="4768522"/>
                </a:cubicBezTo>
                <a:cubicBezTo>
                  <a:pt x="1792093" y="4774212"/>
                  <a:pt x="1503657" y="4749090"/>
                  <a:pt x="1336061" y="4768522"/>
                </a:cubicBezTo>
                <a:cubicBezTo>
                  <a:pt x="1168466" y="4787954"/>
                  <a:pt x="980706" y="4768412"/>
                  <a:pt x="794770" y="4768522"/>
                </a:cubicBezTo>
                <a:cubicBezTo>
                  <a:pt x="286217" y="4774310"/>
                  <a:pt x="20909" y="4507200"/>
                  <a:pt x="0" y="3973752"/>
                </a:cubicBezTo>
                <a:cubicBezTo>
                  <a:pt x="-3601" y="3776919"/>
                  <a:pt x="27883" y="3720898"/>
                  <a:pt x="0" y="3475711"/>
                </a:cubicBezTo>
                <a:cubicBezTo>
                  <a:pt x="-27883" y="3230524"/>
                  <a:pt x="12797" y="3108353"/>
                  <a:pt x="0" y="2977671"/>
                </a:cubicBezTo>
                <a:cubicBezTo>
                  <a:pt x="-12797" y="2846989"/>
                  <a:pt x="14805" y="2667768"/>
                  <a:pt x="0" y="2447841"/>
                </a:cubicBezTo>
                <a:cubicBezTo>
                  <a:pt x="-14805" y="2227914"/>
                  <a:pt x="10585" y="2055045"/>
                  <a:pt x="0" y="1949800"/>
                </a:cubicBezTo>
                <a:cubicBezTo>
                  <a:pt x="-10585" y="1844555"/>
                  <a:pt x="7720" y="1642402"/>
                  <a:pt x="0" y="1356390"/>
                </a:cubicBezTo>
                <a:cubicBezTo>
                  <a:pt x="-7720" y="1070378"/>
                  <a:pt x="45478" y="974448"/>
                  <a:pt x="0" y="794770"/>
                </a:cubicBezTo>
                <a:close/>
              </a:path>
              <a:path w="9322268" h="4768522" stroke="0" extrusionOk="0">
                <a:moveTo>
                  <a:pt x="0" y="794770"/>
                </a:moveTo>
                <a:cubicBezTo>
                  <a:pt x="45214" y="321827"/>
                  <a:pt x="371322" y="13913"/>
                  <a:pt x="794770" y="0"/>
                </a:cubicBezTo>
                <a:cubicBezTo>
                  <a:pt x="932861" y="-4981"/>
                  <a:pt x="1061237" y="25939"/>
                  <a:pt x="1157613" y="0"/>
                </a:cubicBezTo>
                <a:cubicBezTo>
                  <a:pt x="1253989" y="-25939"/>
                  <a:pt x="1463263" y="13445"/>
                  <a:pt x="1597784" y="0"/>
                </a:cubicBezTo>
                <a:cubicBezTo>
                  <a:pt x="1732305" y="-13445"/>
                  <a:pt x="1993338" y="32659"/>
                  <a:pt x="2115282" y="0"/>
                </a:cubicBezTo>
                <a:cubicBezTo>
                  <a:pt x="2237226" y="-32659"/>
                  <a:pt x="2371557" y="7134"/>
                  <a:pt x="2555453" y="0"/>
                </a:cubicBezTo>
                <a:cubicBezTo>
                  <a:pt x="2739349" y="-7134"/>
                  <a:pt x="2911648" y="61844"/>
                  <a:pt x="3227605" y="0"/>
                </a:cubicBezTo>
                <a:cubicBezTo>
                  <a:pt x="3543562" y="-61844"/>
                  <a:pt x="3619312" y="30327"/>
                  <a:pt x="3977085" y="0"/>
                </a:cubicBezTo>
                <a:cubicBezTo>
                  <a:pt x="4334858" y="-30327"/>
                  <a:pt x="4392929" y="53144"/>
                  <a:pt x="4571910" y="0"/>
                </a:cubicBezTo>
                <a:cubicBezTo>
                  <a:pt x="4750892" y="-53144"/>
                  <a:pt x="5049665" y="22627"/>
                  <a:pt x="5244063" y="0"/>
                </a:cubicBezTo>
                <a:cubicBezTo>
                  <a:pt x="5438461" y="-22627"/>
                  <a:pt x="5510671" y="17364"/>
                  <a:pt x="5684233" y="0"/>
                </a:cubicBezTo>
                <a:cubicBezTo>
                  <a:pt x="5857795" y="-17364"/>
                  <a:pt x="6057597" y="46181"/>
                  <a:pt x="6279059" y="0"/>
                </a:cubicBezTo>
                <a:cubicBezTo>
                  <a:pt x="6500521" y="-46181"/>
                  <a:pt x="6770844" y="56234"/>
                  <a:pt x="6951211" y="0"/>
                </a:cubicBezTo>
                <a:cubicBezTo>
                  <a:pt x="7131578" y="-56234"/>
                  <a:pt x="7498907" y="38539"/>
                  <a:pt x="7700691" y="0"/>
                </a:cubicBezTo>
                <a:cubicBezTo>
                  <a:pt x="7902475" y="-38539"/>
                  <a:pt x="8360130" y="82237"/>
                  <a:pt x="8527498" y="0"/>
                </a:cubicBezTo>
                <a:cubicBezTo>
                  <a:pt x="9014476" y="-107616"/>
                  <a:pt x="9231028" y="299944"/>
                  <a:pt x="9322268" y="794770"/>
                </a:cubicBezTo>
                <a:cubicBezTo>
                  <a:pt x="9351990" y="942350"/>
                  <a:pt x="9316017" y="1113273"/>
                  <a:pt x="9322268" y="1324600"/>
                </a:cubicBezTo>
                <a:cubicBezTo>
                  <a:pt x="9328519" y="1535927"/>
                  <a:pt x="9319340" y="1596424"/>
                  <a:pt x="9322268" y="1759061"/>
                </a:cubicBezTo>
                <a:cubicBezTo>
                  <a:pt x="9325196" y="1921698"/>
                  <a:pt x="9282543" y="2079128"/>
                  <a:pt x="9322268" y="2257102"/>
                </a:cubicBezTo>
                <a:cubicBezTo>
                  <a:pt x="9361993" y="2435076"/>
                  <a:pt x="9306884" y="2495533"/>
                  <a:pt x="9322268" y="2723352"/>
                </a:cubicBezTo>
                <a:cubicBezTo>
                  <a:pt x="9337652" y="2951171"/>
                  <a:pt x="9268758" y="3110174"/>
                  <a:pt x="9322268" y="3284973"/>
                </a:cubicBezTo>
                <a:cubicBezTo>
                  <a:pt x="9375778" y="3459772"/>
                  <a:pt x="9287447" y="3648974"/>
                  <a:pt x="9322268" y="3973752"/>
                </a:cubicBezTo>
                <a:cubicBezTo>
                  <a:pt x="9330730" y="4400298"/>
                  <a:pt x="9014907" y="4764045"/>
                  <a:pt x="8527498" y="4768522"/>
                </a:cubicBezTo>
                <a:cubicBezTo>
                  <a:pt x="8364088" y="4823855"/>
                  <a:pt x="7978371" y="4729870"/>
                  <a:pt x="7778018" y="4768522"/>
                </a:cubicBezTo>
                <a:cubicBezTo>
                  <a:pt x="7577665" y="4807174"/>
                  <a:pt x="7228032" y="4702614"/>
                  <a:pt x="7028538" y="4768522"/>
                </a:cubicBezTo>
                <a:cubicBezTo>
                  <a:pt x="6829044" y="4834430"/>
                  <a:pt x="6775801" y="4760952"/>
                  <a:pt x="6588368" y="4768522"/>
                </a:cubicBezTo>
                <a:cubicBezTo>
                  <a:pt x="6400935" y="4776092"/>
                  <a:pt x="6186367" y="4710182"/>
                  <a:pt x="6070870" y="4768522"/>
                </a:cubicBezTo>
                <a:cubicBezTo>
                  <a:pt x="5955373" y="4826862"/>
                  <a:pt x="5654269" y="4734387"/>
                  <a:pt x="5398717" y="4768522"/>
                </a:cubicBezTo>
                <a:cubicBezTo>
                  <a:pt x="5143165" y="4802657"/>
                  <a:pt x="5120326" y="4759328"/>
                  <a:pt x="5035874" y="4768522"/>
                </a:cubicBezTo>
                <a:cubicBezTo>
                  <a:pt x="4951422" y="4777716"/>
                  <a:pt x="4590599" y="4708470"/>
                  <a:pt x="4441049" y="4768522"/>
                </a:cubicBezTo>
                <a:cubicBezTo>
                  <a:pt x="4291499" y="4828574"/>
                  <a:pt x="3969650" y="4717490"/>
                  <a:pt x="3768896" y="4768522"/>
                </a:cubicBezTo>
                <a:cubicBezTo>
                  <a:pt x="3568142" y="4819554"/>
                  <a:pt x="3392958" y="4705118"/>
                  <a:pt x="3096744" y="4768522"/>
                </a:cubicBezTo>
                <a:cubicBezTo>
                  <a:pt x="2800530" y="4831926"/>
                  <a:pt x="2624735" y="4692711"/>
                  <a:pt x="2424591" y="4768522"/>
                </a:cubicBezTo>
                <a:cubicBezTo>
                  <a:pt x="2224447" y="4844333"/>
                  <a:pt x="2012065" y="4731078"/>
                  <a:pt x="1907093" y="4768522"/>
                </a:cubicBezTo>
                <a:cubicBezTo>
                  <a:pt x="1802121" y="4805966"/>
                  <a:pt x="1545119" y="4753433"/>
                  <a:pt x="1312268" y="4768522"/>
                </a:cubicBezTo>
                <a:cubicBezTo>
                  <a:pt x="1079418" y="4783611"/>
                  <a:pt x="1040248" y="4717541"/>
                  <a:pt x="794770" y="4768522"/>
                </a:cubicBezTo>
                <a:cubicBezTo>
                  <a:pt x="404012" y="4714994"/>
                  <a:pt x="-20811" y="4474636"/>
                  <a:pt x="0" y="3973752"/>
                </a:cubicBezTo>
                <a:cubicBezTo>
                  <a:pt x="-66297" y="3842944"/>
                  <a:pt x="11958" y="3623767"/>
                  <a:pt x="0" y="3380342"/>
                </a:cubicBezTo>
                <a:cubicBezTo>
                  <a:pt x="-11958" y="3136917"/>
                  <a:pt x="21637" y="3052653"/>
                  <a:pt x="0" y="2945881"/>
                </a:cubicBezTo>
                <a:cubicBezTo>
                  <a:pt x="-21637" y="2839109"/>
                  <a:pt x="27381" y="2594351"/>
                  <a:pt x="0" y="2479630"/>
                </a:cubicBezTo>
                <a:cubicBezTo>
                  <a:pt x="-27381" y="2364909"/>
                  <a:pt x="9242" y="2153120"/>
                  <a:pt x="0" y="1949800"/>
                </a:cubicBezTo>
                <a:cubicBezTo>
                  <a:pt x="-9242" y="1746480"/>
                  <a:pt x="37441" y="1507206"/>
                  <a:pt x="0" y="1356390"/>
                </a:cubicBezTo>
                <a:cubicBezTo>
                  <a:pt x="-37441" y="1205574"/>
                  <a:pt x="26092" y="1042048"/>
                  <a:pt x="0" y="794770"/>
                </a:cubicBezTo>
                <a:close/>
              </a:path>
            </a:pathLst>
          </a:custGeom>
          <a:ln w="57150">
            <a:solidFill>
              <a:srgbClr val="00B050"/>
            </a:solidFill>
            <a:prstDash val="lgDashDotDot"/>
            <a:extLst>
              <a:ext uri="{C807C97D-BFC1-408E-A445-0C87EB9F89A2}">
                <ask:lineSketchStyleProps xmlns:ask="http://schemas.microsoft.com/office/drawing/2018/sketchyshapes" sd="2745233706">
                  <a:prstGeom prst="roundRect">
                    <a:avLst/>
                  </a:prstGeom>
                  <ask:type>
                    <ask:lineSketchScribble/>
                  </ask:type>
                </ask:lineSketchStyleProps>
              </a:ext>
            </a:extLst>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just"/>
            <a:r>
              <a:rPr lang="vi-VN" sz="3200">
                <a:solidFill>
                  <a:schemeClr val="tx1"/>
                </a:solidFill>
                <a:latin typeface="+mj-lt"/>
              </a:rPr>
              <a:t>     Mỗi chúng ta là những cá nhân riêng lẻ, nhưng đều có vai trò quan trọng trong cộng đồng, trong tập thể và sẽ là những mắc xích không thể thiếu để tạo nên một tập thể vững mạnh. Chúng ta tồn tại trong mối liên hệ không thể tách rời. Do vậy, các em hãy đoàn kết, thấy được vai trò quan trọng của mình trong tập thể để từ đó thấy hiểu, chia sẻ và cùng nắm tay nhau trên con đường chinh phục tri thức. </a:t>
            </a:r>
            <a:endParaRPr lang="en-US"/>
          </a:p>
        </p:txBody>
      </p:sp>
      <p:pic>
        <p:nvPicPr>
          <p:cNvPr id="4" name="Picture 10">
            <a:extLst>
              <a:ext uri="{FF2B5EF4-FFF2-40B4-BE49-F238E27FC236}">
                <a16:creationId xmlns:a16="http://schemas.microsoft.com/office/drawing/2014/main" id="{DAB435A0-F7FC-F63E-7DC0-0C164CF3F9B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9112250" y="5195672"/>
            <a:ext cx="843731" cy="902793"/>
          </a:xfrm>
          <a:prstGeom prst="rect">
            <a:avLst/>
          </a:prstGeom>
        </p:spPr>
      </p:pic>
    </p:spTree>
    <p:custDataLst>
      <p:tags r:id="rId1"/>
    </p:custDataLst>
    <p:extLst>
      <p:ext uri="{BB962C8B-B14F-4D97-AF65-F5344CB8AC3E}">
        <p14:creationId xmlns:p14="http://schemas.microsoft.com/office/powerpoint/2010/main" val="1723282903"/>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mph" presetSubtype="0" fill="hold" nodeType="afterEffect">
                                  <p:stCondLst>
                                    <p:cond delay="0"/>
                                  </p:stCondLst>
                                  <p:childTnLst>
                                    <p:animScale>
                                      <p:cBhvr>
                                        <p:cTn id="6" dur="1250" fill="hold"/>
                                        <p:tgtEl>
                                          <p:spTgt spid="849"/>
                                        </p:tgtEl>
                                      </p:cBhvr>
                                      <p:by x="150000" y="150000"/>
                                    </p:animScale>
                                  </p:childTnLst>
                                </p:cTn>
                              </p:par>
                            </p:childTnLst>
                          </p:cTn>
                        </p:par>
                        <p:par>
                          <p:cTn id="7" fill="hold">
                            <p:stCondLst>
                              <p:cond delay="1250"/>
                            </p:stCondLst>
                            <p:childTnLst>
                              <p:par>
                                <p:cTn id="8" presetID="6" presetClass="emph" presetSubtype="0" fill="hold" nodeType="afterEffect">
                                  <p:stCondLst>
                                    <p:cond delay="0"/>
                                  </p:stCondLst>
                                  <p:childTnLst>
                                    <p:animScale>
                                      <p:cBhvr>
                                        <p:cTn id="9" dur="1250" fill="hold"/>
                                        <p:tgtEl>
                                          <p:spTgt spid="853"/>
                                        </p:tgtEl>
                                      </p:cBhvr>
                                      <p:by x="150000" y="150000"/>
                                    </p:animScale>
                                  </p:childTnLst>
                                </p:cTn>
                              </p:par>
                              <p:par>
                                <p:cTn id="10" presetID="3" presetClass="entr" presetSubtype="10" fill="hold" nodeType="with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blinds(horizontal)">
                                      <p:cBhvr>
                                        <p:cTn id="12"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847"/>
        <p:cNvGrpSpPr/>
        <p:nvPr/>
      </p:nvGrpSpPr>
      <p:grpSpPr>
        <a:xfrm>
          <a:off x="0" y="0"/>
          <a:ext cx="0" cy="0"/>
          <a:chOff x="0" y="0"/>
          <a:chExt cx="0" cy="0"/>
        </a:xfrm>
      </p:grpSpPr>
      <p:grpSp>
        <p:nvGrpSpPr>
          <p:cNvPr id="849" name="Google Shape;849;p49"/>
          <p:cNvGrpSpPr/>
          <p:nvPr/>
        </p:nvGrpSpPr>
        <p:grpSpPr>
          <a:xfrm rot="-6123802">
            <a:off x="277156" y="89534"/>
            <a:ext cx="1068247" cy="1196196"/>
            <a:chOff x="1835200" y="3337050"/>
            <a:chExt cx="279350" cy="312825"/>
          </a:xfrm>
        </p:grpSpPr>
        <p:sp>
          <p:nvSpPr>
            <p:cNvPr id="850" name="Google Shape;850;p49"/>
            <p:cNvSpPr/>
            <p:nvPr/>
          </p:nvSpPr>
          <p:spPr>
            <a:xfrm>
              <a:off x="1835200" y="3337050"/>
              <a:ext cx="64900" cy="154325"/>
            </a:xfrm>
            <a:custGeom>
              <a:avLst/>
              <a:gdLst/>
              <a:ahLst/>
              <a:cxnLst/>
              <a:rect l="l" t="t" r="r" b="b"/>
              <a:pathLst>
                <a:path w="2596" h="6173" extrusionOk="0">
                  <a:moveTo>
                    <a:pt x="2595" y="795"/>
                  </a:moveTo>
                  <a:cubicBezTo>
                    <a:pt x="2574" y="942"/>
                    <a:pt x="2511" y="1172"/>
                    <a:pt x="2449" y="1381"/>
                  </a:cubicBezTo>
                  <a:lnTo>
                    <a:pt x="1967" y="3034"/>
                  </a:lnTo>
                  <a:cubicBezTo>
                    <a:pt x="1779" y="3599"/>
                    <a:pt x="1549" y="4143"/>
                    <a:pt x="1361" y="4729"/>
                  </a:cubicBezTo>
                  <a:cubicBezTo>
                    <a:pt x="1277" y="4959"/>
                    <a:pt x="1214" y="5189"/>
                    <a:pt x="1130" y="5461"/>
                  </a:cubicBezTo>
                  <a:cubicBezTo>
                    <a:pt x="1110" y="5566"/>
                    <a:pt x="1089" y="5691"/>
                    <a:pt x="1047" y="5796"/>
                  </a:cubicBezTo>
                  <a:cubicBezTo>
                    <a:pt x="963" y="6005"/>
                    <a:pt x="838" y="6131"/>
                    <a:pt x="607" y="6173"/>
                  </a:cubicBezTo>
                  <a:cubicBezTo>
                    <a:pt x="398" y="6173"/>
                    <a:pt x="231" y="6068"/>
                    <a:pt x="168" y="5859"/>
                  </a:cubicBezTo>
                  <a:cubicBezTo>
                    <a:pt x="63" y="5545"/>
                    <a:pt x="1" y="5252"/>
                    <a:pt x="105" y="4938"/>
                  </a:cubicBezTo>
                  <a:cubicBezTo>
                    <a:pt x="168" y="4771"/>
                    <a:pt x="252" y="4624"/>
                    <a:pt x="314" y="4457"/>
                  </a:cubicBezTo>
                  <a:cubicBezTo>
                    <a:pt x="628" y="3871"/>
                    <a:pt x="838" y="3201"/>
                    <a:pt x="1026" y="2532"/>
                  </a:cubicBezTo>
                  <a:cubicBezTo>
                    <a:pt x="1193" y="2030"/>
                    <a:pt x="1361" y="1569"/>
                    <a:pt x="1528" y="1088"/>
                  </a:cubicBezTo>
                  <a:cubicBezTo>
                    <a:pt x="1612" y="858"/>
                    <a:pt x="1654" y="586"/>
                    <a:pt x="1737" y="356"/>
                  </a:cubicBezTo>
                  <a:cubicBezTo>
                    <a:pt x="1821" y="147"/>
                    <a:pt x="1988" y="0"/>
                    <a:pt x="2177" y="21"/>
                  </a:cubicBezTo>
                  <a:cubicBezTo>
                    <a:pt x="2386" y="63"/>
                    <a:pt x="2511" y="230"/>
                    <a:pt x="2532" y="440"/>
                  </a:cubicBezTo>
                  <a:cubicBezTo>
                    <a:pt x="2532" y="460"/>
                    <a:pt x="2574" y="586"/>
                    <a:pt x="2595" y="79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1" name="Google Shape;851;p49"/>
            <p:cNvSpPr/>
            <p:nvPr/>
          </p:nvSpPr>
          <p:spPr>
            <a:xfrm>
              <a:off x="1948725" y="3612700"/>
              <a:ext cx="165825" cy="37175"/>
            </a:xfrm>
            <a:custGeom>
              <a:avLst/>
              <a:gdLst/>
              <a:ahLst/>
              <a:cxnLst/>
              <a:rect l="l" t="t" r="r" b="b"/>
              <a:pathLst>
                <a:path w="6633" h="1487" extrusionOk="0">
                  <a:moveTo>
                    <a:pt x="2260" y="1466"/>
                  </a:moveTo>
                  <a:cubicBezTo>
                    <a:pt x="1653" y="1382"/>
                    <a:pt x="1088" y="1340"/>
                    <a:pt x="481" y="1256"/>
                  </a:cubicBezTo>
                  <a:cubicBezTo>
                    <a:pt x="377" y="1235"/>
                    <a:pt x="272" y="1214"/>
                    <a:pt x="167" y="1152"/>
                  </a:cubicBezTo>
                  <a:cubicBezTo>
                    <a:pt x="21" y="1068"/>
                    <a:pt x="0" y="817"/>
                    <a:pt x="146" y="733"/>
                  </a:cubicBezTo>
                  <a:cubicBezTo>
                    <a:pt x="272" y="649"/>
                    <a:pt x="398" y="608"/>
                    <a:pt x="544" y="587"/>
                  </a:cubicBezTo>
                  <a:cubicBezTo>
                    <a:pt x="1109" y="524"/>
                    <a:pt x="1653" y="440"/>
                    <a:pt x="2239" y="419"/>
                  </a:cubicBezTo>
                  <a:cubicBezTo>
                    <a:pt x="2846" y="398"/>
                    <a:pt x="3411" y="398"/>
                    <a:pt x="4017" y="273"/>
                  </a:cubicBezTo>
                  <a:cubicBezTo>
                    <a:pt x="4582" y="126"/>
                    <a:pt x="5189" y="85"/>
                    <a:pt x="5796" y="22"/>
                  </a:cubicBezTo>
                  <a:cubicBezTo>
                    <a:pt x="5984" y="1"/>
                    <a:pt x="6193" y="64"/>
                    <a:pt x="6361" y="105"/>
                  </a:cubicBezTo>
                  <a:cubicBezTo>
                    <a:pt x="6612" y="189"/>
                    <a:pt x="6633" y="524"/>
                    <a:pt x="6445" y="691"/>
                  </a:cubicBezTo>
                  <a:cubicBezTo>
                    <a:pt x="6361" y="754"/>
                    <a:pt x="6277" y="817"/>
                    <a:pt x="6152" y="859"/>
                  </a:cubicBezTo>
                  <a:cubicBezTo>
                    <a:pt x="5900" y="942"/>
                    <a:pt x="5608" y="1068"/>
                    <a:pt x="5356" y="1110"/>
                  </a:cubicBezTo>
                  <a:cubicBezTo>
                    <a:pt x="4310" y="1173"/>
                    <a:pt x="3306" y="1486"/>
                    <a:pt x="2260" y="146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2" name="Google Shape;852;p49"/>
            <p:cNvSpPr/>
            <p:nvPr/>
          </p:nvSpPr>
          <p:spPr>
            <a:xfrm>
              <a:off x="1926750" y="3445325"/>
              <a:ext cx="122425" cy="81100"/>
            </a:xfrm>
            <a:custGeom>
              <a:avLst/>
              <a:gdLst/>
              <a:ahLst/>
              <a:cxnLst/>
              <a:rect l="l" t="t" r="r" b="b"/>
              <a:pathLst>
                <a:path w="4897" h="3244" extrusionOk="0">
                  <a:moveTo>
                    <a:pt x="4373" y="0"/>
                  </a:moveTo>
                  <a:cubicBezTo>
                    <a:pt x="4415" y="21"/>
                    <a:pt x="4562" y="63"/>
                    <a:pt x="4624" y="84"/>
                  </a:cubicBezTo>
                  <a:cubicBezTo>
                    <a:pt x="4855" y="189"/>
                    <a:pt x="4896" y="502"/>
                    <a:pt x="4729" y="649"/>
                  </a:cubicBezTo>
                  <a:cubicBezTo>
                    <a:pt x="4708" y="712"/>
                    <a:pt x="4666" y="733"/>
                    <a:pt x="4603" y="754"/>
                  </a:cubicBezTo>
                  <a:cubicBezTo>
                    <a:pt x="3515" y="1528"/>
                    <a:pt x="2427" y="2302"/>
                    <a:pt x="1235" y="2909"/>
                  </a:cubicBezTo>
                  <a:cubicBezTo>
                    <a:pt x="1005" y="3013"/>
                    <a:pt x="753" y="3118"/>
                    <a:pt x="523" y="3202"/>
                  </a:cubicBezTo>
                  <a:cubicBezTo>
                    <a:pt x="356" y="3243"/>
                    <a:pt x="168" y="3202"/>
                    <a:pt x="84" y="3034"/>
                  </a:cubicBezTo>
                  <a:cubicBezTo>
                    <a:pt x="42" y="2909"/>
                    <a:pt x="0" y="2699"/>
                    <a:pt x="63" y="2574"/>
                  </a:cubicBezTo>
                  <a:cubicBezTo>
                    <a:pt x="147" y="2407"/>
                    <a:pt x="314" y="2260"/>
                    <a:pt x="481" y="2176"/>
                  </a:cubicBezTo>
                  <a:cubicBezTo>
                    <a:pt x="942" y="1883"/>
                    <a:pt x="1465" y="1632"/>
                    <a:pt x="1946" y="1298"/>
                  </a:cubicBezTo>
                  <a:cubicBezTo>
                    <a:pt x="2406" y="1026"/>
                    <a:pt x="2867" y="733"/>
                    <a:pt x="3306" y="419"/>
                  </a:cubicBezTo>
                  <a:cubicBezTo>
                    <a:pt x="3641" y="210"/>
                    <a:pt x="3955" y="21"/>
                    <a:pt x="4373" y="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53" name="Google Shape;853;p49"/>
          <p:cNvGrpSpPr/>
          <p:nvPr/>
        </p:nvGrpSpPr>
        <p:grpSpPr>
          <a:xfrm rot="2964127">
            <a:off x="9680767" y="1115767"/>
            <a:ext cx="1068254" cy="1196197"/>
            <a:chOff x="1835200" y="3337050"/>
            <a:chExt cx="279350" cy="312825"/>
          </a:xfrm>
        </p:grpSpPr>
        <p:sp>
          <p:nvSpPr>
            <p:cNvPr id="854" name="Google Shape;854;p49"/>
            <p:cNvSpPr/>
            <p:nvPr/>
          </p:nvSpPr>
          <p:spPr>
            <a:xfrm>
              <a:off x="1835200" y="3337050"/>
              <a:ext cx="64900" cy="154325"/>
            </a:xfrm>
            <a:custGeom>
              <a:avLst/>
              <a:gdLst/>
              <a:ahLst/>
              <a:cxnLst/>
              <a:rect l="l" t="t" r="r" b="b"/>
              <a:pathLst>
                <a:path w="2596" h="6173" extrusionOk="0">
                  <a:moveTo>
                    <a:pt x="2595" y="795"/>
                  </a:moveTo>
                  <a:cubicBezTo>
                    <a:pt x="2574" y="942"/>
                    <a:pt x="2511" y="1172"/>
                    <a:pt x="2449" y="1381"/>
                  </a:cubicBezTo>
                  <a:lnTo>
                    <a:pt x="1967" y="3034"/>
                  </a:lnTo>
                  <a:cubicBezTo>
                    <a:pt x="1779" y="3599"/>
                    <a:pt x="1549" y="4143"/>
                    <a:pt x="1361" y="4729"/>
                  </a:cubicBezTo>
                  <a:cubicBezTo>
                    <a:pt x="1277" y="4959"/>
                    <a:pt x="1214" y="5189"/>
                    <a:pt x="1130" y="5461"/>
                  </a:cubicBezTo>
                  <a:cubicBezTo>
                    <a:pt x="1110" y="5566"/>
                    <a:pt x="1089" y="5691"/>
                    <a:pt x="1047" y="5796"/>
                  </a:cubicBezTo>
                  <a:cubicBezTo>
                    <a:pt x="963" y="6005"/>
                    <a:pt x="838" y="6131"/>
                    <a:pt x="607" y="6173"/>
                  </a:cubicBezTo>
                  <a:cubicBezTo>
                    <a:pt x="398" y="6173"/>
                    <a:pt x="231" y="6068"/>
                    <a:pt x="168" y="5859"/>
                  </a:cubicBezTo>
                  <a:cubicBezTo>
                    <a:pt x="63" y="5545"/>
                    <a:pt x="1" y="5252"/>
                    <a:pt x="105" y="4938"/>
                  </a:cubicBezTo>
                  <a:cubicBezTo>
                    <a:pt x="168" y="4771"/>
                    <a:pt x="252" y="4624"/>
                    <a:pt x="314" y="4457"/>
                  </a:cubicBezTo>
                  <a:cubicBezTo>
                    <a:pt x="628" y="3871"/>
                    <a:pt x="838" y="3201"/>
                    <a:pt x="1026" y="2532"/>
                  </a:cubicBezTo>
                  <a:cubicBezTo>
                    <a:pt x="1193" y="2030"/>
                    <a:pt x="1361" y="1569"/>
                    <a:pt x="1528" y="1088"/>
                  </a:cubicBezTo>
                  <a:cubicBezTo>
                    <a:pt x="1612" y="858"/>
                    <a:pt x="1654" y="586"/>
                    <a:pt x="1737" y="356"/>
                  </a:cubicBezTo>
                  <a:cubicBezTo>
                    <a:pt x="1821" y="147"/>
                    <a:pt x="1988" y="0"/>
                    <a:pt x="2177" y="21"/>
                  </a:cubicBezTo>
                  <a:cubicBezTo>
                    <a:pt x="2386" y="63"/>
                    <a:pt x="2511" y="230"/>
                    <a:pt x="2532" y="440"/>
                  </a:cubicBezTo>
                  <a:cubicBezTo>
                    <a:pt x="2532" y="460"/>
                    <a:pt x="2574" y="586"/>
                    <a:pt x="2595" y="79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5" name="Google Shape;855;p49"/>
            <p:cNvSpPr/>
            <p:nvPr/>
          </p:nvSpPr>
          <p:spPr>
            <a:xfrm>
              <a:off x="1948725" y="3612700"/>
              <a:ext cx="165825" cy="37175"/>
            </a:xfrm>
            <a:custGeom>
              <a:avLst/>
              <a:gdLst/>
              <a:ahLst/>
              <a:cxnLst/>
              <a:rect l="l" t="t" r="r" b="b"/>
              <a:pathLst>
                <a:path w="6633" h="1487" extrusionOk="0">
                  <a:moveTo>
                    <a:pt x="2260" y="1466"/>
                  </a:moveTo>
                  <a:cubicBezTo>
                    <a:pt x="1653" y="1382"/>
                    <a:pt x="1088" y="1340"/>
                    <a:pt x="481" y="1256"/>
                  </a:cubicBezTo>
                  <a:cubicBezTo>
                    <a:pt x="377" y="1235"/>
                    <a:pt x="272" y="1214"/>
                    <a:pt x="167" y="1152"/>
                  </a:cubicBezTo>
                  <a:cubicBezTo>
                    <a:pt x="21" y="1068"/>
                    <a:pt x="0" y="817"/>
                    <a:pt x="146" y="733"/>
                  </a:cubicBezTo>
                  <a:cubicBezTo>
                    <a:pt x="272" y="649"/>
                    <a:pt x="398" y="608"/>
                    <a:pt x="544" y="587"/>
                  </a:cubicBezTo>
                  <a:cubicBezTo>
                    <a:pt x="1109" y="524"/>
                    <a:pt x="1653" y="440"/>
                    <a:pt x="2239" y="419"/>
                  </a:cubicBezTo>
                  <a:cubicBezTo>
                    <a:pt x="2846" y="398"/>
                    <a:pt x="3411" y="398"/>
                    <a:pt x="4017" y="273"/>
                  </a:cubicBezTo>
                  <a:cubicBezTo>
                    <a:pt x="4582" y="126"/>
                    <a:pt x="5189" y="85"/>
                    <a:pt x="5796" y="22"/>
                  </a:cubicBezTo>
                  <a:cubicBezTo>
                    <a:pt x="5984" y="1"/>
                    <a:pt x="6193" y="64"/>
                    <a:pt x="6361" y="105"/>
                  </a:cubicBezTo>
                  <a:cubicBezTo>
                    <a:pt x="6612" y="189"/>
                    <a:pt x="6633" y="524"/>
                    <a:pt x="6445" y="691"/>
                  </a:cubicBezTo>
                  <a:cubicBezTo>
                    <a:pt x="6361" y="754"/>
                    <a:pt x="6277" y="817"/>
                    <a:pt x="6152" y="859"/>
                  </a:cubicBezTo>
                  <a:cubicBezTo>
                    <a:pt x="5900" y="942"/>
                    <a:pt x="5608" y="1068"/>
                    <a:pt x="5356" y="1110"/>
                  </a:cubicBezTo>
                  <a:cubicBezTo>
                    <a:pt x="4310" y="1173"/>
                    <a:pt x="3306" y="1486"/>
                    <a:pt x="2260" y="146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856" name="Google Shape;856;p49"/>
            <p:cNvSpPr/>
            <p:nvPr/>
          </p:nvSpPr>
          <p:spPr>
            <a:xfrm>
              <a:off x="1926750" y="3445325"/>
              <a:ext cx="122425" cy="81100"/>
            </a:xfrm>
            <a:custGeom>
              <a:avLst/>
              <a:gdLst/>
              <a:ahLst/>
              <a:cxnLst/>
              <a:rect l="l" t="t" r="r" b="b"/>
              <a:pathLst>
                <a:path w="4897" h="3244" extrusionOk="0">
                  <a:moveTo>
                    <a:pt x="4373" y="0"/>
                  </a:moveTo>
                  <a:cubicBezTo>
                    <a:pt x="4415" y="21"/>
                    <a:pt x="4562" y="63"/>
                    <a:pt x="4624" y="84"/>
                  </a:cubicBezTo>
                  <a:cubicBezTo>
                    <a:pt x="4855" y="189"/>
                    <a:pt x="4896" y="502"/>
                    <a:pt x="4729" y="649"/>
                  </a:cubicBezTo>
                  <a:cubicBezTo>
                    <a:pt x="4708" y="712"/>
                    <a:pt x="4666" y="733"/>
                    <a:pt x="4603" y="754"/>
                  </a:cubicBezTo>
                  <a:cubicBezTo>
                    <a:pt x="3515" y="1528"/>
                    <a:pt x="2427" y="2302"/>
                    <a:pt x="1235" y="2909"/>
                  </a:cubicBezTo>
                  <a:cubicBezTo>
                    <a:pt x="1005" y="3013"/>
                    <a:pt x="753" y="3118"/>
                    <a:pt x="523" y="3202"/>
                  </a:cubicBezTo>
                  <a:cubicBezTo>
                    <a:pt x="356" y="3243"/>
                    <a:pt x="168" y="3202"/>
                    <a:pt x="84" y="3034"/>
                  </a:cubicBezTo>
                  <a:cubicBezTo>
                    <a:pt x="42" y="2909"/>
                    <a:pt x="0" y="2699"/>
                    <a:pt x="63" y="2574"/>
                  </a:cubicBezTo>
                  <a:cubicBezTo>
                    <a:pt x="147" y="2407"/>
                    <a:pt x="314" y="2260"/>
                    <a:pt x="481" y="2176"/>
                  </a:cubicBezTo>
                  <a:cubicBezTo>
                    <a:pt x="942" y="1883"/>
                    <a:pt x="1465" y="1632"/>
                    <a:pt x="1946" y="1298"/>
                  </a:cubicBezTo>
                  <a:cubicBezTo>
                    <a:pt x="2406" y="1026"/>
                    <a:pt x="2867" y="733"/>
                    <a:pt x="3306" y="419"/>
                  </a:cubicBezTo>
                  <a:cubicBezTo>
                    <a:pt x="3641" y="210"/>
                    <a:pt x="3955" y="21"/>
                    <a:pt x="4373" y="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91" name="Google Shape;891;p49"/>
          <p:cNvGrpSpPr/>
          <p:nvPr/>
        </p:nvGrpSpPr>
        <p:grpSpPr>
          <a:xfrm>
            <a:off x="70862" y="-102479"/>
            <a:ext cx="608900" cy="407500"/>
            <a:chOff x="4137713" y="525925"/>
            <a:chExt cx="608900" cy="407500"/>
          </a:xfrm>
        </p:grpSpPr>
        <p:sp>
          <p:nvSpPr>
            <p:cNvPr id="892" name="Google Shape;892;p49"/>
            <p:cNvSpPr/>
            <p:nvPr/>
          </p:nvSpPr>
          <p:spPr>
            <a:xfrm>
              <a:off x="4168063" y="559925"/>
              <a:ext cx="556575" cy="353625"/>
            </a:xfrm>
            <a:custGeom>
              <a:avLst/>
              <a:gdLst/>
              <a:ahLst/>
              <a:cxnLst/>
              <a:rect l="l" t="t" r="r" b="b"/>
              <a:pathLst>
                <a:path w="22263" h="14145" extrusionOk="0">
                  <a:moveTo>
                    <a:pt x="8913" y="11257"/>
                  </a:moveTo>
                  <a:cubicBezTo>
                    <a:pt x="8495" y="11069"/>
                    <a:pt x="8160" y="11195"/>
                    <a:pt x="7825" y="11487"/>
                  </a:cubicBezTo>
                  <a:cubicBezTo>
                    <a:pt x="7302" y="11948"/>
                    <a:pt x="6696" y="12345"/>
                    <a:pt x="6110" y="12764"/>
                  </a:cubicBezTo>
                  <a:cubicBezTo>
                    <a:pt x="5670" y="13078"/>
                    <a:pt x="5147" y="13161"/>
                    <a:pt x="4603" y="13057"/>
                  </a:cubicBezTo>
                  <a:cubicBezTo>
                    <a:pt x="4101" y="12952"/>
                    <a:pt x="3599" y="12889"/>
                    <a:pt x="3118" y="12827"/>
                  </a:cubicBezTo>
                  <a:cubicBezTo>
                    <a:pt x="2825" y="12764"/>
                    <a:pt x="2678" y="12638"/>
                    <a:pt x="2657" y="12345"/>
                  </a:cubicBezTo>
                  <a:cubicBezTo>
                    <a:pt x="2657" y="12136"/>
                    <a:pt x="2615" y="11927"/>
                    <a:pt x="2678" y="11739"/>
                  </a:cubicBezTo>
                  <a:cubicBezTo>
                    <a:pt x="3013" y="10881"/>
                    <a:pt x="3139" y="9960"/>
                    <a:pt x="3724" y="9228"/>
                  </a:cubicBezTo>
                  <a:cubicBezTo>
                    <a:pt x="3829" y="9102"/>
                    <a:pt x="3913" y="8956"/>
                    <a:pt x="3996" y="8788"/>
                  </a:cubicBezTo>
                  <a:lnTo>
                    <a:pt x="3996" y="8684"/>
                  </a:lnTo>
                  <a:cubicBezTo>
                    <a:pt x="3913" y="8663"/>
                    <a:pt x="3829" y="8600"/>
                    <a:pt x="3766" y="8642"/>
                  </a:cubicBezTo>
                  <a:cubicBezTo>
                    <a:pt x="3578" y="8705"/>
                    <a:pt x="3369" y="8767"/>
                    <a:pt x="3201" y="8893"/>
                  </a:cubicBezTo>
                  <a:cubicBezTo>
                    <a:pt x="2762" y="9270"/>
                    <a:pt x="2323" y="9270"/>
                    <a:pt x="1799" y="9165"/>
                  </a:cubicBezTo>
                  <a:cubicBezTo>
                    <a:pt x="1193" y="9018"/>
                    <a:pt x="670" y="8809"/>
                    <a:pt x="251" y="8349"/>
                  </a:cubicBezTo>
                  <a:cubicBezTo>
                    <a:pt x="126" y="8182"/>
                    <a:pt x="63" y="7972"/>
                    <a:pt x="21" y="7805"/>
                  </a:cubicBezTo>
                  <a:cubicBezTo>
                    <a:pt x="0" y="7638"/>
                    <a:pt x="0" y="7449"/>
                    <a:pt x="21" y="7282"/>
                  </a:cubicBezTo>
                  <a:cubicBezTo>
                    <a:pt x="84" y="6591"/>
                    <a:pt x="356" y="5985"/>
                    <a:pt x="983" y="5671"/>
                  </a:cubicBezTo>
                  <a:cubicBezTo>
                    <a:pt x="1465" y="5441"/>
                    <a:pt x="2511" y="5566"/>
                    <a:pt x="3013" y="6236"/>
                  </a:cubicBezTo>
                  <a:cubicBezTo>
                    <a:pt x="3055" y="6298"/>
                    <a:pt x="3118" y="6403"/>
                    <a:pt x="3160" y="6403"/>
                  </a:cubicBezTo>
                  <a:cubicBezTo>
                    <a:pt x="3264" y="6445"/>
                    <a:pt x="3390" y="6403"/>
                    <a:pt x="3452" y="6361"/>
                  </a:cubicBezTo>
                  <a:cubicBezTo>
                    <a:pt x="3536" y="6277"/>
                    <a:pt x="3536" y="6152"/>
                    <a:pt x="3536" y="6026"/>
                  </a:cubicBezTo>
                  <a:cubicBezTo>
                    <a:pt x="3557" y="5566"/>
                    <a:pt x="3536" y="5127"/>
                    <a:pt x="3557" y="4687"/>
                  </a:cubicBezTo>
                  <a:cubicBezTo>
                    <a:pt x="3662" y="2951"/>
                    <a:pt x="4415" y="1591"/>
                    <a:pt x="5754" y="523"/>
                  </a:cubicBezTo>
                  <a:cubicBezTo>
                    <a:pt x="6193" y="168"/>
                    <a:pt x="6717" y="0"/>
                    <a:pt x="7323" y="0"/>
                  </a:cubicBezTo>
                  <a:cubicBezTo>
                    <a:pt x="8558" y="0"/>
                    <a:pt x="9520" y="900"/>
                    <a:pt x="9541" y="2156"/>
                  </a:cubicBezTo>
                  <a:lnTo>
                    <a:pt x="9541" y="3118"/>
                  </a:lnTo>
                  <a:cubicBezTo>
                    <a:pt x="9541" y="3327"/>
                    <a:pt x="9625" y="3536"/>
                    <a:pt x="9834" y="3620"/>
                  </a:cubicBezTo>
                  <a:cubicBezTo>
                    <a:pt x="10043" y="3725"/>
                    <a:pt x="10274" y="3620"/>
                    <a:pt x="10441" y="3390"/>
                  </a:cubicBezTo>
                  <a:cubicBezTo>
                    <a:pt x="10504" y="3285"/>
                    <a:pt x="10546" y="3181"/>
                    <a:pt x="10608" y="3097"/>
                  </a:cubicBezTo>
                  <a:cubicBezTo>
                    <a:pt x="10818" y="2804"/>
                    <a:pt x="11090" y="2532"/>
                    <a:pt x="11424" y="2428"/>
                  </a:cubicBezTo>
                  <a:cubicBezTo>
                    <a:pt x="12387" y="2156"/>
                    <a:pt x="13328" y="2176"/>
                    <a:pt x="14228" y="2783"/>
                  </a:cubicBezTo>
                  <a:cubicBezTo>
                    <a:pt x="14751" y="3139"/>
                    <a:pt x="15044" y="3641"/>
                    <a:pt x="15044" y="4269"/>
                  </a:cubicBezTo>
                  <a:lnTo>
                    <a:pt x="15044" y="5336"/>
                  </a:lnTo>
                  <a:cubicBezTo>
                    <a:pt x="15065" y="5775"/>
                    <a:pt x="15295" y="5964"/>
                    <a:pt x="15735" y="5943"/>
                  </a:cubicBezTo>
                  <a:cubicBezTo>
                    <a:pt x="15923" y="5922"/>
                    <a:pt x="16090" y="5880"/>
                    <a:pt x="16258" y="5817"/>
                  </a:cubicBezTo>
                  <a:cubicBezTo>
                    <a:pt x="16990" y="5545"/>
                    <a:pt x="17785" y="5503"/>
                    <a:pt x="18538" y="5587"/>
                  </a:cubicBezTo>
                  <a:cubicBezTo>
                    <a:pt x="19898" y="5754"/>
                    <a:pt x="21007" y="6424"/>
                    <a:pt x="21761" y="7554"/>
                  </a:cubicBezTo>
                  <a:cubicBezTo>
                    <a:pt x="22263" y="8286"/>
                    <a:pt x="22179" y="9186"/>
                    <a:pt x="21593" y="9855"/>
                  </a:cubicBezTo>
                  <a:cubicBezTo>
                    <a:pt x="20714" y="10943"/>
                    <a:pt x="19543" y="11508"/>
                    <a:pt x="18204" y="11780"/>
                  </a:cubicBezTo>
                  <a:cubicBezTo>
                    <a:pt x="17932" y="11822"/>
                    <a:pt x="17680" y="11843"/>
                    <a:pt x="17408" y="11906"/>
                  </a:cubicBezTo>
                  <a:cubicBezTo>
                    <a:pt x="16718" y="12052"/>
                    <a:pt x="16237" y="11801"/>
                    <a:pt x="15881" y="11195"/>
                  </a:cubicBezTo>
                  <a:cubicBezTo>
                    <a:pt x="15588" y="10734"/>
                    <a:pt x="15149" y="10755"/>
                    <a:pt x="14835" y="11195"/>
                  </a:cubicBezTo>
                  <a:cubicBezTo>
                    <a:pt x="14542" y="11634"/>
                    <a:pt x="14228" y="12052"/>
                    <a:pt x="13914" y="12513"/>
                  </a:cubicBezTo>
                  <a:cubicBezTo>
                    <a:pt x="13642" y="12889"/>
                    <a:pt x="13266" y="13182"/>
                    <a:pt x="12889" y="13475"/>
                  </a:cubicBezTo>
                  <a:cubicBezTo>
                    <a:pt x="12073" y="14145"/>
                    <a:pt x="10755" y="13915"/>
                    <a:pt x="10127" y="13308"/>
                  </a:cubicBezTo>
                  <a:cubicBezTo>
                    <a:pt x="9562" y="12764"/>
                    <a:pt x="9123" y="12094"/>
                    <a:pt x="8913" y="11257"/>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893" name="Google Shape;893;p49"/>
            <p:cNvSpPr/>
            <p:nvPr/>
          </p:nvSpPr>
          <p:spPr>
            <a:xfrm>
              <a:off x="4137713" y="525925"/>
              <a:ext cx="608900" cy="407500"/>
            </a:xfrm>
            <a:custGeom>
              <a:avLst/>
              <a:gdLst/>
              <a:ahLst/>
              <a:cxnLst/>
              <a:rect l="l" t="t" r="r" b="b"/>
              <a:pathLst>
                <a:path w="24356" h="16300" extrusionOk="0">
                  <a:moveTo>
                    <a:pt x="3976" y="6194"/>
                  </a:moveTo>
                  <a:cubicBezTo>
                    <a:pt x="3913" y="4896"/>
                    <a:pt x="4353" y="3788"/>
                    <a:pt x="5001" y="2741"/>
                  </a:cubicBezTo>
                  <a:cubicBezTo>
                    <a:pt x="5336" y="2218"/>
                    <a:pt x="5713" y="1737"/>
                    <a:pt x="6215" y="1360"/>
                  </a:cubicBezTo>
                  <a:cubicBezTo>
                    <a:pt x="6529" y="1130"/>
                    <a:pt x="6884" y="858"/>
                    <a:pt x="7261" y="712"/>
                  </a:cubicBezTo>
                  <a:cubicBezTo>
                    <a:pt x="9081" y="0"/>
                    <a:pt x="10567" y="544"/>
                    <a:pt x="11488" y="2281"/>
                  </a:cubicBezTo>
                  <a:cubicBezTo>
                    <a:pt x="11613" y="2511"/>
                    <a:pt x="11697" y="2741"/>
                    <a:pt x="11780" y="2992"/>
                  </a:cubicBezTo>
                  <a:cubicBezTo>
                    <a:pt x="11864" y="3013"/>
                    <a:pt x="11927" y="3034"/>
                    <a:pt x="11969" y="3013"/>
                  </a:cubicBezTo>
                  <a:cubicBezTo>
                    <a:pt x="12806" y="2574"/>
                    <a:pt x="13685" y="2616"/>
                    <a:pt x="14542" y="2720"/>
                  </a:cubicBezTo>
                  <a:cubicBezTo>
                    <a:pt x="15944" y="2888"/>
                    <a:pt x="17032" y="3997"/>
                    <a:pt x="17221" y="5378"/>
                  </a:cubicBezTo>
                  <a:cubicBezTo>
                    <a:pt x="17242" y="5629"/>
                    <a:pt x="17262" y="5838"/>
                    <a:pt x="17304" y="6089"/>
                  </a:cubicBezTo>
                  <a:cubicBezTo>
                    <a:pt x="17723" y="6047"/>
                    <a:pt x="18099" y="5985"/>
                    <a:pt x="18476" y="5943"/>
                  </a:cubicBezTo>
                  <a:cubicBezTo>
                    <a:pt x="20464" y="5692"/>
                    <a:pt x="22117" y="6424"/>
                    <a:pt x="23435" y="7868"/>
                  </a:cubicBezTo>
                  <a:cubicBezTo>
                    <a:pt x="24230" y="8746"/>
                    <a:pt x="24356" y="9751"/>
                    <a:pt x="24125" y="10860"/>
                  </a:cubicBezTo>
                  <a:cubicBezTo>
                    <a:pt x="24042" y="11215"/>
                    <a:pt x="23812" y="11529"/>
                    <a:pt x="23581" y="11843"/>
                  </a:cubicBezTo>
                  <a:cubicBezTo>
                    <a:pt x="22786" y="12889"/>
                    <a:pt x="21719" y="13559"/>
                    <a:pt x="20464" y="13935"/>
                  </a:cubicBezTo>
                  <a:cubicBezTo>
                    <a:pt x="19941" y="14103"/>
                    <a:pt x="19418" y="14354"/>
                    <a:pt x="18832" y="14354"/>
                  </a:cubicBezTo>
                  <a:cubicBezTo>
                    <a:pt x="18204" y="14354"/>
                    <a:pt x="17618" y="14249"/>
                    <a:pt x="17095" y="13894"/>
                  </a:cubicBezTo>
                  <a:cubicBezTo>
                    <a:pt x="16949" y="13789"/>
                    <a:pt x="16802" y="13705"/>
                    <a:pt x="16614" y="13601"/>
                  </a:cubicBezTo>
                  <a:cubicBezTo>
                    <a:pt x="16321" y="13998"/>
                    <a:pt x="15840" y="14145"/>
                    <a:pt x="15756" y="14710"/>
                  </a:cubicBezTo>
                  <a:cubicBezTo>
                    <a:pt x="15756" y="14814"/>
                    <a:pt x="15589" y="14877"/>
                    <a:pt x="15526" y="14961"/>
                  </a:cubicBezTo>
                  <a:cubicBezTo>
                    <a:pt x="15317" y="15107"/>
                    <a:pt x="15107" y="15275"/>
                    <a:pt x="14898" y="15463"/>
                  </a:cubicBezTo>
                  <a:cubicBezTo>
                    <a:pt x="14082" y="16216"/>
                    <a:pt x="13120" y="16300"/>
                    <a:pt x="12073" y="16112"/>
                  </a:cubicBezTo>
                  <a:cubicBezTo>
                    <a:pt x="11718" y="16070"/>
                    <a:pt x="11383" y="15881"/>
                    <a:pt x="11090" y="15714"/>
                  </a:cubicBezTo>
                  <a:cubicBezTo>
                    <a:pt x="10567" y="15400"/>
                    <a:pt x="10211" y="14961"/>
                    <a:pt x="9876" y="14459"/>
                  </a:cubicBezTo>
                  <a:cubicBezTo>
                    <a:pt x="9709" y="14249"/>
                    <a:pt x="9583" y="14019"/>
                    <a:pt x="9416" y="13768"/>
                  </a:cubicBezTo>
                  <a:cubicBezTo>
                    <a:pt x="9270" y="13873"/>
                    <a:pt x="9102" y="13935"/>
                    <a:pt x="8977" y="14040"/>
                  </a:cubicBezTo>
                  <a:cubicBezTo>
                    <a:pt x="8726" y="14228"/>
                    <a:pt x="8454" y="14438"/>
                    <a:pt x="8203" y="14626"/>
                  </a:cubicBezTo>
                  <a:cubicBezTo>
                    <a:pt x="6738" y="15693"/>
                    <a:pt x="5169" y="15588"/>
                    <a:pt x="3599" y="14940"/>
                  </a:cubicBezTo>
                  <a:cubicBezTo>
                    <a:pt x="3390" y="14856"/>
                    <a:pt x="3181" y="14689"/>
                    <a:pt x="2993" y="14563"/>
                  </a:cubicBezTo>
                  <a:cubicBezTo>
                    <a:pt x="2721" y="14354"/>
                    <a:pt x="2595" y="14061"/>
                    <a:pt x="2595" y="13726"/>
                  </a:cubicBezTo>
                  <a:cubicBezTo>
                    <a:pt x="2595" y="13119"/>
                    <a:pt x="2595" y="12555"/>
                    <a:pt x="2888" y="12011"/>
                  </a:cubicBezTo>
                  <a:cubicBezTo>
                    <a:pt x="2909" y="11927"/>
                    <a:pt x="2930" y="11843"/>
                    <a:pt x="2972" y="11718"/>
                  </a:cubicBezTo>
                  <a:cubicBezTo>
                    <a:pt x="2762" y="11487"/>
                    <a:pt x="2449" y="11508"/>
                    <a:pt x="2177" y="11425"/>
                  </a:cubicBezTo>
                  <a:cubicBezTo>
                    <a:pt x="1570" y="11215"/>
                    <a:pt x="1047" y="10902"/>
                    <a:pt x="628" y="10441"/>
                  </a:cubicBezTo>
                  <a:cubicBezTo>
                    <a:pt x="398" y="10190"/>
                    <a:pt x="252" y="9918"/>
                    <a:pt x="189" y="9562"/>
                  </a:cubicBezTo>
                  <a:cubicBezTo>
                    <a:pt x="0" y="8474"/>
                    <a:pt x="210" y="7449"/>
                    <a:pt x="1026" y="6612"/>
                  </a:cubicBezTo>
                  <a:cubicBezTo>
                    <a:pt x="1402" y="6215"/>
                    <a:pt x="1821" y="5985"/>
                    <a:pt x="2365" y="6047"/>
                  </a:cubicBezTo>
                  <a:cubicBezTo>
                    <a:pt x="2888" y="6089"/>
                    <a:pt x="3369" y="6152"/>
                    <a:pt x="3976" y="6194"/>
                  </a:cubicBezTo>
                  <a:close/>
                  <a:moveTo>
                    <a:pt x="10127" y="12617"/>
                  </a:moveTo>
                  <a:cubicBezTo>
                    <a:pt x="10316" y="13454"/>
                    <a:pt x="10755" y="14124"/>
                    <a:pt x="11383" y="14668"/>
                  </a:cubicBezTo>
                  <a:cubicBezTo>
                    <a:pt x="12011" y="15275"/>
                    <a:pt x="13350" y="15484"/>
                    <a:pt x="14166" y="14835"/>
                  </a:cubicBezTo>
                  <a:cubicBezTo>
                    <a:pt x="14521" y="14542"/>
                    <a:pt x="14877" y="14249"/>
                    <a:pt x="15170" y="13873"/>
                  </a:cubicBezTo>
                  <a:cubicBezTo>
                    <a:pt x="15463" y="13412"/>
                    <a:pt x="15777" y="12994"/>
                    <a:pt x="16091" y="12555"/>
                  </a:cubicBezTo>
                  <a:cubicBezTo>
                    <a:pt x="16405" y="12094"/>
                    <a:pt x="16844" y="12094"/>
                    <a:pt x="17137" y="12555"/>
                  </a:cubicBezTo>
                  <a:cubicBezTo>
                    <a:pt x="17493" y="13161"/>
                    <a:pt x="17974" y="13412"/>
                    <a:pt x="18685" y="13266"/>
                  </a:cubicBezTo>
                  <a:cubicBezTo>
                    <a:pt x="18936" y="13203"/>
                    <a:pt x="19208" y="13182"/>
                    <a:pt x="19459" y="13140"/>
                  </a:cubicBezTo>
                  <a:cubicBezTo>
                    <a:pt x="20799" y="12847"/>
                    <a:pt x="21970" y="12303"/>
                    <a:pt x="22870" y="11215"/>
                  </a:cubicBezTo>
                  <a:cubicBezTo>
                    <a:pt x="23435" y="10546"/>
                    <a:pt x="23519" y="9646"/>
                    <a:pt x="23016" y="8914"/>
                  </a:cubicBezTo>
                  <a:cubicBezTo>
                    <a:pt x="22242" y="7784"/>
                    <a:pt x="21133" y="7135"/>
                    <a:pt x="19815" y="6947"/>
                  </a:cubicBezTo>
                  <a:cubicBezTo>
                    <a:pt x="19041" y="6842"/>
                    <a:pt x="18267" y="6905"/>
                    <a:pt x="17534" y="7177"/>
                  </a:cubicBezTo>
                  <a:cubicBezTo>
                    <a:pt x="17367" y="7219"/>
                    <a:pt x="17200" y="7282"/>
                    <a:pt x="17011" y="7303"/>
                  </a:cubicBezTo>
                  <a:cubicBezTo>
                    <a:pt x="16593" y="7345"/>
                    <a:pt x="16321" y="7135"/>
                    <a:pt x="16300" y="6696"/>
                  </a:cubicBezTo>
                  <a:cubicBezTo>
                    <a:pt x="16279" y="6361"/>
                    <a:pt x="16300" y="5985"/>
                    <a:pt x="16300" y="5629"/>
                  </a:cubicBezTo>
                  <a:cubicBezTo>
                    <a:pt x="16300" y="5001"/>
                    <a:pt x="16007" y="4499"/>
                    <a:pt x="15484" y="4143"/>
                  </a:cubicBezTo>
                  <a:cubicBezTo>
                    <a:pt x="14626" y="3536"/>
                    <a:pt x="13685" y="3516"/>
                    <a:pt x="12680" y="3788"/>
                  </a:cubicBezTo>
                  <a:cubicBezTo>
                    <a:pt x="12345" y="3892"/>
                    <a:pt x="12094" y="4164"/>
                    <a:pt x="11885" y="4457"/>
                  </a:cubicBezTo>
                  <a:cubicBezTo>
                    <a:pt x="11801" y="4562"/>
                    <a:pt x="11780" y="4666"/>
                    <a:pt x="11697" y="4750"/>
                  </a:cubicBezTo>
                  <a:cubicBezTo>
                    <a:pt x="11529" y="5001"/>
                    <a:pt x="11299" y="5064"/>
                    <a:pt x="11090" y="4980"/>
                  </a:cubicBezTo>
                  <a:cubicBezTo>
                    <a:pt x="10881" y="4896"/>
                    <a:pt x="10797" y="4687"/>
                    <a:pt x="10797" y="4478"/>
                  </a:cubicBezTo>
                  <a:cubicBezTo>
                    <a:pt x="10797" y="4164"/>
                    <a:pt x="10839" y="3808"/>
                    <a:pt x="10797" y="3516"/>
                  </a:cubicBezTo>
                  <a:cubicBezTo>
                    <a:pt x="10755" y="2281"/>
                    <a:pt x="9814" y="1360"/>
                    <a:pt x="8579" y="1360"/>
                  </a:cubicBezTo>
                  <a:cubicBezTo>
                    <a:pt x="8014" y="1360"/>
                    <a:pt x="7491" y="1549"/>
                    <a:pt x="7010" y="1883"/>
                  </a:cubicBezTo>
                  <a:cubicBezTo>
                    <a:pt x="5671" y="2951"/>
                    <a:pt x="4897" y="4311"/>
                    <a:pt x="4813" y="6047"/>
                  </a:cubicBezTo>
                  <a:cubicBezTo>
                    <a:pt x="4792" y="6487"/>
                    <a:pt x="4792" y="6926"/>
                    <a:pt x="4792" y="7386"/>
                  </a:cubicBezTo>
                  <a:cubicBezTo>
                    <a:pt x="4792" y="7491"/>
                    <a:pt x="4771" y="7637"/>
                    <a:pt x="4708" y="7721"/>
                  </a:cubicBezTo>
                  <a:cubicBezTo>
                    <a:pt x="4666" y="7763"/>
                    <a:pt x="4499" y="7805"/>
                    <a:pt x="4415" y="7763"/>
                  </a:cubicBezTo>
                  <a:cubicBezTo>
                    <a:pt x="4374" y="7742"/>
                    <a:pt x="4311" y="7637"/>
                    <a:pt x="4269" y="7596"/>
                  </a:cubicBezTo>
                  <a:cubicBezTo>
                    <a:pt x="3767" y="6926"/>
                    <a:pt x="2721" y="6801"/>
                    <a:pt x="2260" y="7031"/>
                  </a:cubicBezTo>
                  <a:cubicBezTo>
                    <a:pt x="1633" y="7345"/>
                    <a:pt x="1361" y="7951"/>
                    <a:pt x="1277" y="8642"/>
                  </a:cubicBezTo>
                  <a:cubicBezTo>
                    <a:pt x="1256" y="8809"/>
                    <a:pt x="1256" y="8998"/>
                    <a:pt x="1277" y="9165"/>
                  </a:cubicBezTo>
                  <a:cubicBezTo>
                    <a:pt x="1340" y="9332"/>
                    <a:pt x="1381" y="9583"/>
                    <a:pt x="1528" y="9709"/>
                  </a:cubicBezTo>
                  <a:cubicBezTo>
                    <a:pt x="1905" y="10169"/>
                    <a:pt x="2469" y="10378"/>
                    <a:pt x="3055" y="10525"/>
                  </a:cubicBezTo>
                  <a:cubicBezTo>
                    <a:pt x="3578" y="10630"/>
                    <a:pt x="4060" y="10630"/>
                    <a:pt x="4478" y="10253"/>
                  </a:cubicBezTo>
                  <a:cubicBezTo>
                    <a:pt x="4625" y="10127"/>
                    <a:pt x="4834" y="10065"/>
                    <a:pt x="5022" y="10002"/>
                  </a:cubicBezTo>
                  <a:cubicBezTo>
                    <a:pt x="5106" y="9960"/>
                    <a:pt x="5190" y="10023"/>
                    <a:pt x="5252" y="10044"/>
                  </a:cubicBezTo>
                  <a:cubicBezTo>
                    <a:pt x="5252" y="10106"/>
                    <a:pt x="5294" y="10127"/>
                    <a:pt x="5252" y="10148"/>
                  </a:cubicBezTo>
                  <a:cubicBezTo>
                    <a:pt x="5190" y="10316"/>
                    <a:pt x="5106" y="10462"/>
                    <a:pt x="5001" y="10588"/>
                  </a:cubicBezTo>
                  <a:cubicBezTo>
                    <a:pt x="4415" y="11320"/>
                    <a:pt x="4269" y="12241"/>
                    <a:pt x="3955" y="13099"/>
                  </a:cubicBezTo>
                  <a:cubicBezTo>
                    <a:pt x="3871" y="13287"/>
                    <a:pt x="3934" y="13517"/>
                    <a:pt x="3934" y="13705"/>
                  </a:cubicBezTo>
                  <a:cubicBezTo>
                    <a:pt x="3955" y="13998"/>
                    <a:pt x="4081" y="14124"/>
                    <a:pt x="4374" y="14187"/>
                  </a:cubicBezTo>
                  <a:cubicBezTo>
                    <a:pt x="4876" y="14249"/>
                    <a:pt x="5357" y="14312"/>
                    <a:pt x="5859" y="14417"/>
                  </a:cubicBezTo>
                  <a:cubicBezTo>
                    <a:pt x="6403" y="14521"/>
                    <a:pt x="6926" y="14438"/>
                    <a:pt x="7387" y="14124"/>
                  </a:cubicBezTo>
                  <a:cubicBezTo>
                    <a:pt x="7951" y="13726"/>
                    <a:pt x="8558" y="13308"/>
                    <a:pt x="9081" y="12847"/>
                  </a:cubicBezTo>
                  <a:cubicBezTo>
                    <a:pt x="9395" y="12555"/>
                    <a:pt x="9709" y="12429"/>
                    <a:pt x="10127" y="1261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894" name="Google Shape;894;p49"/>
          <p:cNvGrpSpPr/>
          <p:nvPr/>
        </p:nvGrpSpPr>
        <p:grpSpPr>
          <a:xfrm>
            <a:off x="9829463" y="1262528"/>
            <a:ext cx="475525" cy="287725"/>
            <a:chOff x="622013" y="907250"/>
            <a:chExt cx="475525" cy="287725"/>
          </a:xfrm>
        </p:grpSpPr>
        <p:sp>
          <p:nvSpPr>
            <p:cNvPr id="895" name="Google Shape;895;p49"/>
            <p:cNvSpPr/>
            <p:nvPr/>
          </p:nvSpPr>
          <p:spPr>
            <a:xfrm>
              <a:off x="650263" y="929225"/>
              <a:ext cx="423725" cy="240125"/>
            </a:xfrm>
            <a:custGeom>
              <a:avLst/>
              <a:gdLst/>
              <a:ahLst/>
              <a:cxnLst/>
              <a:rect l="l" t="t" r="r" b="b"/>
              <a:pathLst>
                <a:path w="16949" h="9605" extrusionOk="0">
                  <a:moveTo>
                    <a:pt x="14459" y="7261"/>
                  </a:moveTo>
                  <a:cubicBezTo>
                    <a:pt x="14584" y="7889"/>
                    <a:pt x="15003" y="8370"/>
                    <a:pt x="14877" y="9081"/>
                  </a:cubicBezTo>
                  <a:cubicBezTo>
                    <a:pt x="14752" y="9165"/>
                    <a:pt x="14626" y="9291"/>
                    <a:pt x="14459" y="9311"/>
                  </a:cubicBezTo>
                  <a:cubicBezTo>
                    <a:pt x="13810" y="9416"/>
                    <a:pt x="13120" y="9521"/>
                    <a:pt x="12450" y="9563"/>
                  </a:cubicBezTo>
                  <a:cubicBezTo>
                    <a:pt x="11007" y="9604"/>
                    <a:pt x="10379" y="9311"/>
                    <a:pt x="9312" y="8244"/>
                  </a:cubicBezTo>
                  <a:cubicBezTo>
                    <a:pt x="9270" y="7931"/>
                    <a:pt x="9270" y="7617"/>
                    <a:pt x="9249" y="7303"/>
                  </a:cubicBezTo>
                  <a:cubicBezTo>
                    <a:pt x="9228" y="7114"/>
                    <a:pt x="9102" y="6968"/>
                    <a:pt x="8893" y="6989"/>
                  </a:cubicBezTo>
                  <a:cubicBezTo>
                    <a:pt x="8747" y="7010"/>
                    <a:pt x="8600" y="7094"/>
                    <a:pt x="8558" y="7219"/>
                  </a:cubicBezTo>
                  <a:cubicBezTo>
                    <a:pt x="7889" y="8747"/>
                    <a:pt x="6529" y="9102"/>
                    <a:pt x="5106" y="9249"/>
                  </a:cubicBezTo>
                  <a:cubicBezTo>
                    <a:pt x="4478" y="9291"/>
                    <a:pt x="3809" y="9186"/>
                    <a:pt x="3160" y="9102"/>
                  </a:cubicBezTo>
                  <a:cubicBezTo>
                    <a:pt x="2658" y="9060"/>
                    <a:pt x="2344" y="8747"/>
                    <a:pt x="2281" y="8244"/>
                  </a:cubicBezTo>
                  <a:cubicBezTo>
                    <a:pt x="2135" y="7533"/>
                    <a:pt x="2135" y="6842"/>
                    <a:pt x="2323" y="6152"/>
                  </a:cubicBezTo>
                  <a:cubicBezTo>
                    <a:pt x="2386" y="5964"/>
                    <a:pt x="2512" y="5796"/>
                    <a:pt x="2616" y="5608"/>
                  </a:cubicBezTo>
                  <a:cubicBezTo>
                    <a:pt x="2700" y="5441"/>
                    <a:pt x="2804" y="5315"/>
                    <a:pt x="2930" y="5106"/>
                  </a:cubicBezTo>
                  <a:cubicBezTo>
                    <a:pt x="2512" y="4980"/>
                    <a:pt x="2177" y="5085"/>
                    <a:pt x="1821" y="5022"/>
                  </a:cubicBezTo>
                  <a:cubicBezTo>
                    <a:pt x="1507" y="4980"/>
                    <a:pt x="1193" y="4897"/>
                    <a:pt x="880" y="4792"/>
                  </a:cubicBezTo>
                  <a:cubicBezTo>
                    <a:pt x="566" y="4666"/>
                    <a:pt x="231" y="4541"/>
                    <a:pt x="1" y="4164"/>
                  </a:cubicBezTo>
                  <a:cubicBezTo>
                    <a:pt x="440" y="3557"/>
                    <a:pt x="1047" y="3160"/>
                    <a:pt x="1821" y="3160"/>
                  </a:cubicBezTo>
                  <a:cubicBezTo>
                    <a:pt x="2595" y="3160"/>
                    <a:pt x="3349" y="3244"/>
                    <a:pt x="4123" y="3306"/>
                  </a:cubicBezTo>
                  <a:cubicBezTo>
                    <a:pt x="4311" y="3306"/>
                    <a:pt x="4499" y="3390"/>
                    <a:pt x="4646" y="3348"/>
                  </a:cubicBezTo>
                  <a:cubicBezTo>
                    <a:pt x="4813" y="3327"/>
                    <a:pt x="4939" y="3223"/>
                    <a:pt x="5169" y="3118"/>
                  </a:cubicBezTo>
                  <a:cubicBezTo>
                    <a:pt x="5043" y="2951"/>
                    <a:pt x="4960" y="2825"/>
                    <a:pt x="4855" y="2741"/>
                  </a:cubicBezTo>
                  <a:cubicBezTo>
                    <a:pt x="4541" y="2469"/>
                    <a:pt x="4478" y="2260"/>
                    <a:pt x="4604" y="1946"/>
                  </a:cubicBezTo>
                  <a:cubicBezTo>
                    <a:pt x="4688" y="1779"/>
                    <a:pt x="4792" y="1632"/>
                    <a:pt x="4897" y="1486"/>
                  </a:cubicBezTo>
                  <a:cubicBezTo>
                    <a:pt x="5755" y="398"/>
                    <a:pt x="6906" y="0"/>
                    <a:pt x="8245" y="147"/>
                  </a:cubicBezTo>
                  <a:cubicBezTo>
                    <a:pt x="9144" y="252"/>
                    <a:pt x="9647" y="816"/>
                    <a:pt x="9667" y="1737"/>
                  </a:cubicBezTo>
                  <a:cubicBezTo>
                    <a:pt x="9667" y="2093"/>
                    <a:pt x="9647" y="2428"/>
                    <a:pt x="9521" y="2783"/>
                  </a:cubicBezTo>
                  <a:cubicBezTo>
                    <a:pt x="9416" y="2993"/>
                    <a:pt x="9458" y="3202"/>
                    <a:pt x="9626" y="3348"/>
                  </a:cubicBezTo>
                  <a:cubicBezTo>
                    <a:pt x="9772" y="3516"/>
                    <a:pt x="10044" y="3516"/>
                    <a:pt x="10274" y="3348"/>
                  </a:cubicBezTo>
                  <a:cubicBezTo>
                    <a:pt x="10483" y="3202"/>
                    <a:pt x="10693" y="3034"/>
                    <a:pt x="10923" y="2888"/>
                  </a:cubicBezTo>
                  <a:cubicBezTo>
                    <a:pt x="12220" y="2072"/>
                    <a:pt x="13517" y="1988"/>
                    <a:pt x="14794" y="2888"/>
                  </a:cubicBezTo>
                  <a:cubicBezTo>
                    <a:pt x="15380" y="3265"/>
                    <a:pt x="15945" y="3683"/>
                    <a:pt x="16405" y="4269"/>
                  </a:cubicBezTo>
                  <a:cubicBezTo>
                    <a:pt x="16635" y="4562"/>
                    <a:pt x="16844" y="4897"/>
                    <a:pt x="16886" y="5294"/>
                  </a:cubicBezTo>
                  <a:cubicBezTo>
                    <a:pt x="16949" y="5629"/>
                    <a:pt x="16865" y="5943"/>
                    <a:pt x="16614" y="6152"/>
                  </a:cubicBezTo>
                  <a:cubicBezTo>
                    <a:pt x="16405" y="6298"/>
                    <a:pt x="16196" y="6487"/>
                    <a:pt x="15945" y="6633"/>
                  </a:cubicBezTo>
                  <a:cubicBezTo>
                    <a:pt x="15505" y="6780"/>
                    <a:pt x="15003" y="7010"/>
                    <a:pt x="14459" y="7261"/>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896" name="Google Shape;896;p49"/>
            <p:cNvSpPr/>
            <p:nvPr/>
          </p:nvSpPr>
          <p:spPr>
            <a:xfrm>
              <a:off x="622013" y="907250"/>
              <a:ext cx="475525" cy="287725"/>
            </a:xfrm>
            <a:custGeom>
              <a:avLst/>
              <a:gdLst/>
              <a:ahLst/>
              <a:cxnLst/>
              <a:rect l="l" t="t" r="r" b="b"/>
              <a:pathLst>
                <a:path w="19021" h="11509" extrusionOk="0">
                  <a:moveTo>
                    <a:pt x="16865" y="8684"/>
                  </a:moveTo>
                  <a:cubicBezTo>
                    <a:pt x="16928" y="8810"/>
                    <a:pt x="16949" y="8914"/>
                    <a:pt x="16970" y="9019"/>
                  </a:cubicBezTo>
                  <a:cubicBezTo>
                    <a:pt x="17179" y="9646"/>
                    <a:pt x="16928" y="10170"/>
                    <a:pt x="16426" y="10483"/>
                  </a:cubicBezTo>
                  <a:cubicBezTo>
                    <a:pt x="15652" y="10986"/>
                    <a:pt x="14752" y="11341"/>
                    <a:pt x="13790" y="11404"/>
                  </a:cubicBezTo>
                  <a:cubicBezTo>
                    <a:pt x="12346" y="11509"/>
                    <a:pt x="11111" y="11132"/>
                    <a:pt x="10044" y="10149"/>
                  </a:cubicBezTo>
                  <a:cubicBezTo>
                    <a:pt x="10002" y="10086"/>
                    <a:pt x="9919" y="10044"/>
                    <a:pt x="9793" y="9960"/>
                  </a:cubicBezTo>
                  <a:cubicBezTo>
                    <a:pt x="9270" y="10232"/>
                    <a:pt x="8705" y="10483"/>
                    <a:pt x="8161" y="10755"/>
                  </a:cubicBezTo>
                  <a:cubicBezTo>
                    <a:pt x="7952" y="10860"/>
                    <a:pt x="7722" y="10965"/>
                    <a:pt x="7512" y="10965"/>
                  </a:cubicBezTo>
                  <a:cubicBezTo>
                    <a:pt x="6487" y="10986"/>
                    <a:pt x="5441" y="11027"/>
                    <a:pt x="4416" y="11006"/>
                  </a:cubicBezTo>
                  <a:cubicBezTo>
                    <a:pt x="3621" y="10986"/>
                    <a:pt x="2993" y="10567"/>
                    <a:pt x="2491" y="9918"/>
                  </a:cubicBezTo>
                  <a:cubicBezTo>
                    <a:pt x="2282" y="9646"/>
                    <a:pt x="2177" y="9354"/>
                    <a:pt x="2177" y="9019"/>
                  </a:cubicBezTo>
                  <a:cubicBezTo>
                    <a:pt x="2177" y="8307"/>
                    <a:pt x="2156" y="7617"/>
                    <a:pt x="2491" y="6905"/>
                  </a:cubicBezTo>
                  <a:cubicBezTo>
                    <a:pt x="2282" y="6801"/>
                    <a:pt x="2093" y="6717"/>
                    <a:pt x="1947" y="6633"/>
                  </a:cubicBezTo>
                  <a:cubicBezTo>
                    <a:pt x="1486" y="6403"/>
                    <a:pt x="1026" y="6194"/>
                    <a:pt x="629" y="5901"/>
                  </a:cubicBezTo>
                  <a:cubicBezTo>
                    <a:pt x="64" y="5483"/>
                    <a:pt x="1" y="4708"/>
                    <a:pt x="524" y="4206"/>
                  </a:cubicBezTo>
                  <a:cubicBezTo>
                    <a:pt x="1152" y="3600"/>
                    <a:pt x="1884" y="3160"/>
                    <a:pt x="2805" y="3139"/>
                  </a:cubicBezTo>
                  <a:cubicBezTo>
                    <a:pt x="3223" y="3139"/>
                    <a:pt x="3621" y="3160"/>
                    <a:pt x="4039" y="3160"/>
                  </a:cubicBezTo>
                  <a:lnTo>
                    <a:pt x="4771" y="3160"/>
                  </a:lnTo>
                  <a:cubicBezTo>
                    <a:pt x="4813" y="2135"/>
                    <a:pt x="5462" y="1507"/>
                    <a:pt x="6152" y="921"/>
                  </a:cubicBezTo>
                  <a:cubicBezTo>
                    <a:pt x="6822" y="315"/>
                    <a:pt x="7659" y="1"/>
                    <a:pt x="8580" y="1"/>
                  </a:cubicBezTo>
                  <a:lnTo>
                    <a:pt x="9375" y="1"/>
                  </a:lnTo>
                  <a:cubicBezTo>
                    <a:pt x="10672" y="43"/>
                    <a:pt x="11572" y="859"/>
                    <a:pt x="11739" y="2135"/>
                  </a:cubicBezTo>
                  <a:cubicBezTo>
                    <a:pt x="11781" y="2281"/>
                    <a:pt x="11802" y="2407"/>
                    <a:pt x="11844" y="2616"/>
                  </a:cubicBezTo>
                  <a:cubicBezTo>
                    <a:pt x="12053" y="2532"/>
                    <a:pt x="12220" y="2491"/>
                    <a:pt x="12367" y="2428"/>
                  </a:cubicBezTo>
                  <a:cubicBezTo>
                    <a:pt x="13162" y="2114"/>
                    <a:pt x="13978" y="2093"/>
                    <a:pt x="14815" y="2198"/>
                  </a:cubicBezTo>
                  <a:cubicBezTo>
                    <a:pt x="15066" y="2219"/>
                    <a:pt x="15338" y="2323"/>
                    <a:pt x="15568" y="2449"/>
                  </a:cubicBezTo>
                  <a:cubicBezTo>
                    <a:pt x="16531" y="2930"/>
                    <a:pt x="17367" y="3558"/>
                    <a:pt x="18079" y="4374"/>
                  </a:cubicBezTo>
                  <a:cubicBezTo>
                    <a:pt x="18539" y="4897"/>
                    <a:pt x="18895" y="5524"/>
                    <a:pt x="18958" y="6257"/>
                  </a:cubicBezTo>
                  <a:cubicBezTo>
                    <a:pt x="19020" y="6822"/>
                    <a:pt x="18853" y="7324"/>
                    <a:pt x="18414" y="7659"/>
                  </a:cubicBezTo>
                  <a:cubicBezTo>
                    <a:pt x="18016" y="7973"/>
                    <a:pt x="17577" y="8203"/>
                    <a:pt x="17158" y="8496"/>
                  </a:cubicBezTo>
                  <a:cubicBezTo>
                    <a:pt x="17116" y="8558"/>
                    <a:pt x="17012" y="8600"/>
                    <a:pt x="16865" y="8684"/>
                  </a:cubicBezTo>
                  <a:close/>
                  <a:moveTo>
                    <a:pt x="15589" y="8140"/>
                  </a:moveTo>
                  <a:cubicBezTo>
                    <a:pt x="16133" y="7868"/>
                    <a:pt x="16635" y="7659"/>
                    <a:pt x="17137" y="7408"/>
                  </a:cubicBezTo>
                  <a:cubicBezTo>
                    <a:pt x="17367" y="7261"/>
                    <a:pt x="17577" y="7115"/>
                    <a:pt x="17786" y="6926"/>
                  </a:cubicBezTo>
                  <a:cubicBezTo>
                    <a:pt x="18058" y="6696"/>
                    <a:pt x="18121" y="6403"/>
                    <a:pt x="18079" y="6069"/>
                  </a:cubicBezTo>
                  <a:cubicBezTo>
                    <a:pt x="17995" y="5671"/>
                    <a:pt x="17807" y="5357"/>
                    <a:pt x="17577" y="5043"/>
                  </a:cubicBezTo>
                  <a:cubicBezTo>
                    <a:pt x="17137" y="4499"/>
                    <a:pt x="16551" y="4081"/>
                    <a:pt x="15986" y="3662"/>
                  </a:cubicBezTo>
                  <a:cubicBezTo>
                    <a:pt x="14668" y="2763"/>
                    <a:pt x="13392" y="2867"/>
                    <a:pt x="12116" y="3662"/>
                  </a:cubicBezTo>
                  <a:cubicBezTo>
                    <a:pt x="11865" y="3788"/>
                    <a:pt x="11697" y="3976"/>
                    <a:pt x="11467" y="4123"/>
                  </a:cubicBezTo>
                  <a:cubicBezTo>
                    <a:pt x="11216" y="4290"/>
                    <a:pt x="10965" y="4290"/>
                    <a:pt x="10797" y="4123"/>
                  </a:cubicBezTo>
                  <a:cubicBezTo>
                    <a:pt x="10651" y="3976"/>
                    <a:pt x="10588" y="3767"/>
                    <a:pt x="10693" y="3558"/>
                  </a:cubicBezTo>
                  <a:cubicBezTo>
                    <a:pt x="10860" y="3202"/>
                    <a:pt x="10881" y="2867"/>
                    <a:pt x="10860" y="2511"/>
                  </a:cubicBezTo>
                  <a:cubicBezTo>
                    <a:pt x="10818" y="1591"/>
                    <a:pt x="10358" y="1026"/>
                    <a:pt x="9416" y="900"/>
                  </a:cubicBezTo>
                  <a:cubicBezTo>
                    <a:pt x="8056" y="754"/>
                    <a:pt x="6906" y="1172"/>
                    <a:pt x="6069" y="2260"/>
                  </a:cubicBezTo>
                  <a:cubicBezTo>
                    <a:pt x="5964" y="2407"/>
                    <a:pt x="5859" y="2553"/>
                    <a:pt x="5776" y="2721"/>
                  </a:cubicBezTo>
                  <a:cubicBezTo>
                    <a:pt x="5650" y="3035"/>
                    <a:pt x="5734" y="3265"/>
                    <a:pt x="6048" y="3516"/>
                  </a:cubicBezTo>
                  <a:cubicBezTo>
                    <a:pt x="6152" y="3600"/>
                    <a:pt x="6215" y="3725"/>
                    <a:pt x="6362" y="3892"/>
                  </a:cubicBezTo>
                  <a:cubicBezTo>
                    <a:pt x="6152" y="3997"/>
                    <a:pt x="5985" y="4102"/>
                    <a:pt x="5839" y="4123"/>
                  </a:cubicBezTo>
                  <a:cubicBezTo>
                    <a:pt x="5671" y="4144"/>
                    <a:pt x="5504" y="4102"/>
                    <a:pt x="5315" y="4081"/>
                  </a:cubicBezTo>
                  <a:cubicBezTo>
                    <a:pt x="4541" y="4018"/>
                    <a:pt x="3788" y="3934"/>
                    <a:pt x="3014" y="3934"/>
                  </a:cubicBezTo>
                  <a:cubicBezTo>
                    <a:pt x="2219" y="3934"/>
                    <a:pt x="1612" y="4311"/>
                    <a:pt x="1173" y="4939"/>
                  </a:cubicBezTo>
                  <a:cubicBezTo>
                    <a:pt x="1382" y="5315"/>
                    <a:pt x="1717" y="5441"/>
                    <a:pt x="2072" y="5566"/>
                  </a:cubicBezTo>
                  <a:cubicBezTo>
                    <a:pt x="2344" y="5692"/>
                    <a:pt x="2700" y="5755"/>
                    <a:pt x="3014" y="5797"/>
                  </a:cubicBezTo>
                  <a:cubicBezTo>
                    <a:pt x="3349" y="5859"/>
                    <a:pt x="3683" y="5755"/>
                    <a:pt x="4102" y="5880"/>
                  </a:cubicBezTo>
                  <a:cubicBezTo>
                    <a:pt x="3976" y="6089"/>
                    <a:pt x="3893" y="6215"/>
                    <a:pt x="3788" y="6382"/>
                  </a:cubicBezTo>
                  <a:cubicBezTo>
                    <a:pt x="3683" y="6571"/>
                    <a:pt x="3558" y="6717"/>
                    <a:pt x="3495" y="6926"/>
                  </a:cubicBezTo>
                  <a:cubicBezTo>
                    <a:pt x="3349" y="7638"/>
                    <a:pt x="3328" y="8349"/>
                    <a:pt x="3453" y="9019"/>
                  </a:cubicBezTo>
                  <a:cubicBezTo>
                    <a:pt x="3558" y="9500"/>
                    <a:pt x="3872" y="9814"/>
                    <a:pt x="4332" y="9877"/>
                  </a:cubicBezTo>
                  <a:cubicBezTo>
                    <a:pt x="4960" y="9960"/>
                    <a:pt x="5629" y="10065"/>
                    <a:pt x="6278" y="10023"/>
                  </a:cubicBezTo>
                  <a:cubicBezTo>
                    <a:pt x="7722" y="9877"/>
                    <a:pt x="9082" y="9542"/>
                    <a:pt x="9730" y="7993"/>
                  </a:cubicBezTo>
                  <a:cubicBezTo>
                    <a:pt x="9772" y="7889"/>
                    <a:pt x="9940" y="7784"/>
                    <a:pt x="10065" y="7763"/>
                  </a:cubicBezTo>
                  <a:cubicBezTo>
                    <a:pt x="10274" y="7742"/>
                    <a:pt x="10400" y="7931"/>
                    <a:pt x="10442" y="8077"/>
                  </a:cubicBezTo>
                  <a:cubicBezTo>
                    <a:pt x="10484" y="8391"/>
                    <a:pt x="10484" y="8705"/>
                    <a:pt x="10484" y="9019"/>
                  </a:cubicBezTo>
                  <a:cubicBezTo>
                    <a:pt x="11551" y="10128"/>
                    <a:pt x="12178" y="10400"/>
                    <a:pt x="13622" y="10337"/>
                  </a:cubicBezTo>
                  <a:cubicBezTo>
                    <a:pt x="14313" y="10295"/>
                    <a:pt x="14961" y="10190"/>
                    <a:pt x="15631" y="10086"/>
                  </a:cubicBezTo>
                  <a:cubicBezTo>
                    <a:pt x="15798" y="10065"/>
                    <a:pt x="15924" y="9939"/>
                    <a:pt x="16049" y="9856"/>
                  </a:cubicBezTo>
                  <a:cubicBezTo>
                    <a:pt x="16133" y="9291"/>
                    <a:pt x="15714" y="8768"/>
                    <a:pt x="15589" y="814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69" name="Google Shape;891;p49">
            <a:extLst>
              <a:ext uri="{FF2B5EF4-FFF2-40B4-BE49-F238E27FC236}">
                <a16:creationId xmlns:a16="http://schemas.microsoft.com/office/drawing/2014/main" id="{900BA4D5-06DC-4C0A-B1AB-A370ADAD01E6}"/>
              </a:ext>
            </a:extLst>
          </p:cNvPr>
          <p:cNvGrpSpPr/>
          <p:nvPr/>
        </p:nvGrpSpPr>
        <p:grpSpPr>
          <a:xfrm>
            <a:off x="8341666" y="105346"/>
            <a:ext cx="720341" cy="432735"/>
            <a:chOff x="4137713" y="525925"/>
            <a:chExt cx="608900" cy="407500"/>
          </a:xfrm>
        </p:grpSpPr>
        <p:sp>
          <p:nvSpPr>
            <p:cNvPr id="70" name="Google Shape;892;p49">
              <a:extLst>
                <a:ext uri="{FF2B5EF4-FFF2-40B4-BE49-F238E27FC236}">
                  <a16:creationId xmlns:a16="http://schemas.microsoft.com/office/drawing/2014/main" id="{8C04F993-AB2D-4441-BFEF-1B2CCE0A64BC}"/>
                </a:ext>
              </a:extLst>
            </p:cNvPr>
            <p:cNvSpPr/>
            <p:nvPr/>
          </p:nvSpPr>
          <p:spPr>
            <a:xfrm>
              <a:off x="4168063" y="559925"/>
              <a:ext cx="556575" cy="353625"/>
            </a:xfrm>
            <a:custGeom>
              <a:avLst/>
              <a:gdLst/>
              <a:ahLst/>
              <a:cxnLst/>
              <a:rect l="l" t="t" r="r" b="b"/>
              <a:pathLst>
                <a:path w="22263" h="14145" extrusionOk="0">
                  <a:moveTo>
                    <a:pt x="8913" y="11257"/>
                  </a:moveTo>
                  <a:cubicBezTo>
                    <a:pt x="8495" y="11069"/>
                    <a:pt x="8160" y="11195"/>
                    <a:pt x="7825" y="11487"/>
                  </a:cubicBezTo>
                  <a:cubicBezTo>
                    <a:pt x="7302" y="11948"/>
                    <a:pt x="6696" y="12345"/>
                    <a:pt x="6110" y="12764"/>
                  </a:cubicBezTo>
                  <a:cubicBezTo>
                    <a:pt x="5670" y="13078"/>
                    <a:pt x="5147" y="13161"/>
                    <a:pt x="4603" y="13057"/>
                  </a:cubicBezTo>
                  <a:cubicBezTo>
                    <a:pt x="4101" y="12952"/>
                    <a:pt x="3599" y="12889"/>
                    <a:pt x="3118" y="12827"/>
                  </a:cubicBezTo>
                  <a:cubicBezTo>
                    <a:pt x="2825" y="12764"/>
                    <a:pt x="2678" y="12638"/>
                    <a:pt x="2657" y="12345"/>
                  </a:cubicBezTo>
                  <a:cubicBezTo>
                    <a:pt x="2657" y="12136"/>
                    <a:pt x="2615" y="11927"/>
                    <a:pt x="2678" y="11739"/>
                  </a:cubicBezTo>
                  <a:cubicBezTo>
                    <a:pt x="3013" y="10881"/>
                    <a:pt x="3139" y="9960"/>
                    <a:pt x="3724" y="9228"/>
                  </a:cubicBezTo>
                  <a:cubicBezTo>
                    <a:pt x="3829" y="9102"/>
                    <a:pt x="3913" y="8956"/>
                    <a:pt x="3996" y="8788"/>
                  </a:cubicBezTo>
                  <a:lnTo>
                    <a:pt x="3996" y="8684"/>
                  </a:lnTo>
                  <a:cubicBezTo>
                    <a:pt x="3913" y="8663"/>
                    <a:pt x="3829" y="8600"/>
                    <a:pt x="3766" y="8642"/>
                  </a:cubicBezTo>
                  <a:cubicBezTo>
                    <a:pt x="3578" y="8705"/>
                    <a:pt x="3369" y="8767"/>
                    <a:pt x="3201" y="8893"/>
                  </a:cubicBezTo>
                  <a:cubicBezTo>
                    <a:pt x="2762" y="9270"/>
                    <a:pt x="2323" y="9270"/>
                    <a:pt x="1799" y="9165"/>
                  </a:cubicBezTo>
                  <a:cubicBezTo>
                    <a:pt x="1193" y="9018"/>
                    <a:pt x="670" y="8809"/>
                    <a:pt x="251" y="8349"/>
                  </a:cubicBezTo>
                  <a:cubicBezTo>
                    <a:pt x="126" y="8182"/>
                    <a:pt x="63" y="7972"/>
                    <a:pt x="21" y="7805"/>
                  </a:cubicBezTo>
                  <a:cubicBezTo>
                    <a:pt x="0" y="7638"/>
                    <a:pt x="0" y="7449"/>
                    <a:pt x="21" y="7282"/>
                  </a:cubicBezTo>
                  <a:cubicBezTo>
                    <a:pt x="84" y="6591"/>
                    <a:pt x="356" y="5985"/>
                    <a:pt x="983" y="5671"/>
                  </a:cubicBezTo>
                  <a:cubicBezTo>
                    <a:pt x="1465" y="5441"/>
                    <a:pt x="2511" y="5566"/>
                    <a:pt x="3013" y="6236"/>
                  </a:cubicBezTo>
                  <a:cubicBezTo>
                    <a:pt x="3055" y="6298"/>
                    <a:pt x="3118" y="6403"/>
                    <a:pt x="3160" y="6403"/>
                  </a:cubicBezTo>
                  <a:cubicBezTo>
                    <a:pt x="3264" y="6445"/>
                    <a:pt x="3390" y="6403"/>
                    <a:pt x="3452" y="6361"/>
                  </a:cubicBezTo>
                  <a:cubicBezTo>
                    <a:pt x="3536" y="6277"/>
                    <a:pt x="3536" y="6152"/>
                    <a:pt x="3536" y="6026"/>
                  </a:cubicBezTo>
                  <a:cubicBezTo>
                    <a:pt x="3557" y="5566"/>
                    <a:pt x="3536" y="5127"/>
                    <a:pt x="3557" y="4687"/>
                  </a:cubicBezTo>
                  <a:cubicBezTo>
                    <a:pt x="3662" y="2951"/>
                    <a:pt x="4415" y="1591"/>
                    <a:pt x="5754" y="523"/>
                  </a:cubicBezTo>
                  <a:cubicBezTo>
                    <a:pt x="6193" y="168"/>
                    <a:pt x="6717" y="0"/>
                    <a:pt x="7323" y="0"/>
                  </a:cubicBezTo>
                  <a:cubicBezTo>
                    <a:pt x="8558" y="0"/>
                    <a:pt x="9520" y="900"/>
                    <a:pt x="9541" y="2156"/>
                  </a:cubicBezTo>
                  <a:lnTo>
                    <a:pt x="9541" y="3118"/>
                  </a:lnTo>
                  <a:cubicBezTo>
                    <a:pt x="9541" y="3327"/>
                    <a:pt x="9625" y="3536"/>
                    <a:pt x="9834" y="3620"/>
                  </a:cubicBezTo>
                  <a:cubicBezTo>
                    <a:pt x="10043" y="3725"/>
                    <a:pt x="10274" y="3620"/>
                    <a:pt x="10441" y="3390"/>
                  </a:cubicBezTo>
                  <a:cubicBezTo>
                    <a:pt x="10504" y="3285"/>
                    <a:pt x="10546" y="3181"/>
                    <a:pt x="10608" y="3097"/>
                  </a:cubicBezTo>
                  <a:cubicBezTo>
                    <a:pt x="10818" y="2804"/>
                    <a:pt x="11090" y="2532"/>
                    <a:pt x="11424" y="2428"/>
                  </a:cubicBezTo>
                  <a:cubicBezTo>
                    <a:pt x="12387" y="2156"/>
                    <a:pt x="13328" y="2176"/>
                    <a:pt x="14228" y="2783"/>
                  </a:cubicBezTo>
                  <a:cubicBezTo>
                    <a:pt x="14751" y="3139"/>
                    <a:pt x="15044" y="3641"/>
                    <a:pt x="15044" y="4269"/>
                  </a:cubicBezTo>
                  <a:lnTo>
                    <a:pt x="15044" y="5336"/>
                  </a:lnTo>
                  <a:cubicBezTo>
                    <a:pt x="15065" y="5775"/>
                    <a:pt x="15295" y="5964"/>
                    <a:pt x="15735" y="5943"/>
                  </a:cubicBezTo>
                  <a:cubicBezTo>
                    <a:pt x="15923" y="5922"/>
                    <a:pt x="16090" y="5880"/>
                    <a:pt x="16258" y="5817"/>
                  </a:cubicBezTo>
                  <a:cubicBezTo>
                    <a:pt x="16990" y="5545"/>
                    <a:pt x="17785" y="5503"/>
                    <a:pt x="18538" y="5587"/>
                  </a:cubicBezTo>
                  <a:cubicBezTo>
                    <a:pt x="19898" y="5754"/>
                    <a:pt x="21007" y="6424"/>
                    <a:pt x="21761" y="7554"/>
                  </a:cubicBezTo>
                  <a:cubicBezTo>
                    <a:pt x="22263" y="8286"/>
                    <a:pt x="22179" y="9186"/>
                    <a:pt x="21593" y="9855"/>
                  </a:cubicBezTo>
                  <a:cubicBezTo>
                    <a:pt x="20714" y="10943"/>
                    <a:pt x="19543" y="11508"/>
                    <a:pt x="18204" y="11780"/>
                  </a:cubicBezTo>
                  <a:cubicBezTo>
                    <a:pt x="17932" y="11822"/>
                    <a:pt x="17680" y="11843"/>
                    <a:pt x="17408" y="11906"/>
                  </a:cubicBezTo>
                  <a:cubicBezTo>
                    <a:pt x="16718" y="12052"/>
                    <a:pt x="16237" y="11801"/>
                    <a:pt x="15881" y="11195"/>
                  </a:cubicBezTo>
                  <a:cubicBezTo>
                    <a:pt x="15588" y="10734"/>
                    <a:pt x="15149" y="10755"/>
                    <a:pt x="14835" y="11195"/>
                  </a:cubicBezTo>
                  <a:cubicBezTo>
                    <a:pt x="14542" y="11634"/>
                    <a:pt x="14228" y="12052"/>
                    <a:pt x="13914" y="12513"/>
                  </a:cubicBezTo>
                  <a:cubicBezTo>
                    <a:pt x="13642" y="12889"/>
                    <a:pt x="13266" y="13182"/>
                    <a:pt x="12889" y="13475"/>
                  </a:cubicBezTo>
                  <a:cubicBezTo>
                    <a:pt x="12073" y="14145"/>
                    <a:pt x="10755" y="13915"/>
                    <a:pt x="10127" y="13308"/>
                  </a:cubicBezTo>
                  <a:cubicBezTo>
                    <a:pt x="9562" y="12764"/>
                    <a:pt x="9123" y="12094"/>
                    <a:pt x="8913" y="11257"/>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71" name="Google Shape;893;p49">
              <a:extLst>
                <a:ext uri="{FF2B5EF4-FFF2-40B4-BE49-F238E27FC236}">
                  <a16:creationId xmlns:a16="http://schemas.microsoft.com/office/drawing/2014/main" id="{D50C1B93-F036-4CDA-A666-5CA16D1072F8}"/>
                </a:ext>
              </a:extLst>
            </p:cNvPr>
            <p:cNvSpPr/>
            <p:nvPr/>
          </p:nvSpPr>
          <p:spPr>
            <a:xfrm>
              <a:off x="4137713" y="525925"/>
              <a:ext cx="608900" cy="407500"/>
            </a:xfrm>
            <a:custGeom>
              <a:avLst/>
              <a:gdLst/>
              <a:ahLst/>
              <a:cxnLst/>
              <a:rect l="l" t="t" r="r" b="b"/>
              <a:pathLst>
                <a:path w="24356" h="16300" extrusionOk="0">
                  <a:moveTo>
                    <a:pt x="3976" y="6194"/>
                  </a:moveTo>
                  <a:cubicBezTo>
                    <a:pt x="3913" y="4896"/>
                    <a:pt x="4353" y="3788"/>
                    <a:pt x="5001" y="2741"/>
                  </a:cubicBezTo>
                  <a:cubicBezTo>
                    <a:pt x="5336" y="2218"/>
                    <a:pt x="5713" y="1737"/>
                    <a:pt x="6215" y="1360"/>
                  </a:cubicBezTo>
                  <a:cubicBezTo>
                    <a:pt x="6529" y="1130"/>
                    <a:pt x="6884" y="858"/>
                    <a:pt x="7261" y="712"/>
                  </a:cubicBezTo>
                  <a:cubicBezTo>
                    <a:pt x="9081" y="0"/>
                    <a:pt x="10567" y="544"/>
                    <a:pt x="11488" y="2281"/>
                  </a:cubicBezTo>
                  <a:cubicBezTo>
                    <a:pt x="11613" y="2511"/>
                    <a:pt x="11697" y="2741"/>
                    <a:pt x="11780" y="2992"/>
                  </a:cubicBezTo>
                  <a:cubicBezTo>
                    <a:pt x="11864" y="3013"/>
                    <a:pt x="11927" y="3034"/>
                    <a:pt x="11969" y="3013"/>
                  </a:cubicBezTo>
                  <a:cubicBezTo>
                    <a:pt x="12806" y="2574"/>
                    <a:pt x="13685" y="2616"/>
                    <a:pt x="14542" y="2720"/>
                  </a:cubicBezTo>
                  <a:cubicBezTo>
                    <a:pt x="15944" y="2888"/>
                    <a:pt x="17032" y="3997"/>
                    <a:pt x="17221" y="5378"/>
                  </a:cubicBezTo>
                  <a:cubicBezTo>
                    <a:pt x="17242" y="5629"/>
                    <a:pt x="17262" y="5838"/>
                    <a:pt x="17304" y="6089"/>
                  </a:cubicBezTo>
                  <a:cubicBezTo>
                    <a:pt x="17723" y="6047"/>
                    <a:pt x="18099" y="5985"/>
                    <a:pt x="18476" y="5943"/>
                  </a:cubicBezTo>
                  <a:cubicBezTo>
                    <a:pt x="20464" y="5692"/>
                    <a:pt x="22117" y="6424"/>
                    <a:pt x="23435" y="7868"/>
                  </a:cubicBezTo>
                  <a:cubicBezTo>
                    <a:pt x="24230" y="8746"/>
                    <a:pt x="24356" y="9751"/>
                    <a:pt x="24125" y="10860"/>
                  </a:cubicBezTo>
                  <a:cubicBezTo>
                    <a:pt x="24042" y="11215"/>
                    <a:pt x="23812" y="11529"/>
                    <a:pt x="23581" y="11843"/>
                  </a:cubicBezTo>
                  <a:cubicBezTo>
                    <a:pt x="22786" y="12889"/>
                    <a:pt x="21719" y="13559"/>
                    <a:pt x="20464" y="13935"/>
                  </a:cubicBezTo>
                  <a:cubicBezTo>
                    <a:pt x="19941" y="14103"/>
                    <a:pt x="19418" y="14354"/>
                    <a:pt x="18832" y="14354"/>
                  </a:cubicBezTo>
                  <a:cubicBezTo>
                    <a:pt x="18204" y="14354"/>
                    <a:pt x="17618" y="14249"/>
                    <a:pt x="17095" y="13894"/>
                  </a:cubicBezTo>
                  <a:cubicBezTo>
                    <a:pt x="16949" y="13789"/>
                    <a:pt x="16802" y="13705"/>
                    <a:pt x="16614" y="13601"/>
                  </a:cubicBezTo>
                  <a:cubicBezTo>
                    <a:pt x="16321" y="13998"/>
                    <a:pt x="15840" y="14145"/>
                    <a:pt x="15756" y="14710"/>
                  </a:cubicBezTo>
                  <a:cubicBezTo>
                    <a:pt x="15756" y="14814"/>
                    <a:pt x="15589" y="14877"/>
                    <a:pt x="15526" y="14961"/>
                  </a:cubicBezTo>
                  <a:cubicBezTo>
                    <a:pt x="15317" y="15107"/>
                    <a:pt x="15107" y="15275"/>
                    <a:pt x="14898" y="15463"/>
                  </a:cubicBezTo>
                  <a:cubicBezTo>
                    <a:pt x="14082" y="16216"/>
                    <a:pt x="13120" y="16300"/>
                    <a:pt x="12073" y="16112"/>
                  </a:cubicBezTo>
                  <a:cubicBezTo>
                    <a:pt x="11718" y="16070"/>
                    <a:pt x="11383" y="15881"/>
                    <a:pt x="11090" y="15714"/>
                  </a:cubicBezTo>
                  <a:cubicBezTo>
                    <a:pt x="10567" y="15400"/>
                    <a:pt x="10211" y="14961"/>
                    <a:pt x="9876" y="14459"/>
                  </a:cubicBezTo>
                  <a:cubicBezTo>
                    <a:pt x="9709" y="14249"/>
                    <a:pt x="9583" y="14019"/>
                    <a:pt x="9416" y="13768"/>
                  </a:cubicBezTo>
                  <a:cubicBezTo>
                    <a:pt x="9270" y="13873"/>
                    <a:pt x="9102" y="13935"/>
                    <a:pt x="8977" y="14040"/>
                  </a:cubicBezTo>
                  <a:cubicBezTo>
                    <a:pt x="8726" y="14228"/>
                    <a:pt x="8454" y="14438"/>
                    <a:pt x="8203" y="14626"/>
                  </a:cubicBezTo>
                  <a:cubicBezTo>
                    <a:pt x="6738" y="15693"/>
                    <a:pt x="5169" y="15588"/>
                    <a:pt x="3599" y="14940"/>
                  </a:cubicBezTo>
                  <a:cubicBezTo>
                    <a:pt x="3390" y="14856"/>
                    <a:pt x="3181" y="14689"/>
                    <a:pt x="2993" y="14563"/>
                  </a:cubicBezTo>
                  <a:cubicBezTo>
                    <a:pt x="2721" y="14354"/>
                    <a:pt x="2595" y="14061"/>
                    <a:pt x="2595" y="13726"/>
                  </a:cubicBezTo>
                  <a:cubicBezTo>
                    <a:pt x="2595" y="13119"/>
                    <a:pt x="2595" y="12555"/>
                    <a:pt x="2888" y="12011"/>
                  </a:cubicBezTo>
                  <a:cubicBezTo>
                    <a:pt x="2909" y="11927"/>
                    <a:pt x="2930" y="11843"/>
                    <a:pt x="2972" y="11718"/>
                  </a:cubicBezTo>
                  <a:cubicBezTo>
                    <a:pt x="2762" y="11487"/>
                    <a:pt x="2449" y="11508"/>
                    <a:pt x="2177" y="11425"/>
                  </a:cubicBezTo>
                  <a:cubicBezTo>
                    <a:pt x="1570" y="11215"/>
                    <a:pt x="1047" y="10902"/>
                    <a:pt x="628" y="10441"/>
                  </a:cubicBezTo>
                  <a:cubicBezTo>
                    <a:pt x="398" y="10190"/>
                    <a:pt x="252" y="9918"/>
                    <a:pt x="189" y="9562"/>
                  </a:cubicBezTo>
                  <a:cubicBezTo>
                    <a:pt x="0" y="8474"/>
                    <a:pt x="210" y="7449"/>
                    <a:pt x="1026" y="6612"/>
                  </a:cubicBezTo>
                  <a:cubicBezTo>
                    <a:pt x="1402" y="6215"/>
                    <a:pt x="1821" y="5985"/>
                    <a:pt x="2365" y="6047"/>
                  </a:cubicBezTo>
                  <a:cubicBezTo>
                    <a:pt x="2888" y="6089"/>
                    <a:pt x="3369" y="6152"/>
                    <a:pt x="3976" y="6194"/>
                  </a:cubicBezTo>
                  <a:close/>
                  <a:moveTo>
                    <a:pt x="10127" y="12617"/>
                  </a:moveTo>
                  <a:cubicBezTo>
                    <a:pt x="10316" y="13454"/>
                    <a:pt x="10755" y="14124"/>
                    <a:pt x="11383" y="14668"/>
                  </a:cubicBezTo>
                  <a:cubicBezTo>
                    <a:pt x="12011" y="15275"/>
                    <a:pt x="13350" y="15484"/>
                    <a:pt x="14166" y="14835"/>
                  </a:cubicBezTo>
                  <a:cubicBezTo>
                    <a:pt x="14521" y="14542"/>
                    <a:pt x="14877" y="14249"/>
                    <a:pt x="15170" y="13873"/>
                  </a:cubicBezTo>
                  <a:cubicBezTo>
                    <a:pt x="15463" y="13412"/>
                    <a:pt x="15777" y="12994"/>
                    <a:pt x="16091" y="12555"/>
                  </a:cubicBezTo>
                  <a:cubicBezTo>
                    <a:pt x="16405" y="12094"/>
                    <a:pt x="16844" y="12094"/>
                    <a:pt x="17137" y="12555"/>
                  </a:cubicBezTo>
                  <a:cubicBezTo>
                    <a:pt x="17493" y="13161"/>
                    <a:pt x="17974" y="13412"/>
                    <a:pt x="18685" y="13266"/>
                  </a:cubicBezTo>
                  <a:cubicBezTo>
                    <a:pt x="18936" y="13203"/>
                    <a:pt x="19208" y="13182"/>
                    <a:pt x="19459" y="13140"/>
                  </a:cubicBezTo>
                  <a:cubicBezTo>
                    <a:pt x="20799" y="12847"/>
                    <a:pt x="21970" y="12303"/>
                    <a:pt x="22870" y="11215"/>
                  </a:cubicBezTo>
                  <a:cubicBezTo>
                    <a:pt x="23435" y="10546"/>
                    <a:pt x="23519" y="9646"/>
                    <a:pt x="23016" y="8914"/>
                  </a:cubicBezTo>
                  <a:cubicBezTo>
                    <a:pt x="22242" y="7784"/>
                    <a:pt x="21133" y="7135"/>
                    <a:pt x="19815" y="6947"/>
                  </a:cubicBezTo>
                  <a:cubicBezTo>
                    <a:pt x="19041" y="6842"/>
                    <a:pt x="18267" y="6905"/>
                    <a:pt x="17534" y="7177"/>
                  </a:cubicBezTo>
                  <a:cubicBezTo>
                    <a:pt x="17367" y="7219"/>
                    <a:pt x="17200" y="7282"/>
                    <a:pt x="17011" y="7303"/>
                  </a:cubicBezTo>
                  <a:cubicBezTo>
                    <a:pt x="16593" y="7345"/>
                    <a:pt x="16321" y="7135"/>
                    <a:pt x="16300" y="6696"/>
                  </a:cubicBezTo>
                  <a:cubicBezTo>
                    <a:pt x="16279" y="6361"/>
                    <a:pt x="16300" y="5985"/>
                    <a:pt x="16300" y="5629"/>
                  </a:cubicBezTo>
                  <a:cubicBezTo>
                    <a:pt x="16300" y="5001"/>
                    <a:pt x="16007" y="4499"/>
                    <a:pt x="15484" y="4143"/>
                  </a:cubicBezTo>
                  <a:cubicBezTo>
                    <a:pt x="14626" y="3536"/>
                    <a:pt x="13685" y="3516"/>
                    <a:pt x="12680" y="3788"/>
                  </a:cubicBezTo>
                  <a:cubicBezTo>
                    <a:pt x="12345" y="3892"/>
                    <a:pt x="12094" y="4164"/>
                    <a:pt x="11885" y="4457"/>
                  </a:cubicBezTo>
                  <a:cubicBezTo>
                    <a:pt x="11801" y="4562"/>
                    <a:pt x="11780" y="4666"/>
                    <a:pt x="11697" y="4750"/>
                  </a:cubicBezTo>
                  <a:cubicBezTo>
                    <a:pt x="11529" y="5001"/>
                    <a:pt x="11299" y="5064"/>
                    <a:pt x="11090" y="4980"/>
                  </a:cubicBezTo>
                  <a:cubicBezTo>
                    <a:pt x="10881" y="4896"/>
                    <a:pt x="10797" y="4687"/>
                    <a:pt x="10797" y="4478"/>
                  </a:cubicBezTo>
                  <a:cubicBezTo>
                    <a:pt x="10797" y="4164"/>
                    <a:pt x="10839" y="3808"/>
                    <a:pt x="10797" y="3516"/>
                  </a:cubicBezTo>
                  <a:cubicBezTo>
                    <a:pt x="10755" y="2281"/>
                    <a:pt x="9814" y="1360"/>
                    <a:pt x="8579" y="1360"/>
                  </a:cubicBezTo>
                  <a:cubicBezTo>
                    <a:pt x="8014" y="1360"/>
                    <a:pt x="7491" y="1549"/>
                    <a:pt x="7010" y="1883"/>
                  </a:cubicBezTo>
                  <a:cubicBezTo>
                    <a:pt x="5671" y="2951"/>
                    <a:pt x="4897" y="4311"/>
                    <a:pt x="4813" y="6047"/>
                  </a:cubicBezTo>
                  <a:cubicBezTo>
                    <a:pt x="4792" y="6487"/>
                    <a:pt x="4792" y="6926"/>
                    <a:pt x="4792" y="7386"/>
                  </a:cubicBezTo>
                  <a:cubicBezTo>
                    <a:pt x="4792" y="7491"/>
                    <a:pt x="4771" y="7637"/>
                    <a:pt x="4708" y="7721"/>
                  </a:cubicBezTo>
                  <a:cubicBezTo>
                    <a:pt x="4666" y="7763"/>
                    <a:pt x="4499" y="7805"/>
                    <a:pt x="4415" y="7763"/>
                  </a:cubicBezTo>
                  <a:cubicBezTo>
                    <a:pt x="4374" y="7742"/>
                    <a:pt x="4311" y="7637"/>
                    <a:pt x="4269" y="7596"/>
                  </a:cubicBezTo>
                  <a:cubicBezTo>
                    <a:pt x="3767" y="6926"/>
                    <a:pt x="2721" y="6801"/>
                    <a:pt x="2260" y="7031"/>
                  </a:cubicBezTo>
                  <a:cubicBezTo>
                    <a:pt x="1633" y="7345"/>
                    <a:pt x="1361" y="7951"/>
                    <a:pt x="1277" y="8642"/>
                  </a:cubicBezTo>
                  <a:cubicBezTo>
                    <a:pt x="1256" y="8809"/>
                    <a:pt x="1256" y="8998"/>
                    <a:pt x="1277" y="9165"/>
                  </a:cubicBezTo>
                  <a:cubicBezTo>
                    <a:pt x="1340" y="9332"/>
                    <a:pt x="1381" y="9583"/>
                    <a:pt x="1528" y="9709"/>
                  </a:cubicBezTo>
                  <a:cubicBezTo>
                    <a:pt x="1905" y="10169"/>
                    <a:pt x="2469" y="10378"/>
                    <a:pt x="3055" y="10525"/>
                  </a:cubicBezTo>
                  <a:cubicBezTo>
                    <a:pt x="3578" y="10630"/>
                    <a:pt x="4060" y="10630"/>
                    <a:pt x="4478" y="10253"/>
                  </a:cubicBezTo>
                  <a:cubicBezTo>
                    <a:pt x="4625" y="10127"/>
                    <a:pt x="4834" y="10065"/>
                    <a:pt x="5022" y="10002"/>
                  </a:cubicBezTo>
                  <a:cubicBezTo>
                    <a:pt x="5106" y="9960"/>
                    <a:pt x="5190" y="10023"/>
                    <a:pt x="5252" y="10044"/>
                  </a:cubicBezTo>
                  <a:cubicBezTo>
                    <a:pt x="5252" y="10106"/>
                    <a:pt x="5294" y="10127"/>
                    <a:pt x="5252" y="10148"/>
                  </a:cubicBezTo>
                  <a:cubicBezTo>
                    <a:pt x="5190" y="10316"/>
                    <a:pt x="5106" y="10462"/>
                    <a:pt x="5001" y="10588"/>
                  </a:cubicBezTo>
                  <a:cubicBezTo>
                    <a:pt x="4415" y="11320"/>
                    <a:pt x="4269" y="12241"/>
                    <a:pt x="3955" y="13099"/>
                  </a:cubicBezTo>
                  <a:cubicBezTo>
                    <a:pt x="3871" y="13287"/>
                    <a:pt x="3934" y="13517"/>
                    <a:pt x="3934" y="13705"/>
                  </a:cubicBezTo>
                  <a:cubicBezTo>
                    <a:pt x="3955" y="13998"/>
                    <a:pt x="4081" y="14124"/>
                    <a:pt x="4374" y="14187"/>
                  </a:cubicBezTo>
                  <a:cubicBezTo>
                    <a:pt x="4876" y="14249"/>
                    <a:pt x="5357" y="14312"/>
                    <a:pt x="5859" y="14417"/>
                  </a:cubicBezTo>
                  <a:cubicBezTo>
                    <a:pt x="6403" y="14521"/>
                    <a:pt x="6926" y="14438"/>
                    <a:pt x="7387" y="14124"/>
                  </a:cubicBezTo>
                  <a:cubicBezTo>
                    <a:pt x="7951" y="13726"/>
                    <a:pt x="8558" y="13308"/>
                    <a:pt x="9081" y="12847"/>
                  </a:cubicBezTo>
                  <a:cubicBezTo>
                    <a:pt x="9395" y="12555"/>
                    <a:pt x="9709" y="12429"/>
                    <a:pt x="10127" y="1261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pic>
        <p:nvPicPr>
          <p:cNvPr id="7" name="Hình ảnh 6" descr="Ảnh có chứa Phông chữ, Đồ họa, biểu tượng, thiết kế đồ họa&#10;&#10;Mô tả được tạo tự động">
            <a:extLst>
              <a:ext uri="{FF2B5EF4-FFF2-40B4-BE49-F238E27FC236}">
                <a16:creationId xmlns:a16="http://schemas.microsoft.com/office/drawing/2014/main" id="{6F81DE5E-72EB-3EDB-F3BC-0D4969DC3071}"/>
              </a:ext>
            </a:extLst>
          </p:cNvPr>
          <p:cNvPicPr>
            <a:picLocks noChangeAspect="1"/>
          </p:cNvPicPr>
          <p:nvPr/>
        </p:nvPicPr>
        <p:blipFill>
          <a:blip r:embed="rId4"/>
          <a:stretch>
            <a:fillRect/>
          </a:stretch>
        </p:blipFill>
        <p:spPr>
          <a:xfrm>
            <a:off x="2089936" y="72038"/>
            <a:ext cx="6619890" cy="1715180"/>
          </a:xfrm>
          <a:prstGeom prst="rect">
            <a:avLst/>
          </a:prstGeom>
        </p:spPr>
      </p:pic>
      <p:grpSp>
        <p:nvGrpSpPr>
          <p:cNvPr id="8" name="Google Shape;361;p37">
            <a:extLst>
              <a:ext uri="{FF2B5EF4-FFF2-40B4-BE49-F238E27FC236}">
                <a16:creationId xmlns:a16="http://schemas.microsoft.com/office/drawing/2014/main" id="{A6AC7721-C962-F6DA-F805-8DE19DBD3A48}"/>
              </a:ext>
            </a:extLst>
          </p:cNvPr>
          <p:cNvGrpSpPr/>
          <p:nvPr/>
        </p:nvGrpSpPr>
        <p:grpSpPr>
          <a:xfrm>
            <a:off x="489012" y="3603356"/>
            <a:ext cx="2678487" cy="2327559"/>
            <a:chOff x="-2314175" y="910675"/>
            <a:chExt cx="2012875" cy="1733025"/>
          </a:xfrm>
        </p:grpSpPr>
        <p:sp>
          <p:nvSpPr>
            <p:cNvPr id="9" name="Google Shape;362;p37">
              <a:extLst>
                <a:ext uri="{FF2B5EF4-FFF2-40B4-BE49-F238E27FC236}">
                  <a16:creationId xmlns:a16="http://schemas.microsoft.com/office/drawing/2014/main" id="{6275CAE0-5BA5-B254-510A-4866611656BF}"/>
                </a:ext>
              </a:extLst>
            </p:cNvPr>
            <p:cNvSpPr/>
            <p:nvPr/>
          </p:nvSpPr>
          <p:spPr>
            <a:xfrm>
              <a:off x="-2265025" y="2299475"/>
              <a:ext cx="747525" cy="219200"/>
            </a:xfrm>
            <a:custGeom>
              <a:avLst/>
              <a:gdLst/>
              <a:ahLst/>
              <a:cxnLst/>
              <a:rect l="l" t="t" r="r" b="b"/>
              <a:pathLst>
                <a:path w="29901" h="8768" extrusionOk="0">
                  <a:moveTo>
                    <a:pt x="2700" y="7847"/>
                  </a:moveTo>
                  <a:cubicBezTo>
                    <a:pt x="3098" y="7763"/>
                    <a:pt x="3453" y="7638"/>
                    <a:pt x="3830" y="7533"/>
                  </a:cubicBezTo>
                  <a:cubicBezTo>
                    <a:pt x="4834" y="7219"/>
                    <a:pt x="5839" y="6926"/>
                    <a:pt x="6885" y="6780"/>
                  </a:cubicBezTo>
                  <a:cubicBezTo>
                    <a:pt x="7533" y="6675"/>
                    <a:pt x="8182" y="6529"/>
                    <a:pt x="8852" y="6466"/>
                  </a:cubicBezTo>
                  <a:cubicBezTo>
                    <a:pt x="9898" y="6298"/>
                    <a:pt x="10944" y="6173"/>
                    <a:pt x="11990" y="6173"/>
                  </a:cubicBezTo>
                  <a:cubicBezTo>
                    <a:pt x="13831" y="6194"/>
                    <a:pt x="15715" y="6194"/>
                    <a:pt x="17577" y="6173"/>
                  </a:cubicBezTo>
                  <a:cubicBezTo>
                    <a:pt x="18560" y="6173"/>
                    <a:pt x="19564" y="6215"/>
                    <a:pt x="20527" y="6403"/>
                  </a:cubicBezTo>
                  <a:cubicBezTo>
                    <a:pt x="20757" y="6466"/>
                    <a:pt x="21008" y="6508"/>
                    <a:pt x="21238" y="6529"/>
                  </a:cubicBezTo>
                  <a:cubicBezTo>
                    <a:pt x="24021" y="6989"/>
                    <a:pt x="26762" y="7449"/>
                    <a:pt x="29440" y="8307"/>
                  </a:cubicBezTo>
                  <a:cubicBezTo>
                    <a:pt x="29587" y="8370"/>
                    <a:pt x="29733" y="8349"/>
                    <a:pt x="29901" y="8349"/>
                  </a:cubicBezTo>
                  <a:cubicBezTo>
                    <a:pt x="29399" y="7052"/>
                    <a:pt x="29064" y="5775"/>
                    <a:pt x="27767" y="5064"/>
                  </a:cubicBezTo>
                  <a:cubicBezTo>
                    <a:pt x="27495" y="5357"/>
                    <a:pt x="27118" y="5462"/>
                    <a:pt x="26679" y="5462"/>
                  </a:cubicBezTo>
                  <a:cubicBezTo>
                    <a:pt x="26386" y="5148"/>
                    <a:pt x="26155" y="4813"/>
                    <a:pt x="25842" y="4583"/>
                  </a:cubicBezTo>
                  <a:cubicBezTo>
                    <a:pt x="25465" y="4269"/>
                    <a:pt x="25088" y="3997"/>
                    <a:pt x="24837" y="3578"/>
                  </a:cubicBezTo>
                  <a:cubicBezTo>
                    <a:pt x="24712" y="3348"/>
                    <a:pt x="24461" y="3244"/>
                    <a:pt x="24189" y="3139"/>
                  </a:cubicBezTo>
                  <a:cubicBezTo>
                    <a:pt x="23833" y="3013"/>
                    <a:pt x="23477" y="2846"/>
                    <a:pt x="23205" y="2532"/>
                  </a:cubicBezTo>
                  <a:cubicBezTo>
                    <a:pt x="23017" y="2344"/>
                    <a:pt x="22745" y="2239"/>
                    <a:pt x="22515" y="2093"/>
                  </a:cubicBezTo>
                  <a:cubicBezTo>
                    <a:pt x="22305" y="1967"/>
                    <a:pt x="22075" y="1884"/>
                    <a:pt x="21887" y="1716"/>
                  </a:cubicBezTo>
                  <a:cubicBezTo>
                    <a:pt x="21531" y="1360"/>
                    <a:pt x="21113" y="1235"/>
                    <a:pt x="20611" y="1088"/>
                  </a:cubicBezTo>
                  <a:cubicBezTo>
                    <a:pt x="19481" y="816"/>
                    <a:pt x="18309" y="565"/>
                    <a:pt x="17242" y="105"/>
                  </a:cubicBezTo>
                  <a:cubicBezTo>
                    <a:pt x="17012" y="0"/>
                    <a:pt x="16719" y="0"/>
                    <a:pt x="16447" y="0"/>
                  </a:cubicBezTo>
                  <a:lnTo>
                    <a:pt x="11300" y="0"/>
                  </a:lnTo>
                  <a:cubicBezTo>
                    <a:pt x="11049" y="0"/>
                    <a:pt x="10756" y="21"/>
                    <a:pt x="10484" y="42"/>
                  </a:cubicBezTo>
                  <a:cubicBezTo>
                    <a:pt x="9479" y="210"/>
                    <a:pt x="8475" y="419"/>
                    <a:pt x="7450" y="565"/>
                  </a:cubicBezTo>
                  <a:cubicBezTo>
                    <a:pt x="6048" y="754"/>
                    <a:pt x="4751" y="1360"/>
                    <a:pt x="3432" y="1884"/>
                  </a:cubicBezTo>
                  <a:cubicBezTo>
                    <a:pt x="3265" y="2595"/>
                    <a:pt x="3014" y="3223"/>
                    <a:pt x="2575" y="3767"/>
                  </a:cubicBezTo>
                  <a:cubicBezTo>
                    <a:pt x="1884" y="4604"/>
                    <a:pt x="1424" y="5587"/>
                    <a:pt x="838" y="6508"/>
                  </a:cubicBezTo>
                  <a:cubicBezTo>
                    <a:pt x="419" y="7198"/>
                    <a:pt x="231" y="7930"/>
                    <a:pt x="1" y="8767"/>
                  </a:cubicBezTo>
                  <a:cubicBezTo>
                    <a:pt x="273" y="8684"/>
                    <a:pt x="503" y="8684"/>
                    <a:pt x="650" y="8579"/>
                  </a:cubicBezTo>
                  <a:cubicBezTo>
                    <a:pt x="1319" y="8161"/>
                    <a:pt x="1989" y="7993"/>
                    <a:pt x="2700" y="7847"/>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0" name="Google Shape;363;p37">
              <a:extLst>
                <a:ext uri="{FF2B5EF4-FFF2-40B4-BE49-F238E27FC236}">
                  <a16:creationId xmlns:a16="http://schemas.microsoft.com/office/drawing/2014/main" id="{D55B9499-B6F2-F6E5-AABD-834FB4914E0D}"/>
                </a:ext>
              </a:extLst>
            </p:cNvPr>
            <p:cNvSpPr/>
            <p:nvPr/>
          </p:nvSpPr>
          <p:spPr>
            <a:xfrm>
              <a:off x="-1461025" y="2493025"/>
              <a:ext cx="621975" cy="109875"/>
            </a:xfrm>
            <a:custGeom>
              <a:avLst/>
              <a:gdLst/>
              <a:ahLst/>
              <a:cxnLst/>
              <a:rect l="l" t="t" r="r" b="b"/>
              <a:pathLst>
                <a:path w="24879" h="4395" extrusionOk="0">
                  <a:moveTo>
                    <a:pt x="24000" y="1779"/>
                  </a:moveTo>
                  <a:cubicBezTo>
                    <a:pt x="22765" y="1402"/>
                    <a:pt x="21636" y="879"/>
                    <a:pt x="20401" y="753"/>
                  </a:cubicBezTo>
                  <a:cubicBezTo>
                    <a:pt x="19439" y="649"/>
                    <a:pt x="18497" y="523"/>
                    <a:pt x="17555" y="356"/>
                  </a:cubicBezTo>
                  <a:cubicBezTo>
                    <a:pt x="16363" y="188"/>
                    <a:pt x="15170" y="84"/>
                    <a:pt x="13977" y="105"/>
                  </a:cubicBezTo>
                  <a:cubicBezTo>
                    <a:pt x="12910" y="126"/>
                    <a:pt x="11822" y="105"/>
                    <a:pt x="10734" y="105"/>
                  </a:cubicBezTo>
                  <a:cubicBezTo>
                    <a:pt x="9249" y="0"/>
                    <a:pt x="7826" y="42"/>
                    <a:pt x="6319" y="209"/>
                  </a:cubicBezTo>
                  <a:cubicBezTo>
                    <a:pt x="5629" y="293"/>
                    <a:pt x="4980" y="419"/>
                    <a:pt x="4353" y="649"/>
                  </a:cubicBezTo>
                  <a:cubicBezTo>
                    <a:pt x="3662" y="921"/>
                    <a:pt x="3369" y="1088"/>
                    <a:pt x="3034" y="1758"/>
                  </a:cubicBezTo>
                  <a:cubicBezTo>
                    <a:pt x="2993" y="1821"/>
                    <a:pt x="3097" y="1967"/>
                    <a:pt x="3181" y="1883"/>
                  </a:cubicBezTo>
                  <a:cubicBezTo>
                    <a:pt x="4332" y="1151"/>
                    <a:pt x="6026" y="1339"/>
                    <a:pt x="7366" y="1256"/>
                  </a:cubicBezTo>
                  <a:cubicBezTo>
                    <a:pt x="8726" y="1172"/>
                    <a:pt x="10086" y="1297"/>
                    <a:pt x="11446" y="1402"/>
                  </a:cubicBezTo>
                  <a:cubicBezTo>
                    <a:pt x="12387" y="1486"/>
                    <a:pt x="13266" y="1695"/>
                    <a:pt x="14187" y="1883"/>
                  </a:cubicBezTo>
                  <a:cubicBezTo>
                    <a:pt x="13057" y="1800"/>
                    <a:pt x="11927" y="1695"/>
                    <a:pt x="10818" y="1611"/>
                  </a:cubicBezTo>
                  <a:cubicBezTo>
                    <a:pt x="9186" y="1507"/>
                    <a:pt x="7575" y="1381"/>
                    <a:pt x="5943" y="1695"/>
                  </a:cubicBezTo>
                  <a:cubicBezTo>
                    <a:pt x="5692" y="1758"/>
                    <a:pt x="5399" y="1758"/>
                    <a:pt x="5127" y="1758"/>
                  </a:cubicBezTo>
                  <a:cubicBezTo>
                    <a:pt x="3537" y="1674"/>
                    <a:pt x="2051" y="2134"/>
                    <a:pt x="524" y="2511"/>
                  </a:cubicBezTo>
                  <a:cubicBezTo>
                    <a:pt x="377" y="2532"/>
                    <a:pt x="252" y="2657"/>
                    <a:pt x="0" y="2804"/>
                  </a:cubicBezTo>
                  <a:cubicBezTo>
                    <a:pt x="210" y="2909"/>
                    <a:pt x="314" y="2971"/>
                    <a:pt x="419" y="2971"/>
                  </a:cubicBezTo>
                  <a:cubicBezTo>
                    <a:pt x="670" y="2950"/>
                    <a:pt x="900" y="2929"/>
                    <a:pt x="1130" y="2825"/>
                  </a:cubicBezTo>
                  <a:cubicBezTo>
                    <a:pt x="1528" y="2657"/>
                    <a:pt x="1946" y="2616"/>
                    <a:pt x="2365" y="2616"/>
                  </a:cubicBezTo>
                  <a:cubicBezTo>
                    <a:pt x="5796" y="2595"/>
                    <a:pt x="9228" y="2532"/>
                    <a:pt x="12680" y="2511"/>
                  </a:cubicBezTo>
                  <a:cubicBezTo>
                    <a:pt x="13350" y="2511"/>
                    <a:pt x="14061" y="2532"/>
                    <a:pt x="14731" y="2637"/>
                  </a:cubicBezTo>
                  <a:cubicBezTo>
                    <a:pt x="15589" y="2762"/>
                    <a:pt x="16467" y="2825"/>
                    <a:pt x="17346" y="2804"/>
                  </a:cubicBezTo>
                  <a:cubicBezTo>
                    <a:pt x="17576" y="2804"/>
                    <a:pt x="17848" y="2804"/>
                    <a:pt x="18079" y="2825"/>
                  </a:cubicBezTo>
                  <a:cubicBezTo>
                    <a:pt x="20150" y="3181"/>
                    <a:pt x="22242" y="3536"/>
                    <a:pt x="24230" y="4206"/>
                  </a:cubicBezTo>
                  <a:cubicBezTo>
                    <a:pt x="24418" y="4269"/>
                    <a:pt x="24628" y="4310"/>
                    <a:pt x="24879" y="4394"/>
                  </a:cubicBezTo>
                  <a:cubicBezTo>
                    <a:pt x="24669" y="3432"/>
                    <a:pt x="24125" y="2657"/>
                    <a:pt x="24000" y="1779"/>
                  </a:cubicBezTo>
                  <a:close/>
                  <a:moveTo>
                    <a:pt x="23100" y="3369"/>
                  </a:moveTo>
                  <a:cubicBezTo>
                    <a:pt x="23037" y="3453"/>
                    <a:pt x="22828" y="3536"/>
                    <a:pt x="22724" y="3494"/>
                  </a:cubicBezTo>
                  <a:cubicBezTo>
                    <a:pt x="22200" y="3369"/>
                    <a:pt x="21698" y="3181"/>
                    <a:pt x="21175" y="3055"/>
                  </a:cubicBezTo>
                  <a:cubicBezTo>
                    <a:pt x="20464" y="2867"/>
                    <a:pt x="19752" y="2699"/>
                    <a:pt x="19020" y="2553"/>
                  </a:cubicBezTo>
                  <a:cubicBezTo>
                    <a:pt x="19229" y="2532"/>
                    <a:pt x="19439" y="2511"/>
                    <a:pt x="19627" y="2406"/>
                  </a:cubicBezTo>
                  <a:cubicBezTo>
                    <a:pt x="19836" y="2302"/>
                    <a:pt x="19878" y="2009"/>
                    <a:pt x="19773" y="1821"/>
                  </a:cubicBezTo>
                  <a:cubicBezTo>
                    <a:pt x="20694" y="2030"/>
                    <a:pt x="21615" y="2302"/>
                    <a:pt x="22535" y="2595"/>
                  </a:cubicBezTo>
                  <a:cubicBezTo>
                    <a:pt x="22724" y="2637"/>
                    <a:pt x="22891" y="2762"/>
                    <a:pt x="23058" y="2909"/>
                  </a:cubicBezTo>
                  <a:cubicBezTo>
                    <a:pt x="23184" y="3013"/>
                    <a:pt x="23247" y="3243"/>
                    <a:pt x="23100" y="3369"/>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1" name="Google Shape;364;p37">
              <a:extLst>
                <a:ext uri="{FF2B5EF4-FFF2-40B4-BE49-F238E27FC236}">
                  <a16:creationId xmlns:a16="http://schemas.microsoft.com/office/drawing/2014/main" id="{E6DEB332-4677-933C-7990-7795C90BA5DA}"/>
                </a:ext>
              </a:extLst>
            </p:cNvPr>
            <p:cNvSpPr/>
            <p:nvPr/>
          </p:nvSpPr>
          <p:spPr>
            <a:xfrm>
              <a:off x="-2009750" y="2479425"/>
              <a:ext cx="9450" cy="1075"/>
            </a:xfrm>
            <a:custGeom>
              <a:avLst/>
              <a:gdLst/>
              <a:ahLst/>
              <a:cxnLst/>
              <a:rect l="l" t="t" r="r" b="b"/>
              <a:pathLst>
                <a:path w="378" h="43" extrusionOk="0">
                  <a:moveTo>
                    <a:pt x="1" y="42"/>
                  </a:moveTo>
                  <a:lnTo>
                    <a:pt x="377" y="42"/>
                  </a:lnTo>
                  <a:lnTo>
                    <a:pt x="377" y="0"/>
                  </a:lnTo>
                  <a:lnTo>
                    <a:pt x="1" y="0"/>
                  </a:lnTo>
                  <a:close/>
                </a:path>
              </a:pathLst>
            </a:custGeom>
            <a:solidFill>
              <a:srgbClr val="E6E6E1"/>
            </a:solidFill>
            <a:ln>
              <a:noFill/>
            </a:ln>
          </p:spPr>
          <p:txBody>
            <a:bodyPr spcFirstLastPara="1" wrap="square" lIns="91425" tIns="91425" rIns="91425" bIns="91425" anchor="ctr" anchorCtr="0">
              <a:noAutofit/>
            </a:bodyPr>
            <a:lstStyle/>
            <a:p>
              <a:endParaRPr/>
            </a:p>
          </p:txBody>
        </p:sp>
        <p:sp>
          <p:nvSpPr>
            <p:cNvPr id="12" name="Google Shape;365;p37">
              <a:extLst>
                <a:ext uri="{FF2B5EF4-FFF2-40B4-BE49-F238E27FC236}">
                  <a16:creationId xmlns:a16="http://schemas.microsoft.com/office/drawing/2014/main" id="{8BE32799-0EB7-E317-87A5-719D821FA81E}"/>
                </a:ext>
              </a:extLst>
            </p:cNvPr>
            <p:cNvSpPr/>
            <p:nvPr/>
          </p:nvSpPr>
          <p:spPr>
            <a:xfrm>
              <a:off x="-2285950" y="2359100"/>
              <a:ext cx="1445325" cy="228100"/>
            </a:xfrm>
            <a:custGeom>
              <a:avLst/>
              <a:gdLst/>
              <a:ahLst/>
              <a:cxnLst/>
              <a:rect l="l" t="t" r="r" b="b"/>
              <a:pathLst>
                <a:path w="57813" h="9124" extrusionOk="0">
                  <a:moveTo>
                    <a:pt x="32746" y="7261"/>
                  </a:moveTo>
                  <a:lnTo>
                    <a:pt x="32956" y="7261"/>
                  </a:lnTo>
                  <a:cubicBezTo>
                    <a:pt x="33793" y="7031"/>
                    <a:pt x="34630" y="6759"/>
                    <a:pt x="35404" y="6341"/>
                  </a:cubicBezTo>
                  <a:cubicBezTo>
                    <a:pt x="35759" y="6173"/>
                    <a:pt x="36115" y="6027"/>
                    <a:pt x="36492" y="5901"/>
                  </a:cubicBezTo>
                  <a:cubicBezTo>
                    <a:pt x="38187" y="5294"/>
                    <a:pt x="39965" y="4960"/>
                    <a:pt x="41764" y="4750"/>
                  </a:cubicBezTo>
                  <a:cubicBezTo>
                    <a:pt x="42706" y="4646"/>
                    <a:pt x="43710" y="4625"/>
                    <a:pt x="44652" y="4646"/>
                  </a:cubicBezTo>
                  <a:cubicBezTo>
                    <a:pt x="46263" y="4646"/>
                    <a:pt x="47895" y="4541"/>
                    <a:pt x="49506" y="4750"/>
                  </a:cubicBezTo>
                  <a:cubicBezTo>
                    <a:pt x="50092" y="4834"/>
                    <a:pt x="50636" y="4876"/>
                    <a:pt x="51222" y="4960"/>
                  </a:cubicBezTo>
                  <a:cubicBezTo>
                    <a:pt x="53168" y="5169"/>
                    <a:pt x="55093" y="5504"/>
                    <a:pt x="56913" y="6236"/>
                  </a:cubicBezTo>
                  <a:cubicBezTo>
                    <a:pt x="57185" y="6341"/>
                    <a:pt x="57457" y="6424"/>
                    <a:pt x="57813" y="6529"/>
                  </a:cubicBezTo>
                  <a:cubicBezTo>
                    <a:pt x="57813" y="6382"/>
                    <a:pt x="57813" y="6278"/>
                    <a:pt x="57771" y="6215"/>
                  </a:cubicBezTo>
                  <a:cubicBezTo>
                    <a:pt x="57520" y="5776"/>
                    <a:pt x="57248" y="5336"/>
                    <a:pt x="56976" y="4918"/>
                  </a:cubicBezTo>
                  <a:cubicBezTo>
                    <a:pt x="56474" y="4144"/>
                    <a:pt x="55930" y="3453"/>
                    <a:pt x="55449" y="2658"/>
                  </a:cubicBezTo>
                  <a:cubicBezTo>
                    <a:pt x="55239" y="2323"/>
                    <a:pt x="55009" y="2114"/>
                    <a:pt x="54674" y="1988"/>
                  </a:cubicBezTo>
                  <a:cubicBezTo>
                    <a:pt x="53733" y="1612"/>
                    <a:pt x="52770" y="1193"/>
                    <a:pt x="51808" y="859"/>
                  </a:cubicBezTo>
                  <a:cubicBezTo>
                    <a:pt x="50552" y="419"/>
                    <a:pt x="49255" y="147"/>
                    <a:pt x="47916" y="126"/>
                  </a:cubicBezTo>
                  <a:cubicBezTo>
                    <a:pt x="45928" y="105"/>
                    <a:pt x="43941" y="1"/>
                    <a:pt x="41953" y="273"/>
                  </a:cubicBezTo>
                  <a:cubicBezTo>
                    <a:pt x="40572" y="482"/>
                    <a:pt x="39128" y="566"/>
                    <a:pt x="37768" y="1005"/>
                  </a:cubicBezTo>
                  <a:cubicBezTo>
                    <a:pt x="37412" y="1152"/>
                    <a:pt x="37015" y="1214"/>
                    <a:pt x="36617" y="1277"/>
                  </a:cubicBezTo>
                  <a:cubicBezTo>
                    <a:pt x="35885" y="1361"/>
                    <a:pt x="35215" y="1591"/>
                    <a:pt x="34546" y="1884"/>
                  </a:cubicBezTo>
                  <a:cubicBezTo>
                    <a:pt x="34190" y="2030"/>
                    <a:pt x="33814" y="2198"/>
                    <a:pt x="33458" y="2302"/>
                  </a:cubicBezTo>
                  <a:cubicBezTo>
                    <a:pt x="32809" y="2470"/>
                    <a:pt x="32286" y="2888"/>
                    <a:pt x="31721" y="3244"/>
                  </a:cubicBezTo>
                  <a:cubicBezTo>
                    <a:pt x="31365" y="3474"/>
                    <a:pt x="31198" y="3809"/>
                    <a:pt x="31261" y="4227"/>
                  </a:cubicBezTo>
                  <a:cubicBezTo>
                    <a:pt x="31303" y="4604"/>
                    <a:pt x="31386" y="4939"/>
                    <a:pt x="31512" y="5273"/>
                  </a:cubicBezTo>
                  <a:cubicBezTo>
                    <a:pt x="31700" y="5713"/>
                    <a:pt x="31909" y="6173"/>
                    <a:pt x="32119" y="6592"/>
                  </a:cubicBezTo>
                  <a:cubicBezTo>
                    <a:pt x="32223" y="6759"/>
                    <a:pt x="32349" y="6947"/>
                    <a:pt x="32453" y="7136"/>
                  </a:cubicBezTo>
                  <a:cubicBezTo>
                    <a:pt x="31679" y="6634"/>
                    <a:pt x="30759" y="6445"/>
                    <a:pt x="29838" y="6278"/>
                  </a:cubicBezTo>
                  <a:cubicBezTo>
                    <a:pt x="28562" y="5985"/>
                    <a:pt x="27264" y="5797"/>
                    <a:pt x="25946" y="5671"/>
                  </a:cubicBezTo>
                  <a:cubicBezTo>
                    <a:pt x="24879" y="5566"/>
                    <a:pt x="23770" y="5483"/>
                    <a:pt x="22682" y="5462"/>
                  </a:cubicBezTo>
                  <a:cubicBezTo>
                    <a:pt x="20883" y="5273"/>
                    <a:pt x="19041" y="5169"/>
                    <a:pt x="17242" y="5085"/>
                  </a:cubicBezTo>
                  <a:cubicBezTo>
                    <a:pt x="15882" y="5043"/>
                    <a:pt x="14543" y="5064"/>
                    <a:pt x="13183" y="5064"/>
                  </a:cubicBezTo>
                  <a:cubicBezTo>
                    <a:pt x="11781" y="5043"/>
                    <a:pt x="10316" y="4918"/>
                    <a:pt x="8914" y="5085"/>
                  </a:cubicBezTo>
                  <a:cubicBezTo>
                    <a:pt x="7910" y="5232"/>
                    <a:pt x="6885" y="5399"/>
                    <a:pt x="5860" y="5608"/>
                  </a:cubicBezTo>
                  <a:cubicBezTo>
                    <a:pt x="5316" y="5692"/>
                    <a:pt x="4730" y="5776"/>
                    <a:pt x="4186" y="5901"/>
                  </a:cubicBezTo>
                  <a:cubicBezTo>
                    <a:pt x="3349" y="6090"/>
                    <a:pt x="2575" y="6403"/>
                    <a:pt x="1779" y="6717"/>
                  </a:cubicBezTo>
                  <a:cubicBezTo>
                    <a:pt x="1256" y="6926"/>
                    <a:pt x="524" y="7157"/>
                    <a:pt x="189" y="7659"/>
                  </a:cubicBezTo>
                  <a:cubicBezTo>
                    <a:pt x="1" y="7910"/>
                    <a:pt x="294" y="8224"/>
                    <a:pt x="587" y="8161"/>
                  </a:cubicBezTo>
                  <a:cubicBezTo>
                    <a:pt x="943" y="8077"/>
                    <a:pt x="1319" y="7952"/>
                    <a:pt x="1654" y="7847"/>
                  </a:cubicBezTo>
                  <a:cubicBezTo>
                    <a:pt x="2198" y="7868"/>
                    <a:pt x="2721" y="7742"/>
                    <a:pt x="3265" y="7575"/>
                  </a:cubicBezTo>
                  <a:cubicBezTo>
                    <a:pt x="2700" y="7805"/>
                    <a:pt x="2114" y="8056"/>
                    <a:pt x="1528" y="8224"/>
                  </a:cubicBezTo>
                  <a:cubicBezTo>
                    <a:pt x="1466" y="8224"/>
                    <a:pt x="1424" y="8224"/>
                    <a:pt x="1361" y="8266"/>
                  </a:cubicBezTo>
                  <a:cubicBezTo>
                    <a:pt x="1277" y="8286"/>
                    <a:pt x="1215" y="8307"/>
                    <a:pt x="1152" y="8328"/>
                  </a:cubicBezTo>
                  <a:cubicBezTo>
                    <a:pt x="754" y="8496"/>
                    <a:pt x="817" y="9061"/>
                    <a:pt x="1256" y="9061"/>
                  </a:cubicBezTo>
                  <a:cubicBezTo>
                    <a:pt x="2407" y="9123"/>
                    <a:pt x="3621" y="8496"/>
                    <a:pt x="4709" y="8161"/>
                  </a:cubicBezTo>
                  <a:cubicBezTo>
                    <a:pt x="5985" y="7763"/>
                    <a:pt x="7324" y="7554"/>
                    <a:pt x="8642" y="7345"/>
                  </a:cubicBezTo>
                  <a:cubicBezTo>
                    <a:pt x="10023" y="7136"/>
                    <a:pt x="11404" y="6843"/>
                    <a:pt x="12827" y="6696"/>
                  </a:cubicBezTo>
                  <a:cubicBezTo>
                    <a:pt x="14187" y="6529"/>
                    <a:pt x="15568" y="6613"/>
                    <a:pt x="16949" y="6613"/>
                  </a:cubicBezTo>
                  <a:cubicBezTo>
                    <a:pt x="18393" y="6613"/>
                    <a:pt x="19837" y="6613"/>
                    <a:pt x="21259" y="6634"/>
                  </a:cubicBezTo>
                  <a:cubicBezTo>
                    <a:pt x="22410" y="6738"/>
                    <a:pt x="23540" y="6843"/>
                    <a:pt x="24691" y="6968"/>
                  </a:cubicBezTo>
                  <a:cubicBezTo>
                    <a:pt x="26051" y="7136"/>
                    <a:pt x="27202" y="7491"/>
                    <a:pt x="28478" y="7952"/>
                  </a:cubicBezTo>
                  <a:cubicBezTo>
                    <a:pt x="29064" y="8119"/>
                    <a:pt x="29671" y="8224"/>
                    <a:pt x="30236" y="8328"/>
                  </a:cubicBezTo>
                  <a:cubicBezTo>
                    <a:pt x="30780" y="8433"/>
                    <a:pt x="31303" y="8642"/>
                    <a:pt x="31889" y="8705"/>
                  </a:cubicBezTo>
                  <a:cubicBezTo>
                    <a:pt x="32181" y="8726"/>
                    <a:pt x="32349" y="8600"/>
                    <a:pt x="32453" y="8412"/>
                  </a:cubicBezTo>
                  <a:cubicBezTo>
                    <a:pt x="32935" y="8328"/>
                    <a:pt x="33270" y="7680"/>
                    <a:pt x="32746" y="7261"/>
                  </a:cubicBezTo>
                  <a:close/>
                </a:path>
              </a:pathLst>
            </a:custGeom>
            <a:solidFill>
              <a:schemeClr val="lt2"/>
            </a:solidFill>
            <a:ln>
              <a:noFill/>
            </a:ln>
          </p:spPr>
          <p:txBody>
            <a:bodyPr spcFirstLastPara="1" wrap="square" lIns="91425" tIns="91425" rIns="91425" bIns="91425" anchor="ctr" anchorCtr="0">
              <a:noAutofit/>
            </a:bodyPr>
            <a:lstStyle/>
            <a:p>
              <a:endParaRPr/>
            </a:p>
          </p:txBody>
        </p:sp>
        <p:sp>
          <p:nvSpPr>
            <p:cNvPr id="13" name="Google Shape;366;p37">
              <a:extLst>
                <a:ext uri="{FF2B5EF4-FFF2-40B4-BE49-F238E27FC236}">
                  <a16:creationId xmlns:a16="http://schemas.microsoft.com/office/drawing/2014/main" id="{7B1F4DF3-ADF1-53F5-28E9-199418C3AD48}"/>
                </a:ext>
              </a:extLst>
            </p:cNvPr>
            <p:cNvSpPr/>
            <p:nvPr/>
          </p:nvSpPr>
          <p:spPr>
            <a:xfrm>
              <a:off x="-1738275" y="928450"/>
              <a:ext cx="1032625" cy="640825"/>
            </a:xfrm>
            <a:custGeom>
              <a:avLst/>
              <a:gdLst/>
              <a:ahLst/>
              <a:cxnLst/>
              <a:rect l="l" t="t" r="r" b="b"/>
              <a:pathLst>
                <a:path w="41305" h="25633" extrusionOk="0">
                  <a:moveTo>
                    <a:pt x="27181" y="17995"/>
                  </a:moveTo>
                  <a:cubicBezTo>
                    <a:pt x="26595" y="18372"/>
                    <a:pt x="26407" y="18978"/>
                    <a:pt x="26114" y="19481"/>
                  </a:cubicBezTo>
                  <a:cubicBezTo>
                    <a:pt x="25904" y="19564"/>
                    <a:pt x="25695" y="19627"/>
                    <a:pt x="25528" y="19732"/>
                  </a:cubicBezTo>
                  <a:cubicBezTo>
                    <a:pt x="25402" y="19836"/>
                    <a:pt x="25277" y="19983"/>
                    <a:pt x="25172" y="20108"/>
                  </a:cubicBezTo>
                  <a:cubicBezTo>
                    <a:pt x="24963" y="20422"/>
                    <a:pt x="24775" y="20778"/>
                    <a:pt x="24544" y="21071"/>
                  </a:cubicBezTo>
                  <a:cubicBezTo>
                    <a:pt x="24126" y="21594"/>
                    <a:pt x="23561" y="21740"/>
                    <a:pt x="22912" y="21573"/>
                  </a:cubicBezTo>
                  <a:cubicBezTo>
                    <a:pt x="21866" y="21217"/>
                    <a:pt x="20987" y="20694"/>
                    <a:pt x="20674" y="19564"/>
                  </a:cubicBezTo>
                  <a:cubicBezTo>
                    <a:pt x="20611" y="19376"/>
                    <a:pt x="20548" y="19209"/>
                    <a:pt x="20443" y="19062"/>
                  </a:cubicBezTo>
                  <a:cubicBezTo>
                    <a:pt x="20067" y="18623"/>
                    <a:pt x="20025" y="18100"/>
                    <a:pt x="20025" y="17535"/>
                  </a:cubicBezTo>
                  <a:cubicBezTo>
                    <a:pt x="20025" y="17012"/>
                    <a:pt x="20025" y="16509"/>
                    <a:pt x="19983" y="15986"/>
                  </a:cubicBezTo>
                  <a:cubicBezTo>
                    <a:pt x="19962" y="15610"/>
                    <a:pt x="19565" y="15421"/>
                    <a:pt x="19293" y="15693"/>
                  </a:cubicBezTo>
                  <a:cubicBezTo>
                    <a:pt x="18728" y="16154"/>
                    <a:pt x="18079" y="16488"/>
                    <a:pt x="17577" y="16991"/>
                  </a:cubicBezTo>
                  <a:cubicBezTo>
                    <a:pt x="17096" y="17493"/>
                    <a:pt x="16531" y="17911"/>
                    <a:pt x="15966" y="18267"/>
                  </a:cubicBezTo>
                  <a:cubicBezTo>
                    <a:pt x="15589" y="18518"/>
                    <a:pt x="15150" y="18413"/>
                    <a:pt x="14731" y="18330"/>
                  </a:cubicBezTo>
                  <a:cubicBezTo>
                    <a:pt x="14585" y="18309"/>
                    <a:pt x="14417" y="18162"/>
                    <a:pt x="14271" y="18079"/>
                  </a:cubicBezTo>
                  <a:cubicBezTo>
                    <a:pt x="14062" y="17158"/>
                    <a:pt x="14083" y="15777"/>
                    <a:pt x="14334" y="14940"/>
                  </a:cubicBezTo>
                  <a:cubicBezTo>
                    <a:pt x="14438" y="14584"/>
                    <a:pt x="14522" y="14187"/>
                    <a:pt x="14585" y="13789"/>
                  </a:cubicBezTo>
                  <a:cubicBezTo>
                    <a:pt x="14606" y="13664"/>
                    <a:pt x="14543" y="13517"/>
                    <a:pt x="14522" y="13350"/>
                  </a:cubicBezTo>
                  <a:cubicBezTo>
                    <a:pt x="14480" y="13141"/>
                    <a:pt x="14187" y="13036"/>
                    <a:pt x="13999" y="13141"/>
                  </a:cubicBezTo>
                  <a:cubicBezTo>
                    <a:pt x="13811" y="13245"/>
                    <a:pt x="13664" y="13413"/>
                    <a:pt x="13497" y="13538"/>
                  </a:cubicBezTo>
                  <a:cubicBezTo>
                    <a:pt x="12974" y="14061"/>
                    <a:pt x="12492" y="14563"/>
                    <a:pt x="11865" y="14919"/>
                  </a:cubicBezTo>
                  <a:cubicBezTo>
                    <a:pt x="11593" y="15087"/>
                    <a:pt x="11404" y="15317"/>
                    <a:pt x="11174" y="15526"/>
                  </a:cubicBezTo>
                  <a:cubicBezTo>
                    <a:pt x="10400" y="16237"/>
                    <a:pt x="9521" y="16802"/>
                    <a:pt x="8580" y="17325"/>
                  </a:cubicBezTo>
                  <a:cubicBezTo>
                    <a:pt x="8140" y="17597"/>
                    <a:pt x="7680" y="17597"/>
                    <a:pt x="7199" y="17576"/>
                  </a:cubicBezTo>
                  <a:cubicBezTo>
                    <a:pt x="6759" y="17514"/>
                    <a:pt x="6571" y="17325"/>
                    <a:pt x="6550" y="16865"/>
                  </a:cubicBezTo>
                  <a:cubicBezTo>
                    <a:pt x="6529" y="16112"/>
                    <a:pt x="6655" y="15380"/>
                    <a:pt x="7094" y="14710"/>
                  </a:cubicBezTo>
                  <a:cubicBezTo>
                    <a:pt x="7638" y="13957"/>
                    <a:pt x="8057" y="13120"/>
                    <a:pt x="8726" y="12450"/>
                  </a:cubicBezTo>
                  <a:cubicBezTo>
                    <a:pt x="8894" y="12241"/>
                    <a:pt x="8998" y="11927"/>
                    <a:pt x="9103" y="11655"/>
                  </a:cubicBezTo>
                  <a:cubicBezTo>
                    <a:pt x="9186" y="11425"/>
                    <a:pt x="8935" y="11153"/>
                    <a:pt x="8684" y="11216"/>
                  </a:cubicBezTo>
                  <a:cubicBezTo>
                    <a:pt x="8454" y="11258"/>
                    <a:pt x="8224" y="11341"/>
                    <a:pt x="8015" y="11446"/>
                  </a:cubicBezTo>
                  <a:cubicBezTo>
                    <a:pt x="6529" y="12178"/>
                    <a:pt x="5064" y="12931"/>
                    <a:pt x="3600" y="13706"/>
                  </a:cubicBezTo>
                  <a:cubicBezTo>
                    <a:pt x="3140" y="13936"/>
                    <a:pt x="2721" y="14082"/>
                    <a:pt x="2240" y="14061"/>
                  </a:cubicBezTo>
                  <a:cubicBezTo>
                    <a:pt x="1675" y="14040"/>
                    <a:pt x="1152" y="14061"/>
                    <a:pt x="608" y="14040"/>
                  </a:cubicBezTo>
                  <a:cubicBezTo>
                    <a:pt x="189" y="14019"/>
                    <a:pt x="64" y="13831"/>
                    <a:pt x="43" y="13392"/>
                  </a:cubicBezTo>
                  <a:cubicBezTo>
                    <a:pt x="1" y="13036"/>
                    <a:pt x="147" y="12785"/>
                    <a:pt x="315" y="12471"/>
                  </a:cubicBezTo>
                  <a:cubicBezTo>
                    <a:pt x="943" y="11446"/>
                    <a:pt x="1863" y="10797"/>
                    <a:pt x="2868" y="10211"/>
                  </a:cubicBezTo>
                  <a:cubicBezTo>
                    <a:pt x="3725" y="9730"/>
                    <a:pt x="4646" y="9521"/>
                    <a:pt x="5609" y="9458"/>
                  </a:cubicBezTo>
                  <a:cubicBezTo>
                    <a:pt x="6006" y="9437"/>
                    <a:pt x="6383" y="9416"/>
                    <a:pt x="6759" y="9333"/>
                  </a:cubicBezTo>
                  <a:cubicBezTo>
                    <a:pt x="7010" y="9270"/>
                    <a:pt x="7073" y="9102"/>
                    <a:pt x="6948" y="8830"/>
                  </a:cubicBezTo>
                  <a:cubicBezTo>
                    <a:pt x="6173" y="8809"/>
                    <a:pt x="5420" y="8747"/>
                    <a:pt x="4646" y="8726"/>
                  </a:cubicBezTo>
                  <a:cubicBezTo>
                    <a:pt x="4248" y="8726"/>
                    <a:pt x="3935" y="8579"/>
                    <a:pt x="3767" y="8203"/>
                  </a:cubicBezTo>
                  <a:cubicBezTo>
                    <a:pt x="3725" y="8098"/>
                    <a:pt x="3663" y="7973"/>
                    <a:pt x="3600" y="7889"/>
                  </a:cubicBezTo>
                  <a:cubicBezTo>
                    <a:pt x="2805" y="7157"/>
                    <a:pt x="2930" y="6194"/>
                    <a:pt x="3035" y="5273"/>
                  </a:cubicBezTo>
                  <a:cubicBezTo>
                    <a:pt x="3098" y="4708"/>
                    <a:pt x="3391" y="4185"/>
                    <a:pt x="3914" y="3830"/>
                  </a:cubicBezTo>
                  <a:cubicBezTo>
                    <a:pt x="4039" y="3767"/>
                    <a:pt x="4165" y="3662"/>
                    <a:pt x="4248" y="3558"/>
                  </a:cubicBezTo>
                  <a:cubicBezTo>
                    <a:pt x="4772" y="2993"/>
                    <a:pt x="5441" y="2951"/>
                    <a:pt x="6173" y="2993"/>
                  </a:cubicBezTo>
                  <a:cubicBezTo>
                    <a:pt x="6278" y="2993"/>
                    <a:pt x="6445" y="3035"/>
                    <a:pt x="6529" y="3076"/>
                  </a:cubicBezTo>
                  <a:cubicBezTo>
                    <a:pt x="7052" y="3411"/>
                    <a:pt x="7701" y="3558"/>
                    <a:pt x="8161" y="3997"/>
                  </a:cubicBezTo>
                  <a:cubicBezTo>
                    <a:pt x="8245" y="4039"/>
                    <a:pt x="8308" y="4123"/>
                    <a:pt x="8370" y="4144"/>
                  </a:cubicBezTo>
                  <a:cubicBezTo>
                    <a:pt x="8873" y="4311"/>
                    <a:pt x="9291" y="4541"/>
                    <a:pt x="9605" y="5022"/>
                  </a:cubicBezTo>
                  <a:cubicBezTo>
                    <a:pt x="9730" y="4918"/>
                    <a:pt x="9814" y="4855"/>
                    <a:pt x="9940" y="4771"/>
                  </a:cubicBezTo>
                  <a:cubicBezTo>
                    <a:pt x="9689" y="4562"/>
                    <a:pt x="9458" y="4395"/>
                    <a:pt x="9270" y="4185"/>
                  </a:cubicBezTo>
                  <a:cubicBezTo>
                    <a:pt x="9082" y="3976"/>
                    <a:pt x="8977" y="3704"/>
                    <a:pt x="8852" y="3495"/>
                  </a:cubicBezTo>
                  <a:cubicBezTo>
                    <a:pt x="8684" y="3286"/>
                    <a:pt x="8663" y="3055"/>
                    <a:pt x="8663" y="2825"/>
                  </a:cubicBezTo>
                  <a:cubicBezTo>
                    <a:pt x="8663" y="2616"/>
                    <a:pt x="8684" y="2407"/>
                    <a:pt x="8663" y="2198"/>
                  </a:cubicBezTo>
                  <a:cubicBezTo>
                    <a:pt x="8538" y="1361"/>
                    <a:pt x="9166" y="440"/>
                    <a:pt x="10086" y="126"/>
                  </a:cubicBezTo>
                  <a:cubicBezTo>
                    <a:pt x="10421" y="1"/>
                    <a:pt x="10735" y="22"/>
                    <a:pt x="10986" y="252"/>
                  </a:cubicBezTo>
                  <a:cubicBezTo>
                    <a:pt x="11279" y="524"/>
                    <a:pt x="11593" y="775"/>
                    <a:pt x="11802" y="1089"/>
                  </a:cubicBezTo>
                  <a:cubicBezTo>
                    <a:pt x="12513" y="2051"/>
                    <a:pt x="13162" y="3076"/>
                    <a:pt x="13559" y="4227"/>
                  </a:cubicBezTo>
                  <a:cubicBezTo>
                    <a:pt x="13601" y="4353"/>
                    <a:pt x="13685" y="4520"/>
                    <a:pt x="13769" y="4625"/>
                  </a:cubicBezTo>
                  <a:cubicBezTo>
                    <a:pt x="14020" y="4939"/>
                    <a:pt x="14313" y="4960"/>
                    <a:pt x="14627" y="4708"/>
                  </a:cubicBezTo>
                  <a:cubicBezTo>
                    <a:pt x="14940" y="4436"/>
                    <a:pt x="15171" y="4144"/>
                    <a:pt x="15317" y="3767"/>
                  </a:cubicBezTo>
                  <a:cubicBezTo>
                    <a:pt x="15464" y="3181"/>
                    <a:pt x="15798" y="2742"/>
                    <a:pt x="16217" y="2323"/>
                  </a:cubicBezTo>
                  <a:lnTo>
                    <a:pt x="17242" y="1298"/>
                  </a:lnTo>
                  <a:cubicBezTo>
                    <a:pt x="17891" y="649"/>
                    <a:pt x="18623" y="273"/>
                    <a:pt x="19606" y="335"/>
                  </a:cubicBezTo>
                  <a:cubicBezTo>
                    <a:pt x="20150" y="356"/>
                    <a:pt x="20674" y="356"/>
                    <a:pt x="21218" y="335"/>
                  </a:cubicBezTo>
                  <a:cubicBezTo>
                    <a:pt x="21552" y="335"/>
                    <a:pt x="21866" y="419"/>
                    <a:pt x="22159" y="628"/>
                  </a:cubicBezTo>
                  <a:cubicBezTo>
                    <a:pt x="22473" y="859"/>
                    <a:pt x="22808" y="1047"/>
                    <a:pt x="23122" y="1277"/>
                  </a:cubicBezTo>
                  <a:cubicBezTo>
                    <a:pt x="23938" y="1926"/>
                    <a:pt x="24461" y="2742"/>
                    <a:pt x="24377" y="3830"/>
                  </a:cubicBezTo>
                  <a:cubicBezTo>
                    <a:pt x="24356" y="4353"/>
                    <a:pt x="24461" y="4918"/>
                    <a:pt x="24147" y="5399"/>
                  </a:cubicBezTo>
                  <a:cubicBezTo>
                    <a:pt x="24042" y="5566"/>
                    <a:pt x="24147" y="5776"/>
                    <a:pt x="24272" y="5901"/>
                  </a:cubicBezTo>
                  <a:cubicBezTo>
                    <a:pt x="24419" y="6027"/>
                    <a:pt x="24628" y="6068"/>
                    <a:pt x="24775" y="5985"/>
                  </a:cubicBezTo>
                  <a:cubicBezTo>
                    <a:pt x="24900" y="5922"/>
                    <a:pt x="25005" y="5796"/>
                    <a:pt x="25151" y="5713"/>
                  </a:cubicBezTo>
                  <a:cubicBezTo>
                    <a:pt x="25716" y="5273"/>
                    <a:pt x="26260" y="4834"/>
                    <a:pt x="26846" y="4395"/>
                  </a:cubicBezTo>
                  <a:cubicBezTo>
                    <a:pt x="27306" y="4018"/>
                    <a:pt x="27871" y="3872"/>
                    <a:pt x="28436" y="3892"/>
                  </a:cubicBezTo>
                  <a:lnTo>
                    <a:pt x="29796" y="3892"/>
                  </a:lnTo>
                  <a:cubicBezTo>
                    <a:pt x="30801" y="3872"/>
                    <a:pt x="31763" y="4771"/>
                    <a:pt x="31805" y="5922"/>
                  </a:cubicBezTo>
                  <a:cubicBezTo>
                    <a:pt x="31847" y="6382"/>
                    <a:pt x="31575" y="6738"/>
                    <a:pt x="31324" y="7052"/>
                  </a:cubicBezTo>
                  <a:cubicBezTo>
                    <a:pt x="31114" y="7324"/>
                    <a:pt x="30842" y="7533"/>
                    <a:pt x="30633" y="7763"/>
                  </a:cubicBezTo>
                  <a:cubicBezTo>
                    <a:pt x="30529" y="7868"/>
                    <a:pt x="30424" y="7993"/>
                    <a:pt x="30403" y="8119"/>
                  </a:cubicBezTo>
                  <a:cubicBezTo>
                    <a:pt x="30382" y="8265"/>
                    <a:pt x="30424" y="8412"/>
                    <a:pt x="30508" y="8537"/>
                  </a:cubicBezTo>
                  <a:cubicBezTo>
                    <a:pt x="30612" y="8705"/>
                    <a:pt x="30821" y="8747"/>
                    <a:pt x="30968" y="8684"/>
                  </a:cubicBezTo>
                  <a:cubicBezTo>
                    <a:pt x="31156" y="8579"/>
                    <a:pt x="31324" y="8433"/>
                    <a:pt x="31470" y="8286"/>
                  </a:cubicBezTo>
                  <a:cubicBezTo>
                    <a:pt x="32161" y="7638"/>
                    <a:pt x="33018" y="7366"/>
                    <a:pt x="33897" y="7282"/>
                  </a:cubicBezTo>
                  <a:cubicBezTo>
                    <a:pt x="34399" y="7240"/>
                    <a:pt x="34922" y="7324"/>
                    <a:pt x="35446" y="7282"/>
                  </a:cubicBezTo>
                  <a:cubicBezTo>
                    <a:pt x="36387" y="7240"/>
                    <a:pt x="37140" y="7596"/>
                    <a:pt x="37810" y="8265"/>
                  </a:cubicBezTo>
                  <a:cubicBezTo>
                    <a:pt x="38082" y="8537"/>
                    <a:pt x="38354" y="8893"/>
                    <a:pt x="38605" y="9228"/>
                  </a:cubicBezTo>
                  <a:cubicBezTo>
                    <a:pt x="38919" y="9667"/>
                    <a:pt x="38919" y="10295"/>
                    <a:pt x="38605" y="10734"/>
                  </a:cubicBezTo>
                  <a:cubicBezTo>
                    <a:pt x="38500" y="10902"/>
                    <a:pt x="38375" y="11027"/>
                    <a:pt x="38249" y="11132"/>
                  </a:cubicBezTo>
                  <a:cubicBezTo>
                    <a:pt x="37705" y="11467"/>
                    <a:pt x="37140" y="11760"/>
                    <a:pt x="36596" y="12074"/>
                  </a:cubicBezTo>
                  <a:cubicBezTo>
                    <a:pt x="36471" y="12157"/>
                    <a:pt x="36303" y="12157"/>
                    <a:pt x="36157" y="12178"/>
                  </a:cubicBezTo>
                  <a:cubicBezTo>
                    <a:pt x="35990" y="12199"/>
                    <a:pt x="35843" y="12199"/>
                    <a:pt x="35718" y="12241"/>
                  </a:cubicBezTo>
                  <a:cubicBezTo>
                    <a:pt x="35467" y="12283"/>
                    <a:pt x="35320" y="12471"/>
                    <a:pt x="35320" y="12680"/>
                  </a:cubicBezTo>
                  <a:cubicBezTo>
                    <a:pt x="35320" y="12869"/>
                    <a:pt x="35508" y="13078"/>
                    <a:pt x="35739" y="13078"/>
                  </a:cubicBezTo>
                  <a:cubicBezTo>
                    <a:pt x="36031" y="13078"/>
                    <a:pt x="36345" y="13099"/>
                    <a:pt x="36617" y="13015"/>
                  </a:cubicBezTo>
                  <a:cubicBezTo>
                    <a:pt x="37308" y="12827"/>
                    <a:pt x="37977" y="12785"/>
                    <a:pt x="38689" y="12806"/>
                  </a:cubicBezTo>
                  <a:cubicBezTo>
                    <a:pt x="38898" y="12806"/>
                    <a:pt x="39107" y="12827"/>
                    <a:pt x="39316" y="12890"/>
                  </a:cubicBezTo>
                  <a:cubicBezTo>
                    <a:pt x="40446" y="13141"/>
                    <a:pt x="40760" y="13538"/>
                    <a:pt x="40907" y="14668"/>
                  </a:cubicBezTo>
                  <a:cubicBezTo>
                    <a:pt x="40948" y="14815"/>
                    <a:pt x="40948" y="14961"/>
                    <a:pt x="40948" y="15107"/>
                  </a:cubicBezTo>
                  <a:cubicBezTo>
                    <a:pt x="41011" y="15819"/>
                    <a:pt x="40781" y="16321"/>
                    <a:pt x="40070" y="16593"/>
                  </a:cubicBezTo>
                  <a:cubicBezTo>
                    <a:pt x="39212" y="16991"/>
                    <a:pt x="39086" y="17388"/>
                    <a:pt x="39505" y="18246"/>
                  </a:cubicBezTo>
                  <a:cubicBezTo>
                    <a:pt x="39714" y="18685"/>
                    <a:pt x="39902" y="19104"/>
                    <a:pt x="40258" y="19460"/>
                  </a:cubicBezTo>
                  <a:cubicBezTo>
                    <a:pt x="40384" y="19564"/>
                    <a:pt x="40467" y="19732"/>
                    <a:pt x="40551" y="19899"/>
                  </a:cubicBezTo>
                  <a:cubicBezTo>
                    <a:pt x="40760" y="20317"/>
                    <a:pt x="40948" y="20715"/>
                    <a:pt x="41095" y="21133"/>
                  </a:cubicBezTo>
                  <a:cubicBezTo>
                    <a:pt x="41304" y="21573"/>
                    <a:pt x="41200" y="22096"/>
                    <a:pt x="40760" y="22284"/>
                  </a:cubicBezTo>
                  <a:cubicBezTo>
                    <a:pt x="40132" y="22535"/>
                    <a:pt x="39505" y="22870"/>
                    <a:pt x="38793" y="22745"/>
                  </a:cubicBezTo>
                  <a:cubicBezTo>
                    <a:pt x="38584" y="22494"/>
                    <a:pt x="38668" y="22201"/>
                    <a:pt x="38647" y="21929"/>
                  </a:cubicBezTo>
                  <a:cubicBezTo>
                    <a:pt x="38563" y="20966"/>
                    <a:pt x="38040" y="20255"/>
                    <a:pt x="37391" y="19606"/>
                  </a:cubicBezTo>
                  <a:cubicBezTo>
                    <a:pt x="37224" y="19460"/>
                    <a:pt x="36994" y="19313"/>
                    <a:pt x="36680" y="19418"/>
                  </a:cubicBezTo>
                  <a:cubicBezTo>
                    <a:pt x="36806" y="19773"/>
                    <a:pt x="36910" y="20045"/>
                    <a:pt x="37015" y="20359"/>
                  </a:cubicBezTo>
                  <a:cubicBezTo>
                    <a:pt x="37119" y="20673"/>
                    <a:pt x="37245" y="20987"/>
                    <a:pt x="37391" y="21280"/>
                  </a:cubicBezTo>
                  <a:cubicBezTo>
                    <a:pt x="37517" y="21573"/>
                    <a:pt x="37622" y="21824"/>
                    <a:pt x="37601" y="22138"/>
                  </a:cubicBezTo>
                  <a:cubicBezTo>
                    <a:pt x="37559" y="22389"/>
                    <a:pt x="37559" y="22598"/>
                    <a:pt x="37412" y="22828"/>
                  </a:cubicBezTo>
                  <a:cubicBezTo>
                    <a:pt x="37287" y="23017"/>
                    <a:pt x="37224" y="23289"/>
                    <a:pt x="37245" y="23498"/>
                  </a:cubicBezTo>
                  <a:cubicBezTo>
                    <a:pt x="37350" y="24188"/>
                    <a:pt x="36994" y="24711"/>
                    <a:pt x="36659" y="25235"/>
                  </a:cubicBezTo>
                  <a:cubicBezTo>
                    <a:pt x="36450" y="25569"/>
                    <a:pt x="36073" y="25632"/>
                    <a:pt x="35676" y="25527"/>
                  </a:cubicBezTo>
                  <a:cubicBezTo>
                    <a:pt x="34922" y="25339"/>
                    <a:pt x="34316" y="24921"/>
                    <a:pt x="33730" y="24439"/>
                  </a:cubicBezTo>
                  <a:cubicBezTo>
                    <a:pt x="33123" y="24000"/>
                    <a:pt x="32893" y="23372"/>
                    <a:pt x="32851" y="22661"/>
                  </a:cubicBezTo>
                  <a:lnTo>
                    <a:pt x="32851" y="21489"/>
                  </a:lnTo>
                  <a:cubicBezTo>
                    <a:pt x="32851" y="21343"/>
                    <a:pt x="32851" y="21175"/>
                    <a:pt x="32809" y="21050"/>
                  </a:cubicBezTo>
                  <a:cubicBezTo>
                    <a:pt x="32746" y="20924"/>
                    <a:pt x="32621" y="20820"/>
                    <a:pt x="32495" y="20757"/>
                  </a:cubicBezTo>
                  <a:cubicBezTo>
                    <a:pt x="32286" y="20715"/>
                    <a:pt x="32161" y="20841"/>
                    <a:pt x="32077" y="21029"/>
                  </a:cubicBezTo>
                  <a:cubicBezTo>
                    <a:pt x="32014" y="21175"/>
                    <a:pt x="31993" y="21364"/>
                    <a:pt x="31993" y="21552"/>
                  </a:cubicBezTo>
                  <a:cubicBezTo>
                    <a:pt x="31972" y="21970"/>
                    <a:pt x="31972" y="22389"/>
                    <a:pt x="31993" y="22807"/>
                  </a:cubicBezTo>
                  <a:cubicBezTo>
                    <a:pt x="31993" y="23121"/>
                    <a:pt x="31909" y="23372"/>
                    <a:pt x="31700" y="23644"/>
                  </a:cubicBezTo>
                  <a:cubicBezTo>
                    <a:pt x="31449" y="23916"/>
                    <a:pt x="31219" y="24230"/>
                    <a:pt x="30863" y="24439"/>
                  </a:cubicBezTo>
                  <a:cubicBezTo>
                    <a:pt x="30612" y="24607"/>
                    <a:pt x="30403" y="24837"/>
                    <a:pt x="30173" y="25004"/>
                  </a:cubicBezTo>
                  <a:cubicBezTo>
                    <a:pt x="29985" y="25130"/>
                    <a:pt x="29754" y="25255"/>
                    <a:pt x="29545" y="25339"/>
                  </a:cubicBezTo>
                  <a:cubicBezTo>
                    <a:pt x="28938" y="25486"/>
                    <a:pt x="28436" y="25381"/>
                    <a:pt x="28039" y="24837"/>
                  </a:cubicBezTo>
                  <a:cubicBezTo>
                    <a:pt x="27348" y="23895"/>
                    <a:pt x="26888" y="22870"/>
                    <a:pt x="26951" y="21678"/>
                  </a:cubicBezTo>
                  <a:cubicBezTo>
                    <a:pt x="26951" y="21447"/>
                    <a:pt x="26951" y="21196"/>
                    <a:pt x="26930" y="20945"/>
                  </a:cubicBezTo>
                  <a:cubicBezTo>
                    <a:pt x="26846" y="20213"/>
                    <a:pt x="26951" y="19501"/>
                    <a:pt x="27264" y="18832"/>
                  </a:cubicBezTo>
                  <a:cubicBezTo>
                    <a:pt x="27264" y="18665"/>
                    <a:pt x="27432" y="18372"/>
                    <a:pt x="27181" y="17995"/>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14" name="Google Shape;367;p37">
              <a:extLst>
                <a:ext uri="{FF2B5EF4-FFF2-40B4-BE49-F238E27FC236}">
                  <a16:creationId xmlns:a16="http://schemas.microsoft.com/office/drawing/2014/main" id="{CC467661-8E3A-AF24-EC09-6FEDCC02C01E}"/>
                </a:ext>
              </a:extLst>
            </p:cNvPr>
            <p:cNvSpPr/>
            <p:nvPr/>
          </p:nvSpPr>
          <p:spPr>
            <a:xfrm>
              <a:off x="-1773825" y="1255900"/>
              <a:ext cx="863125" cy="669600"/>
            </a:xfrm>
            <a:custGeom>
              <a:avLst/>
              <a:gdLst/>
              <a:ahLst/>
              <a:cxnLst/>
              <a:rect l="l" t="t" r="r" b="b"/>
              <a:pathLst>
                <a:path w="34525" h="26784" extrusionOk="0">
                  <a:moveTo>
                    <a:pt x="8516" y="1"/>
                  </a:moveTo>
                  <a:cubicBezTo>
                    <a:pt x="8328" y="503"/>
                    <a:pt x="8077" y="817"/>
                    <a:pt x="7847" y="1131"/>
                  </a:cubicBezTo>
                  <a:cubicBezTo>
                    <a:pt x="7114" y="2072"/>
                    <a:pt x="6947" y="3139"/>
                    <a:pt x="7010" y="4290"/>
                  </a:cubicBezTo>
                  <a:cubicBezTo>
                    <a:pt x="7010" y="4625"/>
                    <a:pt x="7156" y="4834"/>
                    <a:pt x="7428" y="5043"/>
                  </a:cubicBezTo>
                  <a:cubicBezTo>
                    <a:pt x="7847" y="5357"/>
                    <a:pt x="8286" y="5546"/>
                    <a:pt x="8830" y="5546"/>
                  </a:cubicBezTo>
                  <a:cubicBezTo>
                    <a:pt x="9520" y="5546"/>
                    <a:pt x="10148" y="5420"/>
                    <a:pt x="10713" y="5064"/>
                  </a:cubicBezTo>
                  <a:cubicBezTo>
                    <a:pt x="11696" y="4499"/>
                    <a:pt x="12596" y="3872"/>
                    <a:pt x="13349" y="3056"/>
                  </a:cubicBezTo>
                  <a:cubicBezTo>
                    <a:pt x="13726" y="2658"/>
                    <a:pt x="14124" y="2323"/>
                    <a:pt x="14605" y="2114"/>
                  </a:cubicBezTo>
                  <a:cubicBezTo>
                    <a:pt x="14584" y="3077"/>
                    <a:pt x="14584" y="4060"/>
                    <a:pt x="14563" y="5022"/>
                  </a:cubicBezTo>
                  <a:cubicBezTo>
                    <a:pt x="14563" y="5441"/>
                    <a:pt x="14751" y="5671"/>
                    <a:pt x="15086" y="5880"/>
                  </a:cubicBezTo>
                  <a:cubicBezTo>
                    <a:pt x="15798" y="6320"/>
                    <a:pt x="16551" y="6403"/>
                    <a:pt x="17325" y="6362"/>
                  </a:cubicBezTo>
                  <a:cubicBezTo>
                    <a:pt x="17618" y="6320"/>
                    <a:pt x="17827" y="6194"/>
                    <a:pt x="18036" y="6006"/>
                  </a:cubicBezTo>
                  <a:cubicBezTo>
                    <a:pt x="18748" y="5420"/>
                    <a:pt x="19501" y="4855"/>
                    <a:pt x="20129" y="4165"/>
                  </a:cubicBezTo>
                  <a:cubicBezTo>
                    <a:pt x="20191" y="4102"/>
                    <a:pt x="20296" y="4081"/>
                    <a:pt x="20422" y="3997"/>
                  </a:cubicBezTo>
                  <a:cubicBezTo>
                    <a:pt x="20484" y="4102"/>
                    <a:pt x="20547" y="4206"/>
                    <a:pt x="20547" y="4311"/>
                  </a:cubicBezTo>
                  <a:cubicBezTo>
                    <a:pt x="20589" y="4541"/>
                    <a:pt x="20589" y="4792"/>
                    <a:pt x="20547" y="5043"/>
                  </a:cubicBezTo>
                  <a:cubicBezTo>
                    <a:pt x="20526" y="5483"/>
                    <a:pt x="20631" y="5859"/>
                    <a:pt x="20861" y="6257"/>
                  </a:cubicBezTo>
                  <a:cubicBezTo>
                    <a:pt x="21028" y="6487"/>
                    <a:pt x="21154" y="6780"/>
                    <a:pt x="21259" y="7052"/>
                  </a:cubicBezTo>
                  <a:cubicBezTo>
                    <a:pt x="21551" y="7847"/>
                    <a:pt x="22012" y="8496"/>
                    <a:pt x="22765" y="8893"/>
                  </a:cubicBezTo>
                  <a:cubicBezTo>
                    <a:pt x="23142" y="9103"/>
                    <a:pt x="23539" y="9291"/>
                    <a:pt x="23895" y="9437"/>
                  </a:cubicBezTo>
                  <a:cubicBezTo>
                    <a:pt x="24920" y="9877"/>
                    <a:pt x="26113" y="9542"/>
                    <a:pt x="26824" y="8663"/>
                  </a:cubicBezTo>
                  <a:cubicBezTo>
                    <a:pt x="26950" y="8496"/>
                    <a:pt x="27096" y="8349"/>
                    <a:pt x="27201" y="8182"/>
                  </a:cubicBezTo>
                  <a:cubicBezTo>
                    <a:pt x="27431" y="8287"/>
                    <a:pt x="27347" y="8475"/>
                    <a:pt x="27389" y="8600"/>
                  </a:cubicBezTo>
                  <a:lnTo>
                    <a:pt x="27389" y="8977"/>
                  </a:lnTo>
                  <a:cubicBezTo>
                    <a:pt x="27326" y="10609"/>
                    <a:pt x="27996" y="11927"/>
                    <a:pt x="29147" y="13078"/>
                  </a:cubicBezTo>
                  <a:cubicBezTo>
                    <a:pt x="29398" y="13308"/>
                    <a:pt x="29670" y="13434"/>
                    <a:pt x="30046" y="13434"/>
                  </a:cubicBezTo>
                  <a:cubicBezTo>
                    <a:pt x="30967" y="13476"/>
                    <a:pt x="31741" y="13287"/>
                    <a:pt x="32432" y="12597"/>
                  </a:cubicBezTo>
                  <a:cubicBezTo>
                    <a:pt x="32787" y="12220"/>
                    <a:pt x="33269" y="11948"/>
                    <a:pt x="33708" y="11613"/>
                  </a:cubicBezTo>
                  <a:cubicBezTo>
                    <a:pt x="33917" y="11760"/>
                    <a:pt x="34148" y="11948"/>
                    <a:pt x="34440" y="12157"/>
                  </a:cubicBezTo>
                  <a:cubicBezTo>
                    <a:pt x="34524" y="12471"/>
                    <a:pt x="34461" y="12806"/>
                    <a:pt x="34336" y="13162"/>
                  </a:cubicBezTo>
                  <a:cubicBezTo>
                    <a:pt x="34001" y="13999"/>
                    <a:pt x="33708" y="14857"/>
                    <a:pt x="33394" y="15694"/>
                  </a:cubicBezTo>
                  <a:cubicBezTo>
                    <a:pt x="33206" y="16154"/>
                    <a:pt x="33018" y="16635"/>
                    <a:pt x="32683" y="17054"/>
                  </a:cubicBezTo>
                  <a:cubicBezTo>
                    <a:pt x="32599" y="17158"/>
                    <a:pt x="32557" y="17305"/>
                    <a:pt x="32495" y="17451"/>
                  </a:cubicBezTo>
                  <a:cubicBezTo>
                    <a:pt x="32432" y="17619"/>
                    <a:pt x="32369" y="17828"/>
                    <a:pt x="32285" y="18016"/>
                  </a:cubicBezTo>
                  <a:cubicBezTo>
                    <a:pt x="31971" y="18748"/>
                    <a:pt x="31553" y="19376"/>
                    <a:pt x="30967" y="19920"/>
                  </a:cubicBezTo>
                  <a:cubicBezTo>
                    <a:pt x="30591" y="20234"/>
                    <a:pt x="30256" y="20611"/>
                    <a:pt x="29942" y="20945"/>
                  </a:cubicBezTo>
                  <a:cubicBezTo>
                    <a:pt x="28394" y="22598"/>
                    <a:pt x="26489" y="23749"/>
                    <a:pt x="24481" y="24691"/>
                  </a:cubicBezTo>
                  <a:cubicBezTo>
                    <a:pt x="23686" y="25046"/>
                    <a:pt x="22849" y="25360"/>
                    <a:pt x="22075" y="25674"/>
                  </a:cubicBezTo>
                  <a:cubicBezTo>
                    <a:pt x="20861" y="26176"/>
                    <a:pt x="19606" y="26469"/>
                    <a:pt x="18329" y="26658"/>
                  </a:cubicBezTo>
                  <a:cubicBezTo>
                    <a:pt x="17367" y="26783"/>
                    <a:pt x="16342" y="26741"/>
                    <a:pt x="15337" y="26720"/>
                  </a:cubicBezTo>
                  <a:cubicBezTo>
                    <a:pt x="13873" y="26678"/>
                    <a:pt x="12387" y="26469"/>
                    <a:pt x="11006" y="26030"/>
                  </a:cubicBezTo>
                  <a:cubicBezTo>
                    <a:pt x="10002" y="25716"/>
                    <a:pt x="9060" y="25235"/>
                    <a:pt x="8098" y="24774"/>
                  </a:cubicBezTo>
                  <a:cubicBezTo>
                    <a:pt x="7575" y="24523"/>
                    <a:pt x="7114" y="24189"/>
                    <a:pt x="6633" y="23875"/>
                  </a:cubicBezTo>
                  <a:cubicBezTo>
                    <a:pt x="6382" y="23728"/>
                    <a:pt x="6131" y="23519"/>
                    <a:pt x="5922" y="23310"/>
                  </a:cubicBezTo>
                  <a:cubicBezTo>
                    <a:pt x="5126" y="22494"/>
                    <a:pt x="4310" y="21699"/>
                    <a:pt x="3494" y="20862"/>
                  </a:cubicBezTo>
                  <a:cubicBezTo>
                    <a:pt x="3264" y="20632"/>
                    <a:pt x="3076" y="20380"/>
                    <a:pt x="2929" y="20088"/>
                  </a:cubicBezTo>
                  <a:cubicBezTo>
                    <a:pt x="1988" y="18351"/>
                    <a:pt x="1277" y="16530"/>
                    <a:pt x="586" y="14689"/>
                  </a:cubicBezTo>
                  <a:cubicBezTo>
                    <a:pt x="314" y="13957"/>
                    <a:pt x="251" y="13099"/>
                    <a:pt x="209" y="12283"/>
                  </a:cubicBezTo>
                  <a:cubicBezTo>
                    <a:pt x="168" y="11634"/>
                    <a:pt x="0" y="10986"/>
                    <a:pt x="335" y="10337"/>
                  </a:cubicBezTo>
                  <a:cubicBezTo>
                    <a:pt x="356" y="10274"/>
                    <a:pt x="335" y="10149"/>
                    <a:pt x="314" y="10065"/>
                  </a:cubicBezTo>
                  <a:cubicBezTo>
                    <a:pt x="42" y="9416"/>
                    <a:pt x="126" y="8789"/>
                    <a:pt x="314" y="8140"/>
                  </a:cubicBezTo>
                  <a:cubicBezTo>
                    <a:pt x="481" y="7512"/>
                    <a:pt x="649" y="6843"/>
                    <a:pt x="774" y="6194"/>
                  </a:cubicBezTo>
                  <a:cubicBezTo>
                    <a:pt x="942" y="5483"/>
                    <a:pt x="1297" y="4918"/>
                    <a:pt x="1716" y="4374"/>
                  </a:cubicBezTo>
                  <a:cubicBezTo>
                    <a:pt x="2009" y="3997"/>
                    <a:pt x="2365" y="3662"/>
                    <a:pt x="2741" y="3349"/>
                  </a:cubicBezTo>
                  <a:cubicBezTo>
                    <a:pt x="2846" y="3244"/>
                    <a:pt x="2992" y="3160"/>
                    <a:pt x="3139" y="3160"/>
                  </a:cubicBezTo>
                  <a:cubicBezTo>
                    <a:pt x="3620" y="3181"/>
                    <a:pt x="3829" y="2742"/>
                    <a:pt x="4206" y="2554"/>
                  </a:cubicBezTo>
                  <a:cubicBezTo>
                    <a:pt x="4248" y="2533"/>
                    <a:pt x="4290" y="2407"/>
                    <a:pt x="4310" y="2323"/>
                  </a:cubicBezTo>
                  <a:cubicBezTo>
                    <a:pt x="4352" y="2219"/>
                    <a:pt x="4415" y="2114"/>
                    <a:pt x="4520" y="2072"/>
                  </a:cubicBezTo>
                  <a:cubicBezTo>
                    <a:pt x="5754" y="1403"/>
                    <a:pt x="6947" y="775"/>
                    <a:pt x="8181" y="126"/>
                  </a:cubicBezTo>
                  <a:cubicBezTo>
                    <a:pt x="8202" y="85"/>
                    <a:pt x="8307" y="43"/>
                    <a:pt x="8516" y="1"/>
                  </a:cubicBezTo>
                  <a:close/>
                  <a:moveTo>
                    <a:pt x="23958" y="19815"/>
                  </a:moveTo>
                  <a:cubicBezTo>
                    <a:pt x="23581" y="19920"/>
                    <a:pt x="23121" y="19962"/>
                    <a:pt x="22849" y="20318"/>
                  </a:cubicBezTo>
                  <a:cubicBezTo>
                    <a:pt x="22598" y="20652"/>
                    <a:pt x="22284" y="20820"/>
                    <a:pt x="21928" y="21008"/>
                  </a:cubicBezTo>
                  <a:cubicBezTo>
                    <a:pt x="21719" y="21113"/>
                    <a:pt x="21510" y="21259"/>
                    <a:pt x="21342" y="21385"/>
                  </a:cubicBezTo>
                  <a:cubicBezTo>
                    <a:pt x="20715" y="21887"/>
                    <a:pt x="20003" y="22180"/>
                    <a:pt x="19187" y="22180"/>
                  </a:cubicBezTo>
                  <a:cubicBezTo>
                    <a:pt x="17785" y="22180"/>
                    <a:pt x="16362" y="22201"/>
                    <a:pt x="14961" y="22180"/>
                  </a:cubicBezTo>
                  <a:cubicBezTo>
                    <a:pt x="14145" y="22159"/>
                    <a:pt x="13349" y="21992"/>
                    <a:pt x="12554" y="21887"/>
                  </a:cubicBezTo>
                  <a:cubicBezTo>
                    <a:pt x="12450" y="21866"/>
                    <a:pt x="12303" y="21845"/>
                    <a:pt x="12199" y="21782"/>
                  </a:cubicBezTo>
                  <a:cubicBezTo>
                    <a:pt x="11717" y="21552"/>
                    <a:pt x="11215" y="21343"/>
                    <a:pt x="10734" y="21113"/>
                  </a:cubicBezTo>
                  <a:cubicBezTo>
                    <a:pt x="10629" y="21050"/>
                    <a:pt x="10525" y="20966"/>
                    <a:pt x="10462" y="20904"/>
                  </a:cubicBezTo>
                  <a:cubicBezTo>
                    <a:pt x="9834" y="20067"/>
                    <a:pt x="9039" y="19334"/>
                    <a:pt x="8537" y="18393"/>
                  </a:cubicBezTo>
                  <a:cubicBezTo>
                    <a:pt x="7993" y="17305"/>
                    <a:pt x="7575" y="16196"/>
                    <a:pt x="8014" y="14940"/>
                  </a:cubicBezTo>
                  <a:cubicBezTo>
                    <a:pt x="8056" y="14836"/>
                    <a:pt x="8056" y="14689"/>
                    <a:pt x="8014" y="14585"/>
                  </a:cubicBezTo>
                  <a:cubicBezTo>
                    <a:pt x="7993" y="14522"/>
                    <a:pt x="7909" y="14438"/>
                    <a:pt x="7847" y="14417"/>
                  </a:cubicBezTo>
                  <a:cubicBezTo>
                    <a:pt x="7763" y="14375"/>
                    <a:pt x="7637" y="14417"/>
                    <a:pt x="7595" y="14459"/>
                  </a:cubicBezTo>
                  <a:cubicBezTo>
                    <a:pt x="7386" y="14731"/>
                    <a:pt x="7219" y="14982"/>
                    <a:pt x="7156" y="15317"/>
                  </a:cubicBezTo>
                  <a:cubicBezTo>
                    <a:pt x="7031" y="16677"/>
                    <a:pt x="7261" y="17974"/>
                    <a:pt x="8014" y="19125"/>
                  </a:cubicBezTo>
                  <a:cubicBezTo>
                    <a:pt x="8432" y="19774"/>
                    <a:pt x="8935" y="20380"/>
                    <a:pt x="9416" y="21008"/>
                  </a:cubicBezTo>
                  <a:cubicBezTo>
                    <a:pt x="9772" y="21489"/>
                    <a:pt x="10190" y="21887"/>
                    <a:pt x="10776" y="22159"/>
                  </a:cubicBezTo>
                  <a:cubicBezTo>
                    <a:pt x="11111" y="22305"/>
                    <a:pt x="11424" y="22494"/>
                    <a:pt x="11738" y="22619"/>
                  </a:cubicBezTo>
                  <a:cubicBezTo>
                    <a:pt x="12073" y="22745"/>
                    <a:pt x="12408" y="22849"/>
                    <a:pt x="12785" y="22912"/>
                  </a:cubicBezTo>
                  <a:cubicBezTo>
                    <a:pt x="13182" y="22933"/>
                    <a:pt x="13538" y="22996"/>
                    <a:pt x="13935" y="23101"/>
                  </a:cubicBezTo>
                  <a:cubicBezTo>
                    <a:pt x="14186" y="23163"/>
                    <a:pt x="14458" y="23205"/>
                    <a:pt x="14751" y="23205"/>
                  </a:cubicBezTo>
                  <a:lnTo>
                    <a:pt x="19522" y="23205"/>
                  </a:lnTo>
                  <a:cubicBezTo>
                    <a:pt x="19731" y="23205"/>
                    <a:pt x="19940" y="23163"/>
                    <a:pt x="20150" y="23121"/>
                  </a:cubicBezTo>
                  <a:cubicBezTo>
                    <a:pt x="21342" y="22828"/>
                    <a:pt x="22200" y="21992"/>
                    <a:pt x="23225" y="21427"/>
                  </a:cubicBezTo>
                  <a:cubicBezTo>
                    <a:pt x="23246" y="21385"/>
                    <a:pt x="23267" y="21385"/>
                    <a:pt x="23267" y="21364"/>
                  </a:cubicBezTo>
                  <a:cubicBezTo>
                    <a:pt x="23456" y="20966"/>
                    <a:pt x="23769" y="20673"/>
                    <a:pt x="24062" y="20401"/>
                  </a:cubicBezTo>
                  <a:cubicBezTo>
                    <a:pt x="24146" y="20192"/>
                    <a:pt x="24188" y="20004"/>
                    <a:pt x="23958" y="19815"/>
                  </a:cubicBezTo>
                  <a:close/>
                  <a:moveTo>
                    <a:pt x="22075" y="14543"/>
                  </a:moveTo>
                  <a:cubicBezTo>
                    <a:pt x="22075" y="14480"/>
                    <a:pt x="22054" y="14354"/>
                    <a:pt x="22012" y="14250"/>
                  </a:cubicBezTo>
                  <a:cubicBezTo>
                    <a:pt x="21907" y="13852"/>
                    <a:pt x="21551" y="13706"/>
                    <a:pt x="21259" y="13957"/>
                  </a:cubicBezTo>
                  <a:cubicBezTo>
                    <a:pt x="21028" y="14166"/>
                    <a:pt x="20798" y="14438"/>
                    <a:pt x="20610" y="14689"/>
                  </a:cubicBezTo>
                  <a:cubicBezTo>
                    <a:pt x="20484" y="14878"/>
                    <a:pt x="20526" y="15108"/>
                    <a:pt x="20652" y="15296"/>
                  </a:cubicBezTo>
                  <a:cubicBezTo>
                    <a:pt x="20819" y="15526"/>
                    <a:pt x="21028" y="15589"/>
                    <a:pt x="21279" y="15568"/>
                  </a:cubicBezTo>
                  <a:cubicBezTo>
                    <a:pt x="21719" y="15484"/>
                    <a:pt x="22054" y="15087"/>
                    <a:pt x="22075" y="14543"/>
                  </a:cubicBezTo>
                  <a:close/>
                  <a:moveTo>
                    <a:pt x="10504" y="11111"/>
                  </a:moveTo>
                  <a:cubicBezTo>
                    <a:pt x="10504" y="11111"/>
                    <a:pt x="10295" y="11111"/>
                    <a:pt x="10127" y="11216"/>
                  </a:cubicBezTo>
                  <a:cubicBezTo>
                    <a:pt x="10023" y="11279"/>
                    <a:pt x="9876" y="11425"/>
                    <a:pt x="9876" y="11551"/>
                  </a:cubicBezTo>
                  <a:cubicBezTo>
                    <a:pt x="9876" y="12241"/>
                    <a:pt x="10357" y="12639"/>
                    <a:pt x="10985" y="12534"/>
                  </a:cubicBezTo>
                  <a:cubicBezTo>
                    <a:pt x="11111" y="12492"/>
                    <a:pt x="11278" y="12429"/>
                    <a:pt x="11341" y="12325"/>
                  </a:cubicBezTo>
                  <a:cubicBezTo>
                    <a:pt x="11529" y="12053"/>
                    <a:pt x="11529" y="11739"/>
                    <a:pt x="11404" y="11446"/>
                  </a:cubicBezTo>
                  <a:cubicBezTo>
                    <a:pt x="11257" y="11174"/>
                    <a:pt x="11006" y="11090"/>
                    <a:pt x="10504" y="11111"/>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15" name="Google Shape;368;p37">
              <a:extLst>
                <a:ext uri="{FF2B5EF4-FFF2-40B4-BE49-F238E27FC236}">
                  <a16:creationId xmlns:a16="http://schemas.microsoft.com/office/drawing/2014/main" id="{9ED23A56-4218-09E0-67C0-19EB5CB3C6D4}"/>
                </a:ext>
              </a:extLst>
            </p:cNvPr>
            <p:cNvSpPr/>
            <p:nvPr/>
          </p:nvSpPr>
          <p:spPr>
            <a:xfrm>
              <a:off x="-1903025" y="1787375"/>
              <a:ext cx="809225" cy="644475"/>
            </a:xfrm>
            <a:custGeom>
              <a:avLst/>
              <a:gdLst/>
              <a:ahLst/>
              <a:cxnLst/>
              <a:rect l="l" t="t" r="r" b="b"/>
              <a:pathLst>
                <a:path w="32369" h="25779" extrusionOk="0">
                  <a:moveTo>
                    <a:pt x="20338" y="6549"/>
                  </a:moveTo>
                  <a:cubicBezTo>
                    <a:pt x="21258" y="6549"/>
                    <a:pt x="22116" y="6591"/>
                    <a:pt x="22932" y="6507"/>
                  </a:cubicBezTo>
                  <a:cubicBezTo>
                    <a:pt x="23790" y="6445"/>
                    <a:pt x="24648" y="6256"/>
                    <a:pt x="25485" y="6047"/>
                  </a:cubicBezTo>
                  <a:cubicBezTo>
                    <a:pt x="26301" y="5838"/>
                    <a:pt x="27075" y="5566"/>
                    <a:pt x="27912" y="5315"/>
                  </a:cubicBezTo>
                  <a:cubicBezTo>
                    <a:pt x="28226" y="5859"/>
                    <a:pt x="28414" y="6382"/>
                    <a:pt x="28540" y="6926"/>
                  </a:cubicBezTo>
                  <a:cubicBezTo>
                    <a:pt x="28665" y="7449"/>
                    <a:pt x="28833" y="7972"/>
                    <a:pt x="29084" y="8453"/>
                  </a:cubicBezTo>
                  <a:cubicBezTo>
                    <a:pt x="29230" y="8704"/>
                    <a:pt x="29335" y="8997"/>
                    <a:pt x="29419" y="9290"/>
                  </a:cubicBezTo>
                  <a:cubicBezTo>
                    <a:pt x="29942" y="11194"/>
                    <a:pt x="30381" y="13119"/>
                    <a:pt x="30779" y="15086"/>
                  </a:cubicBezTo>
                  <a:cubicBezTo>
                    <a:pt x="30800" y="15170"/>
                    <a:pt x="30821" y="15274"/>
                    <a:pt x="30821" y="15358"/>
                  </a:cubicBezTo>
                  <a:cubicBezTo>
                    <a:pt x="30904" y="16028"/>
                    <a:pt x="30883" y="16739"/>
                    <a:pt x="31302" y="17367"/>
                  </a:cubicBezTo>
                  <a:cubicBezTo>
                    <a:pt x="30946" y="17451"/>
                    <a:pt x="30716" y="17492"/>
                    <a:pt x="30465" y="17576"/>
                  </a:cubicBezTo>
                  <a:cubicBezTo>
                    <a:pt x="29691" y="17743"/>
                    <a:pt x="28937" y="17890"/>
                    <a:pt x="28184" y="18078"/>
                  </a:cubicBezTo>
                  <a:cubicBezTo>
                    <a:pt x="27912" y="18120"/>
                    <a:pt x="27682" y="18287"/>
                    <a:pt x="27473" y="18434"/>
                  </a:cubicBezTo>
                  <a:cubicBezTo>
                    <a:pt x="27389" y="18497"/>
                    <a:pt x="27305" y="18664"/>
                    <a:pt x="27347" y="18727"/>
                  </a:cubicBezTo>
                  <a:cubicBezTo>
                    <a:pt x="27389" y="18852"/>
                    <a:pt x="27515" y="18957"/>
                    <a:pt x="27661" y="19020"/>
                  </a:cubicBezTo>
                  <a:cubicBezTo>
                    <a:pt x="27766" y="19041"/>
                    <a:pt x="27891" y="19020"/>
                    <a:pt x="27996" y="18957"/>
                  </a:cubicBezTo>
                  <a:cubicBezTo>
                    <a:pt x="29042" y="18539"/>
                    <a:pt x="30109" y="18329"/>
                    <a:pt x="31218" y="18183"/>
                  </a:cubicBezTo>
                  <a:cubicBezTo>
                    <a:pt x="31469" y="18141"/>
                    <a:pt x="31741" y="18078"/>
                    <a:pt x="32055" y="18287"/>
                  </a:cubicBezTo>
                  <a:cubicBezTo>
                    <a:pt x="31867" y="18392"/>
                    <a:pt x="31762" y="18497"/>
                    <a:pt x="31637" y="18539"/>
                  </a:cubicBezTo>
                  <a:cubicBezTo>
                    <a:pt x="31134" y="18811"/>
                    <a:pt x="30611" y="19062"/>
                    <a:pt x="30109" y="19355"/>
                  </a:cubicBezTo>
                  <a:cubicBezTo>
                    <a:pt x="29963" y="19438"/>
                    <a:pt x="29816" y="19564"/>
                    <a:pt x="29691" y="19689"/>
                  </a:cubicBezTo>
                  <a:cubicBezTo>
                    <a:pt x="29544" y="19857"/>
                    <a:pt x="29544" y="20150"/>
                    <a:pt x="29670" y="20275"/>
                  </a:cubicBezTo>
                  <a:cubicBezTo>
                    <a:pt x="29795" y="20401"/>
                    <a:pt x="29984" y="20484"/>
                    <a:pt x="30172" y="20380"/>
                  </a:cubicBezTo>
                  <a:cubicBezTo>
                    <a:pt x="30507" y="20212"/>
                    <a:pt x="30841" y="20024"/>
                    <a:pt x="31260" y="19857"/>
                  </a:cubicBezTo>
                  <a:cubicBezTo>
                    <a:pt x="31030" y="20233"/>
                    <a:pt x="30821" y="20547"/>
                    <a:pt x="30632" y="20861"/>
                  </a:cubicBezTo>
                  <a:cubicBezTo>
                    <a:pt x="30590" y="20966"/>
                    <a:pt x="30507" y="21070"/>
                    <a:pt x="30444" y="21175"/>
                  </a:cubicBezTo>
                  <a:cubicBezTo>
                    <a:pt x="30381" y="21363"/>
                    <a:pt x="30444" y="21552"/>
                    <a:pt x="30611" y="21656"/>
                  </a:cubicBezTo>
                  <a:cubicBezTo>
                    <a:pt x="30716" y="21740"/>
                    <a:pt x="30925" y="21761"/>
                    <a:pt x="31030" y="21698"/>
                  </a:cubicBezTo>
                  <a:cubicBezTo>
                    <a:pt x="31239" y="21552"/>
                    <a:pt x="31427" y="21342"/>
                    <a:pt x="31574" y="21133"/>
                  </a:cubicBezTo>
                  <a:cubicBezTo>
                    <a:pt x="31762" y="20861"/>
                    <a:pt x="31909" y="20589"/>
                    <a:pt x="32306" y="20401"/>
                  </a:cubicBezTo>
                  <a:cubicBezTo>
                    <a:pt x="32369" y="20945"/>
                    <a:pt x="32369" y="21384"/>
                    <a:pt x="32285" y="21907"/>
                  </a:cubicBezTo>
                  <a:cubicBezTo>
                    <a:pt x="32097" y="21949"/>
                    <a:pt x="31950" y="22012"/>
                    <a:pt x="31762" y="22012"/>
                  </a:cubicBezTo>
                  <a:cubicBezTo>
                    <a:pt x="31176" y="22054"/>
                    <a:pt x="30611" y="22054"/>
                    <a:pt x="30025" y="22012"/>
                  </a:cubicBezTo>
                  <a:cubicBezTo>
                    <a:pt x="28414" y="21949"/>
                    <a:pt x="26782" y="22200"/>
                    <a:pt x="25171" y="22388"/>
                  </a:cubicBezTo>
                  <a:cubicBezTo>
                    <a:pt x="24104" y="22493"/>
                    <a:pt x="23016" y="22744"/>
                    <a:pt x="22012" y="23058"/>
                  </a:cubicBezTo>
                  <a:cubicBezTo>
                    <a:pt x="21823" y="23121"/>
                    <a:pt x="21656" y="23163"/>
                    <a:pt x="21489" y="23205"/>
                  </a:cubicBezTo>
                  <a:cubicBezTo>
                    <a:pt x="20484" y="23309"/>
                    <a:pt x="19564" y="23686"/>
                    <a:pt x="18622" y="24000"/>
                  </a:cubicBezTo>
                  <a:cubicBezTo>
                    <a:pt x="17513" y="24376"/>
                    <a:pt x="16488" y="24899"/>
                    <a:pt x="15630" y="25715"/>
                  </a:cubicBezTo>
                  <a:cubicBezTo>
                    <a:pt x="15567" y="25736"/>
                    <a:pt x="15525" y="25757"/>
                    <a:pt x="15442" y="25778"/>
                  </a:cubicBezTo>
                  <a:cubicBezTo>
                    <a:pt x="15107" y="25736"/>
                    <a:pt x="14856" y="25569"/>
                    <a:pt x="14709" y="25234"/>
                  </a:cubicBezTo>
                  <a:cubicBezTo>
                    <a:pt x="14605" y="25025"/>
                    <a:pt x="14416" y="24878"/>
                    <a:pt x="14228" y="24711"/>
                  </a:cubicBezTo>
                  <a:cubicBezTo>
                    <a:pt x="13956" y="24481"/>
                    <a:pt x="13705" y="24209"/>
                    <a:pt x="13475" y="23958"/>
                  </a:cubicBezTo>
                  <a:cubicBezTo>
                    <a:pt x="13077" y="23560"/>
                    <a:pt x="13015" y="23142"/>
                    <a:pt x="13140" y="22640"/>
                  </a:cubicBezTo>
                  <a:cubicBezTo>
                    <a:pt x="13266" y="22179"/>
                    <a:pt x="13328" y="21698"/>
                    <a:pt x="13391" y="21238"/>
                  </a:cubicBezTo>
                  <a:cubicBezTo>
                    <a:pt x="13475" y="20756"/>
                    <a:pt x="13496" y="20275"/>
                    <a:pt x="13266" y="19836"/>
                  </a:cubicBezTo>
                  <a:cubicBezTo>
                    <a:pt x="13245" y="19773"/>
                    <a:pt x="13224" y="19731"/>
                    <a:pt x="13224" y="19647"/>
                  </a:cubicBezTo>
                  <a:cubicBezTo>
                    <a:pt x="13287" y="18518"/>
                    <a:pt x="12805" y="17451"/>
                    <a:pt x="12847" y="16342"/>
                  </a:cubicBezTo>
                  <a:cubicBezTo>
                    <a:pt x="12868" y="16028"/>
                    <a:pt x="12805" y="15693"/>
                    <a:pt x="12743" y="15358"/>
                  </a:cubicBezTo>
                  <a:cubicBezTo>
                    <a:pt x="12554" y="14438"/>
                    <a:pt x="12345" y="13517"/>
                    <a:pt x="12178" y="12596"/>
                  </a:cubicBezTo>
                  <a:cubicBezTo>
                    <a:pt x="12094" y="12136"/>
                    <a:pt x="12031" y="11655"/>
                    <a:pt x="11989" y="11173"/>
                  </a:cubicBezTo>
                  <a:cubicBezTo>
                    <a:pt x="11968" y="11006"/>
                    <a:pt x="11989" y="10860"/>
                    <a:pt x="11968" y="10713"/>
                  </a:cubicBezTo>
                  <a:cubicBezTo>
                    <a:pt x="11675" y="9939"/>
                    <a:pt x="11717" y="9123"/>
                    <a:pt x="11717" y="8307"/>
                  </a:cubicBezTo>
                  <a:cubicBezTo>
                    <a:pt x="11717" y="7972"/>
                    <a:pt x="11696" y="7637"/>
                    <a:pt x="11382" y="7428"/>
                  </a:cubicBezTo>
                  <a:cubicBezTo>
                    <a:pt x="11236" y="7323"/>
                    <a:pt x="11027" y="7219"/>
                    <a:pt x="10838" y="7177"/>
                  </a:cubicBezTo>
                  <a:cubicBezTo>
                    <a:pt x="10566" y="7114"/>
                    <a:pt x="10294" y="7114"/>
                    <a:pt x="10022" y="7177"/>
                  </a:cubicBezTo>
                  <a:cubicBezTo>
                    <a:pt x="8893" y="7344"/>
                    <a:pt x="7805" y="7658"/>
                    <a:pt x="6863" y="8349"/>
                  </a:cubicBezTo>
                  <a:cubicBezTo>
                    <a:pt x="6486" y="8600"/>
                    <a:pt x="6424" y="8767"/>
                    <a:pt x="6256" y="9437"/>
                  </a:cubicBezTo>
                  <a:cubicBezTo>
                    <a:pt x="6528" y="9625"/>
                    <a:pt x="6758" y="9876"/>
                    <a:pt x="6779" y="10274"/>
                  </a:cubicBezTo>
                  <a:cubicBezTo>
                    <a:pt x="6779" y="10483"/>
                    <a:pt x="6884" y="10692"/>
                    <a:pt x="6905" y="10901"/>
                  </a:cubicBezTo>
                  <a:cubicBezTo>
                    <a:pt x="7051" y="11927"/>
                    <a:pt x="7219" y="12910"/>
                    <a:pt x="7595" y="13894"/>
                  </a:cubicBezTo>
                  <a:cubicBezTo>
                    <a:pt x="7721" y="14249"/>
                    <a:pt x="7742" y="14647"/>
                    <a:pt x="7825" y="15065"/>
                  </a:cubicBezTo>
                  <a:cubicBezTo>
                    <a:pt x="6989" y="15421"/>
                    <a:pt x="6277" y="15944"/>
                    <a:pt x="5608" y="16467"/>
                  </a:cubicBezTo>
                  <a:cubicBezTo>
                    <a:pt x="5503" y="16551"/>
                    <a:pt x="5336" y="16614"/>
                    <a:pt x="5210" y="16655"/>
                  </a:cubicBezTo>
                  <a:cubicBezTo>
                    <a:pt x="4917" y="16739"/>
                    <a:pt x="4645" y="16781"/>
                    <a:pt x="4331" y="16844"/>
                  </a:cubicBezTo>
                  <a:cubicBezTo>
                    <a:pt x="4164" y="16865"/>
                    <a:pt x="4017" y="16886"/>
                    <a:pt x="3871" y="16844"/>
                  </a:cubicBezTo>
                  <a:cubicBezTo>
                    <a:pt x="2783" y="16572"/>
                    <a:pt x="1632" y="16425"/>
                    <a:pt x="586" y="15944"/>
                  </a:cubicBezTo>
                  <a:cubicBezTo>
                    <a:pt x="398" y="15881"/>
                    <a:pt x="209" y="15777"/>
                    <a:pt x="0" y="15672"/>
                  </a:cubicBezTo>
                  <a:cubicBezTo>
                    <a:pt x="0" y="14940"/>
                    <a:pt x="188" y="14270"/>
                    <a:pt x="481" y="13642"/>
                  </a:cubicBezTo>
                  <a:cubicBezTo>
                    <a:pt x="732" y="13077"/>
                    <a:pt x="1004" y="12492"/>
                    <a:pt x="1214" y="11906"/>
                  </a:cubicBezTo>
                  <a:cubicBezTo>
                    <a:pt x="1402" y="11320"/>
                    <a:pt x="1716" y="10797"/>
                    <a:pt x="2030" y="10274"/>
                  </a:cubicBezTo>
                  <a:cubicBezTo>
                    <a:pt x="2281" y="9834"/>
                    <a:pt x="2490" y="9353"/>
                    <a:pt x="2615" y="8872"/>
                  </a:cubicBezTo>
                  <a:cubicBezTo>
                    <a:pt x="2783" y="8307"/>
                    <a:pt x="3034" y="7826"/>
                    <a:pt x="3390" y="7323"/>
                  </a:cubicBezTo>
                  <a:cubicBezTo>
                    <a:pt x="4331" y="5880"/>
                    <a:pt x="5210" y="4415"/>
                    <a:pt x="6005" y="2867"/>
                  </a:cubicBezTo>
                  <a:cubicBezTo>
                    <a:pt x="6214" y="2490"/>
                    <a:pt x="6445" y="2093"/>
                    <a:pt x="6696" y="1737"/>
                  </a:cubicBezTo>
                  <a:cubicBezTo>
                    <a:pt x="6989" y="1277"/>
                    <a:pt x="7281" y="816"/>
                    <a:pt x="7386" y="251"/>
                  </a:cubicBezTo>
                  <a:cubicBezTo>
                    <a:pt x="7407" y="189"/>
                    <a:pt x="7491" y="126"/>
                    <a:pt x="7574" y="0"/>
                  </a:cubicBezTo>
                  <a:cubicBezTo>
                    <a:pt x="7721" y="105"/>
                    <a:pt x="7888" y="189"/>
                    <a:pt x="7993" y="293"/>
                  </a:cubicBezTo>
                  <a:cubicBezTo>
                    <a:pt x="8746" y="1046"/>
                    <a:pt x="9499" y="1821"/>
                    <a:pt x="10294" y="2595"/>
                  </a:cubicBezTo>
                  <a:cubicBezTo>
                    <a:pt x="10608" y="2909"/>
                    <a:pt x="10964" y="3202"/>
                    <a:pt x="11341" y="3432"/>
                  </a:cubicBezTo>
                  <a:cubicBezTo>
                    <a:pt x="12324" y="4038"/>
                    <a:pt x="13349" y="4603"/>
                    <a:pt x="14437" y="5231"/>
                  </a:cubicBezTo>
                  <a:cubicBezTo>
                    <a:pt x="14626" y="5733"/>
                    <a:pt x="14814" y="6319"/>
                    <a:pt x="15107" y="6884"/>
                  </a:cubicBezTo>
                  <a:cubicBezTo>
                    <a:pt x="15421" y="7512"/>
                    <a:pt x="16007" y="7847"/>
                    <a:pt x="16697" y="7930"/>
                  </a:cubicBezTo>
                  <a:cubicBezTo>
                    <a:pt x="17304" y="8014"/>
                    <a:pt x="17890" y="7951"/>
                    <a:pt x="18497" y="7930"/>
                  </a:cubicBezTo>
                  <a:cubicBezTo>
                    <a:pt x="18622" y="7930"/>
                    <a:pt x="18810" y="7868"/>
                    <a:pt x="18915" y="7784"/>
                  </a:cubicBezTo>
                  <a:cubicBezTo>
                    <a:pt x="19375" y="7512"/>
                    <a:pt x="20045" y="7303"/>
                    <a:pt x="20338" y="6549"/>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16" name="Google Shape;369;p37">
              <a:extLst>
                <a:ext uri="{FF2B5EF4-FFF2-40B4-BE49-F238E27FC236}">
                  <a16:creationId xmlns:a16="http://schemas.microsoft.com/office/drawing/2014/main" id="{35085200-4632-AE5C-773F-9AE607E9ED1A}"/>
                </a:ext>
              </a:extLst>
            </p:cNvPr>
            <p:cNvSpPr/>
            <p:nvPr/>
          </p:nvSpPr>
          <p:spPr>
            <a:xfrm>
              <a:off x="-1722050" y="1988225"/>
              <a:ext cx="128700" cy="337950"/>
            </a:xfrm>
            <a:custGeom>
              <a:avLst/>
              <a:gdLst/>
              <a:ahLst/>
              <a:cxnLst/>
              <a:rect l="l" t="t" r="r" b="b"/>
              <a:pathLst>
                <a:path w="5148" h="13518" extrusionOk="0">
                  <a:moveTo>
                    <a:pt x="1" y="1173"/>
                  </a:moveTo>
                  <a:cubicBezTo>
                    <a:pt x="586" y="629"/>
                    <a:pt x="1151" y="294"/>
                    <a:pt x="1842" y="231"/>
                  </a:cubicBezTo>
                  <a:cubicBezTo>
                    <a:pt x="2009" y="231"/>
                    <a:pt x="2135" y="126"/>
                    <a:pt x="2260" y="106"/>
                  </a:cubicBezTo>
                  <a:cubicBezTo>
                    <a:pt x="2532" y="43"/>
                    <a:pt x="2783" y="1"/>
                    <a:pt x="3055" y="1"/>
                  </a:cubicBezTo>
                  <a:cubicBezTo>
                    <a:pt x="3474" y="1"/>
                    <a:pt x="3599" y="126"/>
                    <a:pt x="3620" y="524"/>
                  </a:cubicBezTo>
                  <a:cubicBezTo>
                    <a:pt x="3662" y="775"/>
                    <a:pt x="3620" y="1068"/>
                    <a:pt x="3620" y="1340"/>
                  </a:cubicBezTo>
                  <a:cubicBezTo>
                    <a:pt x="3620" y="1758"/>
                    <a:pt x="3620" y="2177"/>
                    <a:pt x="3788" y="2595"/>
                  </a:cubicBezTo>
                  <a:cubicBezTo>
                    <a:pt x="3830" y="2742"/>
                    <a:pt x="3913" y="2951"/>
                    <a:pt x="3892" y="3119"/>
                  </a:cubicBezTo>
                  <a:cubicBezTo>
                    <a:pt x="3809" y="4395"/>
                    <a:pt x="4206" y="5629"/>
                    <a:pt x="4415" y="6843"/>
                  </a:cubicBezTo>
                  <a:cubicBezTo>
                    <a:pt x="4541" y="7554"/>
                    <a:pt x="4667" y="8266"/>
                    <a:pt x="4646" y="8998"/>
                  </a:cubicBezTo>
                  <a:cubicBezTo>
                    <a:pt x="4646" y="9145"/>
                    <a:pt x="4625" y="9312"/>
                    <a:pt x="4667" y="9437"/>
                  </a:cubicBezTo>
                  <a:cubicBezTo>
                    <a:pt x="4855" y="10170"/>
                    <a:pt x="4876" y="10923"/>
                    <a:pt x="4918" y="11655"/>
                  </a:cubicBezTo>
                  <a:cubicBezTo>
                    <a:pt x="4918" y="12011"/>
                    <a:pt x="5064" y="12346"/>
                    <a:pt x="5148" y="12743"/>
                  </a:cubicBezTo>
                  <a:cubicBezTo>
                    <a:pt x="4939" y="12869"/>
                    <a:pt x="4750" y="13015"/>
                    <a:pt x="4562" y="13057"/>
                  </a:cubicBezTo>
                  <a:cubicBezTo>
                    <a:pt x="3913" y="13099"/>
                    <a:pt x="3307" y="13371"/>
                    <a:pt x="2616" y="13518"/>
                  </a:cubicBezTo>
                  <a:cubicBezTo>
                    <a:pt x="2574" y="12262"/>
                    <a:pt x="2323" y="11090"/>
                    <a:pt x="1905" y="9940"/>
                  </a:cubicBezTo>
                  <a:cubicBezTo>
                    <a:pt x="1633" y="9249"/>
                    <a:pt x="1612" y="8517"/>
                    <a:pt x="1507" y="7784"/>
                  </a:cubicBezTo>
                  <a:cubicBezTo>
                    <a:pt x="1737" y="7617"/>
                    <a:pt x="1967" y="7429"/>
                    <a:pt x="2198" y="7220"/>
                  </a:cubicBezTo>
                  <a:cubicBezTo>
                    <a:pt x="2260" y="7136"/>
                    <a:pt x="2344" y="6948"/>
                    <a:pt x="2323" y="6822"/>
                  </a:cubicBezTo>
                  <a:cubicBezTo>
                    <a:pt x="2302" y="6613"/>
                    <a:pt x="2093" y="6571"/>
                    <a:pt x="1905" y="6571"/>
                  </a:cubicBezTo>
                  <a:cubicBezTo>
                    <a:pt x="1716" y="6571"/>
                    <a:pt x="1570" y="6613"/>
                    <a:pt x="1382" y="6676"/>
                  </a:cubicBezTo>
                  <a:cubicBezTo>
                    <a:pt x="733" y="4855"/>
                    <a:pt x="335" y="3035"/>
                    <a:pt x="1" y="1173"/>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17" name="Google Shape;370;p37">
              <a:extLst>
                <a:ext uri="{FF2B5EF4-FFF2-40B4-BE49-F238E27FC236}">
                  <a16:creationId xmlns:a16="http://schemas.microsoft.com/office/drawing/2014/main" id="{5DC8B95F-73BD-D00C-A57F-92DAB0643B8D}"/>
                </a:ext>
              </a:extLst>
            </p:cNvPr>
            <p:cNvSpPr/>
            <p:nvPr/>
          </p:nvSpPr>
          <p:spPr>
            <a:xfrm>
              <a:off x="-1927100" y="2205850"/>
              <a:ext cx="251100" cy="128700"/>
            </a:xfrm>
            <a:custGeom>
              <a:avLst/>
              <a:gdLst/>
              <a:ahLst/>
              <a:cxnLst/>
              <a:rect l="l" t="t" r="r" b="b"/>
              <a:pathLst>
                <a:path w="10044" h="5148" extrusionOk="0">
                  <a:moveTo>
                    <a:pt x="9584" y="2469"/>
                  </a:moveTo>
                  <a:cubicBezTo>
                    <a:pt x="9625" y="2699"/>
                    <a:pt x="9709" y="2908"/>
                    <a:pt x="9730" y="3139"/>
                  </a:cubicBezTo>
                  <a:cubicBezTo>
                    <a:pt x="9772" y="3829"/>
                    <a:pt x="9981" y="4478"/>
                    <a:pt x="10044" y="5147"/>
                  </a:cubicBezTo>
                  <a:cubicBezTo>
                    <a:pt x="9521" y="5105"/>
                    <a:pt x="9270" y="5043"/>
                    <a:pt x="8935" y="4708"/>
                  </a:cubicBezTo>
                  <a:cubicBezTo>
                    <a:pt x="8537" y="4310"/>
                    <a:pt x="8098" y="4164"/>
                    <a:pt x="7596" y="4038"/>
                  </a:cubicBezTo>
                  <a:cubicBezTo>
                    <a:pt x="6382" y="3745"/>
                    <a:pt x="5190" y="3473"/>
                    <a:pt x="4039" y="3013"/>
                  </a:cubicBezTo>
                  <a:cubicBezTo>
                    <a:pt x="3767" y="2908"/>
                    <a:pt x="3453" y="2888"/>
                    <a:pt x="3139" y="2888"/>
                  </a:cubicBezTo>
                  <a:cubicBezTo>
                    <a:pt x="2302" y="2846"/>
                    <a:pt x="1465" y="2888"/>
                    <a:pt x="607" y="2888"/>
                  </a:cubicBezTo>
                  <a:cubicBezTo>
                    <a:pt x="398" y="2888"/>
                    <a:pt x="189" y="2846"/>
                    <a:pt x="1" y="2825"/>
                  </a:cubicBezTo>
                  <a:lnTo>
                    <a:pt x="1" y="1548"/>
                  </a:lnTo>
                  <a:cubicBezTo>
                    <a:pt x="377" y="1130"/>
                    <a:pt x="147" y="481"/>
                    <a:pt x="586" y="0"/>
                  </a:cubicBezTo>
                  <a:cubicBezTo>
                    <a:pt x="775" y="63"/>
                    <a:pt x="942" y="84"/>
                    <a:pt x="1130" y="168"/>
                  </a:cubicBezTo>
                  <a:cubicBezTo>
                    <a:pt x="2177" y="628"/>
                    <a:pt x="3327" y="795"/>
                    <a:pt x="4436" y="1025"/>
                  </a:cubicBezTo>
                  <a:cubicBezTo>
                    <a:pt x="4687" y="1067"/>
                    <a:pt x="4980" y="1046"/>
                    <a:pt x="5231" y="1004"/>
                  </a:cubicBezTo>
                  <a:cubicBezTo>
                    <a:pt x="5545" y="942"/>
                    <a:pt x="5817" y="1025"/>
                    <a:pt x="6068" y="1214"/>
                  </a:cubicBezTo>
                  <a:cubicBezTo>
                    <a:pt x="6654" y="1590"/>
                    <a:pt x="7219" y="1988"/>
                    <a:pt x="7805" y="2323"/>
                  </a:cubicBezTo>
                  <a:cubicBezTo>
                    <a:pt x="8349" y="2678"/>
                    <a:pt x="8830" y="2699"/>
                    <a:pt x="9584" y="2469"/>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18" name="Google Shape;371;p37">
              <a:extLst>
                <a:ext uri="{FF2B5EF4-FFF2-40B4-BE49-F238E27FC236}">
                  <a16:creationId xmlns:a16="http://schemas.microsoft.com/office/drawing/2014/main" id="{71F2E6BC-91C9-34C6-9F6C-86D054137A49}"/>
                </a:ext>
              </a:extLst>
            </p:cNvPr>
            <p:cNvSpPr/>
            <p:nvPr/>
          </p:nvSpPr>
          <p:spPr>
            <a:xfrm>
              <a:off x="-1839225" y="1357400"/>
              <a:ext cx="62800" cy="127125"/>
            </a:xfrm>
            <a:custGeom>
              <a:avLst/>
              <a:gdLst/>
              <a:ahLst/>
              <a:cxnLst/>
              <a:rect l="l" t="t" r="r" b="b"/>
              <a:pathLst>
                <a:path w="2512" h="5085" extrusionOk="0">
                  <a:moveTo>
                    <a:pt x="1716" y="5084"/>
                  </a:moveTo>
                  <a:cubicBezTo>
                    <a:pt x="1612" y="4980"/>
                    <a:pt x="1528" y="4938"/>
                    <a:pt x="1486" y="4854"/>
                  </a:cubicBezTo>
                  <a:cubicBezTo>
                    <a:pt x="1131" y="4227"/>
                    <a:pt x="754" y="3620"/>
                    <a:pt x="419" y="2992"/>
                  </a:cubicBezTo>
                  <a:cubicBezTo>
                    <a:pt x="1" y="2197"/>
                    <a:pt x="126" y="1297"/>
                    <a:pt x="189" y="439"/>
                  </a:cubicBezTo>
                  <a:cubicBezTo>
                    <a:pt x="189" y="209"/>
                    <a:pt x="419" y="21"/>
                    <a:pt x="670" y="21"/>
                  </a:cubicBezTo>
                  <a:cubicBezTo>
                    <a:pt x="900" y="0"/>
                    <a:pt x="1152" y="0"/>
                    <a:pt x="1382" y="0"/>
                  </a:cubicBezTo>
                  <a:cubicBezTo>
                    <a:pt x="1988" y="21"/>
                    <a:pt x="2365" y="377"/>
                    <a:pt x="2428" y="983"/>
                  </a:cubicBezTo>
                  <a:cubicBezTo>
                    <a:pt x="2512" y="1841"/>
                    <a:pt x="2449" y="2720"/>
                    <a:pt x="2093" y="3515"/>
                  </a:cubicBezTo>
                  <a:cubicBezTo>
                    <a:pt x="1988" y="3766"/>
                    <a:pt x="1905" y="4017"/>
                    <a:pt x="1821" y="4289"/>
                  </a:cubicBezTo>
                  <a:cubicBezTo>
                    <a:pt x="1800" y="4520"/>
                    <a:pt x="1779" y="4771"/>
                    <a:pt x="1716" y="5084"/>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19" name="Google Shape;372;p37">
              <a:extLst>
                <a:ext uri="{FF2B5EF4-FFF2-40B4-BE49-F238E27FC236}">
                  <a16:creationId xmlns:a16="http://schemas.microsoft.com/office/drawing/2014/main" id="{1FF19603-A3D4-367B-0895-BEF8ECB7F53C}"/>
                </a:ext>
              </a:extLst>
            </p:cNvPr>
            <p:cNvSpPr/>
            <p:nvPr/>
          </p:nvSpPr>
          <p:spPr>
            <a:xfrm>
              <a:off x="-962000" y="1680125"/>
              <a:ext cx="111975" cy="75875"/>
            </a:xfrm>
            <a:custGeom>
              <a:avLst/>
              <a:gdLst/>
              <a:ahLst/>
              <a:cxnLst/>
              <a:rect l="l" t="t" r="r" b="b"/>
              <a:pathLst>
                <a:path w="4479" h="3035" extrusionOk="0">
                  <a:moveTo>
                    <a:pt x="1" y="2993"/>
                  </a:moveTo>
                  <a:cubicBezTo>
                    <a:pt x="503" y="1968"/>
                    <a:pt x="984" y="1026"/>
                    <a:pt x="1444" y="106"/>
                  </a:cubicBezTo>
                  <a:cubicBezTo>
                    <a:pt x="2177" y="1"/>
                    <a:pt x="2867" y="64"/>
                    <a:pt x="3558" y="106"/>
                  </a:cubicBezTo>
                  <a:cubicBezTo>
                    <a:pt x="4144" y="126"/>
                    <a:pt x="4478" y="963"/>
                    <a:pt x="4081" y="1424"/>
                  </a:cubicBezTo>
                  <a:cubicBezTo>
                    <a:pt x="3244" y="2323"/>
                    <a:pt x="2302" y="3035"/>
                    <a:pt x="1005" y="3035"/>
                  </a:cubicBezTo>
                  <a:cubicBezTo>
                    <a:pt x="691" y="3035"/>
                    <a:pt x="398" y="3014"/>
                    <a:pt x="1" y="2993"/>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0" name="Google Shape;373;p37">
              <a:extLst>
                <a:ext uri="{FF2B5EF4-FFF2-40B4-BE49-F238E27FC236}">
                  <a16:creationId xmlns:a16="http://schemas.microsoft.com/office/drawing/2014/main" id="{81F9BF34-FD6B-3475-A43A-B7546114300F}"/>
                </a:ext>
              </a:extLst>
            </p:cNvPr>
            <p:cNvSpPr/>
            <p:nvPr/>
          </p:nvSpPr>
          <p:spPr>
            <a:xfrm>
              <a:off x="-1511775" y="1933300"/>
              <a:ext cx="91050" cy="34025"/>
            </a:xfrm>
            <a:custGeom>
              <a:avLst/>
              <a:gdLst/>
              <a:ahLst/>
              <a:cxnLst/>
              <a:rect l="l" t="t" r="r" b="b"/>
              <a:pathLst>
                <a:path w="3642" h="1361" extrusionOk="0">
                  <a:moveTo>
                    <a:pt x="3642" y="650"/>
                  </a:moveTo>
                  <a:cubicBezTo>
                    <a:pt x="3265" y="901"/>
                    <a:pt x="3014" y="1131"/>
                    <a:pt x="2700" y="1361"/>
                  </a:cubicBezTo>
                  <a:lnTo>
                    <a:pt x="1382" y="1361"/>
                  </a:lnTo>
                  <a:cubicBezTo>
                    <a:pt x="1235" y="1361"/>
                    <a:pt x="1110" y="1319"/>
                    <a:pt x="942" y="1298"/>
                  </a:cubicBezTo>
                  <a:cubicBezTo>
                    <a:pt x="336" y="1131"/>
                    <a:pt x="1" y="733"/>
                    <a:pt x="22" y="1"/>
                  </a:cubicBezTo>
                  <a:cubicBezTo>
                    <a:pt x="1214" y="189"/>
                    <a:pt x="2344" y="419"/>
                    <a:pt x="3642" y="650"/>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1" name="Google Shape;374;p37">
              <a:extLst>
                <a:ext uri="{FF2B5EF4-FFF2-40B4-BE49-F238E27FC236}">
                  <a16:creationId xmlns:a16="http://schemas.microsoft.com/office/drawing/2014/main" id="{B4CF3599-0357-6D67-1EAD-CF781C9604A2}"/>
                </a:ext>
              </a:extLst>
            </p:cNvPr>
            <p:cNvSpPr/>
            <p:nvPr/>
          </p:nvSpPr>
          <p:spPr>
            <a:xfrm>
              <a:off x="-1642025" y="2339750"/>
              <a:ext cx="50775" cy="56525"/>
            </a:xfrm>
            <a:custGeom>
              <a:avLst/>
              <a:gdLst/>
              <a:ahLst/>
              <a:cxnLst/>
              <a:rect l="l" t="t" r="r" b="b"/>
              <a:pathLst>
                <a:path w="2031" h="2261" extrusionOk="0">
                  <a:moveTo>
                    <a:pt x="1" y="670"/>
                  </a:moveTo>
                  <a:cubicBezTo>
                    <a:pt x="691" y="105"/>
                    <a:pt x="1340" y="105"/>
                    <a:pt x="2031" y="1"/>
                  </a:cubicBezTo>
                  <a:lnTo>
                    <a:pt x="2031" y="1863"/>
                  </a:lnTo>
                  <a:cubicBezTo>
                    <a:pt x="1842" y="1967"/>
                    <a:pt x="1654" y="2093"/>
                    <a:pt x="1424" y="2260"/>
                  </a:cubicBezTo>
                  <a:cubicBezTo>
                    <a:pt x="838" y="1821"/>
                    <a:pt x="357" y="1319"/>
                    <a:pt x="1" y="670"/>
                  </a:cubicBezTo>
                  <a:close/>
                </a:path>
              </a:pathLst>
            </a:custGeom>
            <a:solidFill>
              <a:srgbClr val="FFFFFF"/>
            </a:solidFill>
            <a:ln>
              <a:noFill/>
            </a:ln>
          </p:spPr>
          <p:txBody>
            <a:bodyPr spcFirstLastPara="1" wrap="square" lIns="91425" tIns="91425" rIns="91425" bIns="91425" anchor="ctr" anchorCtr="0">
              <a:noAutofit/>
            </a:bodyPr>
            <a:lstStyle/>
            <a:p>
              <a:endParaRPr/>
            </a:p>
          </p:txBody>
        </p:sp>
        <p:sp>
          <p:nvSpPr>
            <p:cNvPr id="22" name="Google Shape;375;p37">
              <a:extLst>
                <a:ext uri="{FF2B5EF4-FFF2-40B4-BE49-F238E27FC236}">
                  <a16:creationId xmlns:a16="http://schemas.microsoft.com/office/drawing/2014/main" id="{E5B40866-7C0C-46EF-852A-6CFBE42E59AB}"/>
                </a:ext>
              </a:extLst>
            </p:cNvPr>
            <p:cNvSpPr/>
            <p:nvPr/>
          </p:nvSpPr>
          <p:spPr>
            <a:xfrm>
              <a:off x="-1752375" y="2221000"/>
              <a:ext cx="55975" cy="30900"/>
            </a:xfrm>
            <a:custGeom>
              <a:avLst/>
              <a:gdLst/>
              <a:ahLst/>
              <a:cxnLst/>
              <a:rect l="l" t="t" r="r" b="b"/>
              <a:pathLst>
                <a:path w="2239" h="1236" extrusionOk="0">
                  <a:moveTo>
                    <a:pt x="0" y="294"/>
                  </a:moveTo>
                  <a:cubicBezTo>
                    <a:pt x="167" y="85"/>
                    <a:pt x="293" y="1"/>
                    <a:pt x="502" y="85"/>
                  </a:cubicBezTo>
                  <a:cubicBezTo>
                    <a:pt x="942" y="210"/>
                    <a:pt x="1360" y="503"/>
                    <a:pt x="1883" y="461"/>
                  </a:cubicBezTo>
                  <a:cubicBezTo>
                    <a:pt x="2092" y="461"/>
                    <a:pt x="2197" y="629"/>
                    <a:pt x="2218" y="817"/>
                  </a:cubicBezTo>
                  <a:cubicBezTo>
                    <a:pt x="2239" y="984"/>
                    <a:pt x="1988" y="1235"/>
                    <a:pt x="1799" y="1235"/>
                  </a:cubicBezTo>
                  <a:cubicBezTo>
                    <a:pt x="1695" y="1235"/>
                    <a:pt x="1569" y="1194"/>
                    <a:pt x="1465" y="1152"/>
                  </a:cubicBezTo>
                  <a:cubicBezTo>
                    <a:pt x="963" y="838"/>
                    <a:pt x="502" y="545"/>
                    <a:pt x="0" y="294"/>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3" name="Google Shape;376;p37">
              <a:extLst>
                <a:ext uri="{FF2B5EF4-FFF2-40B4-BE49-F238E27FC236}">
                  <a16:creationId xmlns:a16="http://schemas.microsoft.com/office/drawing/2014/main" id="{4235A8C0-068D-77F1-2045-096AC18CB6A5}"/>
                </a:ext>
              </a:extLst>
            </p:cNvPr>
            <p:cNvSpPr/>
            <p:nvPr/>
          </p:nvSpPr>
          <p:spPr>
            <a:xfrm>
              <a:off x="-1726750" y="2191725"/>
              <a:ext cx="24075" cy="22500"/>
            </a:xfrm>
            <a:custGeom>
              <a:avLst/>
              <a:gdLst/>
              <a:ahLst/>
              <a:cxnLst/>
              <a:rect l="l" t="t" r="r" b="b"/>
              <a:pathLst>
                <a:path w="963" h="900" extrusionOk="0">
                  <a:moveTo>
                    <a:pt x="0" y="481"/>
                  </a:moveTo>
                  <a:cubicBezTo>
                    <a:pt x="210" y="147"/>
                    <a:pt x="461" y="21"/>
                    <a:pt x="837" y="0"/>
                  </a:cubicBezTo>
                  <a:cubicBezTo>
                    <a:pt x="879" y="209"/>
                    <a:pt x="921" y="440"/>
                    <a:pt x="963" y="649"/>
                  </a:cubicBezTo>
                  <a:cubicBezTo>
                    <a:pt x="565" y="900"/>
                    <a:pt x="335" y="649"/>
                    <a:pt x="0" y="481"/>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4" name="Google Shape;377;p37">
              <a:extLst>
                <a:ext uri="{FF2B5EF4-FFF2-40B4-BE49-F238E27FC236}">
                  <a16:creationId xmlns:a16="http://schemas.microsoft.com/office/drawing/2014/main" id="{2FDA1D7F-9244-63EE-0E7A-3D13AEA281FC}"/>
                </a:ext>
              </a:extLst>
            </p:cNvPr>
            <p:cNvSpPr/>
            <p:nvPr/>
          </p:nvSpPr>
          <p:spPr>
            <a:xfrm>
              <a:off x="-1748200" y="1455700"/>
              <a:ext cx="211250" cy="206300"/>
            </a:xfrm>
            <a:custGeom>
              <a:avLst/>
              <a:gdLst/>
              <a:ahLst/>
              <a:cxnLst/>
              <a:rect l="l" t="t" r="r" b="b"/>
              <a:pathLst>
                <a:path w="8450" h="8252" extrusionOk="0">
                  <a:moveTo>
                    <a:pt x="3345" y="1"/>
                  </a:moveTo>
                  <a:cubicBezTo>
                    <a:pt x="2812" y="1"/>
                    <a:pt x="2295" y="220"/>
                    <a:pt x="1842" y="734"/>
                  </a:cubicBezTo>
                  <a:cubicBezTo>
                    <a:pt x="1612" y="1006"/>
                    <a:pt x="1402" y="1341"/>
                    <a:pt x="1277" y="1696"/>
                  </a:cubicBezTo>
                  <a:cubicBezTo>
                    <a:pt x="524" y="2073"/>
                    <a:pt x="0" y="2784"/>
                    <a:pt x="63" y="4019"/>
                  </a:cubicBezTo>
                  <a:cubicBezTo>
                    <a:pt x="168" y="5505"/>
                    <a:pt x="1068" y="6760"/>
                    <a:pt x="2218" y="7430"/>
                  </a:cubicBezTo>
                  <a:cubicBezTo>
                    <a:pt x="2637" y="7869"/>
                    <a:pt x="3160" y="8204"/>
                    <a:pt x="3829" y="8246"/>
                  </a:cubicBezTo>
                  <a:cubicBezTo>
                    <a:pt x="3883" y="8250"/>
                    <a:pt x="3936" y="8252"/>
                    <a:pt x="3988" y="8252"/>
                  </a:cubicBezTo>
                  <a:cubicBezTo>
                    <a:pt x="4446" y="8252"/>
                    <a:pt x="4849" y="8092"/>
                    <a:pt x="5169" y="7848"/>
                  </a:cubicBezTo>
                  <a:cubicBezTo>
                    <a:pt x="5817" y="7639"/>
                    <a:pt x="6424" y="7220"/>
                    <a:pt x="6926" y="6551"/>
                  </a:cubicBezTo>
                  <a:cubicBezTo>
                    <a:pt x="8450" y="4445"/>
                    <a:pt x="5744" y="1"/>
                    <a:pt x="3345" y="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5" name="Google Shape;378;p37">
              <a:extLst>
                <a:ext uri="{FF2B5EF4-FFF2-40B4-BE49-F238E27FC236}">
                  <a16:creationId xmlns:a16="http://schemas.microsoft.com/office/drawing/2014/main" id="{A2702C5A-28E5-1C74-6FE7-16A82D3FDA19}"/>
                </a:ext>
              </a:extLst>
            </p:cNvPr>
            <p:cNvSpPr/>
            <p:nvPr/>
          </p:nvSpPr>
          <p:spPr>
            <a:xfrm>
              <a:off x="-1228775" y="1649625"/>
              <a:ext cx="220250" cy="167775"/>
            </a:xfrm>
            <a:custGeom>
              <a:avLst/>
              <a:gdLst/>
              <a:ahLst/>
              <a:cxnLst/>
              <a:rect l="l" t="t" r="r" b="b"/>
              <a:pathLst>
                <a:path w="8810" h="6711" extrusionOk="0">
                  <a:moveTo>
                    <a:pt x="5246" y="1"/>
                  </a:moveTo>
                  <a:cubicBezTo>
                    <a:pt x="4260" y="1"/>
                    <a:pt x="3239" y="372"/>
                    <a:pt x="2511" y="970"/>
                  </a:cubicBezTo>
                  <a:cubicBezTo>
                    <a:pt x="2490" y="991"/>
                    <a:pt x="2449" y="1012"/>
                    <a:pt x="2407" y="1033"/>
                  </a:cubicBezTo>
                  <a:cubicBezTo>
                    <a:pt x="2260" y="1137"/>
                    <a:pt x="2114" y="1284"/>
                    <a:pt x="1988" y="1409"/>
                  </a:cubicBezTo>
                  <a:cubicBezTo>
                    <a:pt x="1528" y="1702"/>
                    <a:pt x="1130" y="2037"/>
                    <a:pt x="879" y="2455"/>
                  </a:cubicBezTo>
                  <a:cubicBezTo>
                    <a:pt x="1" y="3711"/>
                    <a:pt x="817" y="5196"/>
                    <a:pt x="1967" y="5908"/>
                  </a:cubicBezTo>
                  <a:cubicBezTo>
                    <a:pt x="2344" y="6305"/>
                    <a:pt x="2804" y="6619"/>
                    <a:pt x="3348" y="6682"/>
                  </a:cubicBezTo>
                  <a:cubicBezTo>
                    <a:pt x="3469" y="6701"/>
                    <a:pt x="3588" y="6711"/>
                    <a:pt x="3704" y="6711"/>
                  </a:cubicBezTo>
                  <a:cubicBezTo>
                    <a:pt x="4092" y="6711"/>
                    <a:pt x="4454" y="6608"/>
                    <a:pt x="4792" y="6431"/>
                  </a:cubicBezTo>
                  <a:cubicBezTo>
                    <a:pt x="5503" y="6326"/>
                    <a:pt x="6194" y="6033"/>
                    <a:pt x="6780" y="5573"/>
                  </a:cubicBezTo>
                  <a:cubicBezTo>
                    <a:pt x="8119" y="4464"/>
                    <a:pt x="8809" y="2560"/>
                    <a:pt x="7638" y="1074"/>
                  </a:cubicBezTo>
                  <a:cubicBezTo>
                    <a:pt x="7044" y="320"/>
                    <a:pt x="6160" y="1"/>
                    <a:pt x="5246" y="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6" name="Google Shape;379;p37">
              <a:extLst>
                <a:ext uri="{FF2B5EF4-FFF2-40B4-BE49-F238E27FC236}">
                  <a16:creationId xmlns:a16="http://schemas.microsoft.com/office/drawing/2014/main" id="{EFAF1297-CB21-78BD-48BB-5810D4635107}"/>
                </a:ext>
              </a:extLst>
            </p:cNvPr>
            <p:cNvSpPr/>
            <p:nvPr/>
          </p:nvSpPr>
          <p:spPr>
            <a:xfrm>
              <a:off x="-2314175" y="910675"/>
              <a:ext cx="1628400" cy="1733025"/>
            </a:xfrm>
            <a:custGeom>
              <a:avLst/>
              <a:gdLst/>
              <a:ahLst/>
              <a:cxnLst/>
              <a:rect l="l" t="t" r="r" b="b"/>
              <a:pathLst>
                <a:path w="65136" h="69321" extrusionOk="0">
                  <a:moveTo>
                    <a:pt x="14626" y="54715"/>
                  </a:moveTo>
                  <a:cubicBezTo>
                    <a:pt x="14396" y="53397"/>
                    <a:pt x="14709" y="52309"/>
                    <a:pt x="15170" y="51221"/>
                  </a:cubicBezTo>
                  <a:cubicBezTo>
                    <a:pt x="15044" y="51096"/>
                    <a:pt x="14960" y="50970"/>
                    <a:pt x="14814" y="50845"/>
                  </a:cubicBezTo>
                  <a:cubicBezTo>
                    <a:pt x="14437" y="50552"/>
                    <a:pt x="14061" y="50238"/>
                    <a:pt x="13663" y="49966"/>
                  </a:cubicBezTo>
                  <a:cubicBezTo>
                    <a:pt x="12931" y="49506"/>
                    <a:pt x="12387" y="48878"/>
                    <a:pt x="11906" y="48166"/>
                  </a:cubicBezTo>
                  <a:cubicBezTo>
                    <a:pt x="11403" y="47434"/>
                    <a:pt x="10964" y="46702"/>
                    <a:pt x="10441" y="45990"/>
                  </a:cubicBezTo>
                  <a:cubicBezTo>
                    <a:pt x="9520" y="44777"/>
                    <a:pt x="9813" y="43354"/>
                    <a:pt x="10671" y="42266"/>
                  </a:cubicBezTo>
                  <a:cubicBezTo>
                    <a:pt x="10943" y="41910"/>
                    <a:pt x="11194" y="41596"/>
                    <a:pt x="11466" y="41283"/>
                  </a:cubicBezTo>
                  <a:cubicBezTo>
                    <a:pt x="11613" y="41115"/>
                    <a:pt x="11780" y="40927"/>
                    <a:pt x="11968" y="40801"/>
                  </a:cubicBezTo>
                  <a:cubicBezTo>
                    <a:pt x="13391" y="39692"/>
                    <a:pt x="14835" y="38625"/>
                    <a:pt x="16279" y="37537"/>
                  </a:cubicBezTo>
                  <a:cubicBezTo>
                    <a:pt x="16488" y="37370"/>
                    <a:pt x="16718" y="37244"/>
                    <a:pt x="16948" y="37077"/>
                  </a:cubicBezTo>
                  <a:cubicBezTo>
                    <a:pt x="17827" y="36554"/>
                    <a:pt x="18685" y="36093"/>
                    <a:pt x="19522" y="35549"/>
                  </a:cubicBezTo>
                  <a:cubicBezTo>
                    <a:pt x="20505" y="34922"/>
                    <a:pt x="21551" y="34399"/>
                    <a:pt x="22660" y="33980"/>
                  </a:cubicBezTo>
                  <a:cubicBezTo>
                    <a:pt x="22786" y="33917"/>
                    <a:pt x="22911" y="33876"/>
                    <a:pt x="23079" y="33792"/>
                  </a:cubicBezTo>
                  <a:cubicBezTo>
                    <a:pt x="23016" y="33624"/>
                    <a:pt x="22995" y="33520"/>
                    <a:pt x="22974" y="33415"/>
                  </a:cubicBezTo>
                  <a:cubicBezTo>
                    <a:pt x="22347" y="31888"/>
                    <a:pt x="21698" y="30360"/>
                    <a:pt x="21091" y="28812"/>
                  </a:cubicBezTo>
                  <a:cubicBezTo>
                    <a:pt x="20756" y="27871"/>
                    <a:pt x="20714" y="26887"/>
                    <a:pt x="20694" y="25883"/>
                  </a:cubicBezTo>
                  <a:cubicBezTo>
                    <a:pt x="20673" y="25318"/>
                    <a:pt x="20694" y="24732"/>
                    <a:pt x="20694" y="24188"/>
                  </a:cubicBezTo>
                  <a:cubicBezTo>
                    <a:pt x="20442" y="23979"/>
                    <a:pt x="20170" y="23832"/>
                    <a:pt x="19982" y="23581"/>
                  </a:cubicBezTo>
                  <a:cubicBezTo>
                    <a:pt x="19794" y="23372"/>
                    <a:pt x="19731" y="23121"/>
                    <a:pt x="19606" y="22891"/>
                  </a:cubicBezTo>
                  <a:cubicBezTo>
                    <a:pt x="19396" y="22535"/>
                    <a:pt x="19187" y="22200"/>
                    <a:pt x="18999" y="21886"/>
                  </a:cubicBezTo>
                  <a:cubicBezTo>
                    <a:pt x="18559" y="21154"/>
                    <a:pt x="18266" y="20380"/>
                    <a:pt x="18350" y="19480"/>
                  </a:cubicBezTo>
                  <a:cubicBezTo>
                    <a:pt x="18371" y="19083"/>
                    <a:pt x="18350" y="18706"/>
                    <a:pt x="18371" y="18308"/>
                  </a:cubicBezTo>
                  <a:cubicBezTo>
                    <a:pt x="18392" y="17681"/>
                    <a:pt x="18894" y="17179"/>
                    <a:pt x="19522" y="17137"/>
                  </a:cubicBezTo>
                  <a:lnTo>
                    <a:pt x="19606" y="17137"/>
                  </a:lnTo>
                  <a:cubicBezTo>
                    <a:pt x="21007" y="17074"/>
                    <a:pt x="21175" y="17158"/>
                    <a:pt x="22116" y="18329"/>
                  </a:cubicBezTo>
                  <a:cubicBezTo>
                    <a:pt x="22891" y="17471"/>
                    <a:pt x="23623" y="16551"/>
                    <a:pt x="24627" y="15902"/>
                  </a:cubicBezTo>
                  <a:cubicBezTo>
                    <a:pt x="24523" y="15714"/>
                    <a:pt x="24313" y="15818"/>
                    <a:pt x="24146" y="15798"/>
                  </a:cubicBezTo>
                  <a:cubicBezTo>
                    <a:pt x="23999" y="15777"/>
                    <a:pt x="23832" y="15798"/>
                    <a:pt x="23707" y="15798"/>
                  </a:cubicBezTo>
                  <a:cubicBezTo>
                    <a:pt x="23267" y="15818"/>
                    <a:pt x="22870" y="15630"/>
                    <a:pt x="22535" y="15400"/>
                  </a:cubicBezTo>
                  <a:cubicBezTo>
                    <a:pt x="22388" y="15295"/>
                    <a:pt x="22242" y="15170"/>
                    <a:pt x="22158" y="15002"/>
                  </a:cubicBezTo>
                  <a:cubicBezTo>
                    <a:pt x="21865" y="14521"/>
                    <a:pt x="22012" y="13308"/>
                    <a:pt x="22388" y="12889"/>
                  </a:cubicBezTo>
                  <a:cubicBezTo>
                    <a:pt x="22451" y="12805"/>
                    <a:pt x="22535" y="12764"/>
                    <a:pt x="22577" y="12701"/>
                  </a:cubicBezTo>
                  <a:cubicBezTo>
                    <a:pt x="23288" y="11613"/>
                    <a:pt x="24418" y="11090"/>
                    <a:pt x="25506" y="10546"/>
                  </a:cubicBezTo>
                  <a:cubicBezTo>
                    <a:pt x="25778" y="10399"/>
                    <a:pt x="26029" y="10274"/>
                    <a:pt x="26322" y="10148"/>
                  </a:cubicBezTo>
                  <a:cubicBezTo>
                    <a:pt x="26134" y="9604"/>
                    <a:pt x="25820" y="9144"/>
                    <a:pt x="25485" y="8767"/>
                  </a:cubicBezTo>
                  <a:cubicBezTo>
                    <a:pt x="25150" y="8370"/>
                    <a:pt x="25046" y="7951"/>
                    <a:pt x="25046" y="7428"/>
                  </a:cubicBezTo>
                  <a:cubicBezTo>
                    <a:pt x="25067" y="6675"/>
                    <a:pt x="25004" y="5943"/>
                    <a:pt x="25360" y="5210"/>
                  </a:cubicBezTo>
                  <a:cubicBezTo>
                    <a:pt x="25569" y="4792"/>
                    <a:pt x="25778" y="4415"/>
                    <a:pt x="26155" y="4122"/>
                  </a:cubicBezTo>
                  <a:cubicBezTo>
                    <a:pt x="26343" y="3997"/>
                    <a:pt x="26510" y="3871"/>
                    <a:pt x="26657" y="3746"/>
                  </a:cubicBezTo>
                  <a:cubicBezTo>
                    <a:pt x="27264" y="3160"/>
                    <a:pt x="27975" y="2950"/>
                    <a:pt x="28812" y="3013"/>
                  </a:cubicBezTo>
                  <a:cubicBezTo>
                    <a:pt x="29356" y="3034"/>
                    <a:pt x="29879" y="3055"/>
                    <a:pt x="30235" y="3557"/>
                  </a:cubicBezTo>
                  <a:cubicBezTo>
                    <a:pt x="30318" y="3662"/>
                    <a:pt x="30507" y="3683"/>
                    <a:pt x="30611" y="3746"/>
                  </a:cubicBezTo>
                  <a:cubicBezTo>
                    <a:pt x="30841" y="3578"/>
                    <a:pt x="30758" y="3390"/>
                    <a:pt x="30800" y="3222"/>
                  </a:cubicBezTo>
                  <a:cubicBezTo>
                    <a:pt x="30821" y="3055"/>
                    <a:pt x="30821" y="2909"/>
                    <a:pt x="30800" y="2762"/>
                  </a:cubicBezTo>
                  <a:cubicBezTo>
                    <a:pt x="30632" y="1549"/>
                    <a:pt x="31867" y="335"/>
                    <a:pt x="33038" y="105"/>
                  </a:cubicBezTo>
                  <a:cubicBezTo>
                    <a:pt x="33582" y="0"/>
                    <a:pt x="34085" y="126"/>
                    <a:pt x="34482" y="502"/>
                  </a:cubicBezTo>
                  <a:cubicBezTo>
                    <a:pt x="34838" y="837"/>
                    <a:pt x="35215" y="1193"/>
                    <a:pt x="35528" y="1611"/>
                  </a:cubicBezTo>
                  <a:cubicBezTo>
                    <a:pt x="36051" y="2323"/>
                    <a:pt x="36512" y="3055"/>
                    <a:pt x="36888" y="3850"/>
                  </a:cubicBezTo>
                  <a:cubicBezTo>
                    <a:pt x="36993" y="4059"/>
                    <a:pt x="37119" y="4227"/>
                    <a:pt x="37286" y="4499"/>
                  </a:cubicBezTo>
                  <a:cubicBezTo>
                    <a:pt x="37495" y="4101"/>
                    <a:pt x="37621" y="3766"/>
                    <a:pt x="37809" y="3474"/>
                  </a:cubicBezTo>
                  <a:cubicBezTo>
                    <a:pt x="38500" y="2448"/>
                    <a:pt x="39378" y="1590"/>
                    <a:pt x="40383" y="858"/>
                  </a:cubicBezTo>
                  <a:cubicBezTo>
                    <a:pt x="40948" y="461"/>
                    <a:pt x="41575" y="293"/>
                    <a:pt x="42245" y="314"/>
                  </a:cubicBezTo>
                  <a:cubicBezTo>
                    <a:pt x="42977" y="335"/>
                    <a:pt x="43689" y="314"/>
                    <a:pt x="44421" y="314"/>
                  </a:cubicBezTo>
                  <a:cubicBezTo>
                    <a:pt x="44735" y="314"/>
                    <a:pt x="45028" y="398"/>
                    <a:pt x="45258" y="565"/>
                  </a:cubicBezTo>
                  <a:cubicBezTo>
                    <a:pt x="45614" y="837"/>
                    <a:pt x="46011" y="1046"/>
                    <a:pt x="46388" y="1339"/>
                  </a:cubicBezTo>
                  <a:cubicBezTo>
                    <a:pt x="47455" y="2176"/>
                    <a:pt x="48166" y="3181"/>
                    <a:pt x="48166" y="4603"/>
                  </a:cubicBezTo>
                  <a:cubicBezTo>
                    <a:pt x="48166" y="4708"/>
                    <a:pt x="48187" y="4813"/>
                    <a:pt x="48229" y="5022"/>
                  </a:cubicBezTo>
                  <a:cubicBezTo>
                    <a:pt x="48522" y="4813"/>
                    <a:pt x="48794" y="4687"/>
                    <a:pt x="49024" y="4499"/>
                  </a:cubicBezTo>
                  <a:cubicBezTo>
                    <a:pt x="49736" y="3976"/>
                    <a:pt x="50510" y="3704"/>
                    <a:pt x="51368" y="3766"/>
                  </a:cubicBezTo>
                  <a:cubicBezTo>
                    <a:pt x="51849" y="3787"/>
                    <a:pt x="52351" y="3766"/>
                    <a:pt x="52811" y="3766"/>
                  </a:cubicBezTo>
                  <a:cubicBezTo>
                    <a:pt x="53544" y="3787"/>
                    <a:pt x="54171" y="3997"/>
                    <a:pt x="54673" y="4541"/>
                  </a:cubicBezTo>
                  <a:cubicBezTo>
                    <a:pt x="54820" y="4729"/>
                    <a:pt x="55008" y="4896"/>
                    <a:pt x="55176" y="5064"/>
                  </a:cubicBezTo>
                  <a:cubicBezTo>
                    <a:pt x="55238" y="5147"/>
                    <a:pt x="55343" y="5252"/>
                    <a:pt x="55385" y="5357"/>
                  </a:cubicBezTo>
                  <a:cubicBezTo>
                    <a:pt x="55531" y="6047"/>
                    <a:pt x="55866" y="6717"/>
                    <a:pt x="55615" y="7512"/>
                  </a:cubicBezTo>
                  <a:lnTo>
                    <a:pt x="56054" y="7512"/>
                  </a:lnTo>
                  <a:cubicBezTo>
                    <a:pt x="56347" y="7470"/>
                    <a:pt x="56661" y="7428"/>
                    <a:pt x="56954" y="7407"/>
                  </a:cubicBezTo>
                  <a:cubicBezTo>
                    <a:pt x="57394" y="7365"/>
                    <a:pt x="57854" y="7428"/>
                    <a:pt x="58314" y="7407"/>
                  </a:cubicBezTo>
                  <a:cubicBezTo>
                    <a:pt x="59507" y="7324"/>
                    <a:pt x="60469" y="7847"/>
                    <a:pt x="61285" y="8663"/>
                  </a:cubicBezTo>
                  <a:cubicBezTo>
                    <a:pt x="61516" y="8893"/>
                    <a:pt x="61725" y="9144"/>
                    <a:pt x="61913" y="9416"/>
                  </a:cubicBezTo>
                  <a:cubicBezTo>
                    <a:pt x="62666" y="10399"/>
                    <a:pt x="62666" y="11299"/>
                    <a:pt x="61871" y="12261"/>
                  </a:cubicBezTo>
                  <a:cubicBezTo>
                    <a:pt x="61767" y="12366"/>
                    <a:pt x="61683" y="12492"/>
                    <a:pt x="61599" y="12596"/>
                  </a:cubicBezTo>
                  <a:cubicBezTo>
                    <a:pt x="61725" y="12847"/>
                    <a:pt x="61934" y="12743"/>
                    <a:pt x="62101" y="12785"/>
                  </a:cubicBezTo>
                  <a:cubicBezTo>
                    <a:pt x="62541" y="12952"/>
                    <a:pt x="63022" y="13078"/>
                    <a:pt x="63440" y="13287"/>
                  </a:cubicBezTo>
                  <a:cubicBezTo>
                    <a:pt x="63984" y="13580"/>
                    <a:pt x="64340" y="14019"/>
                    <a:pt x="64487" y="14668"/>
                  </a:cubicBezTo>
                  <a:cubicBezTo>
                    <a:pt x="64591" y="15254"/>
                    <a:pt x="64654" y="15798"/>
                    <a:pt x="64633" y="16363"/>
                  </a:cubicBezTo>
                  <a:cubicBezTo>
                    <a:pt x="64633" y="17095"/>
                    <a:pt x="64298" y="17618"/>
                    <a:pt x="63692" y="17995"/>
                  </a:cubicBezTo>
                  <a:cubicBezTo>
                    <a:pt x="63482" y="18120"/>
                    <a:pt x="63294" y="18225"/>
                    <a:pt x="63043" y="18392"/>
                  </a:cubicBezTo>
                  <a:cubicBezTo>
                    <a:pt x="63189" y="18873"/>
                    <a:pt x="63399" y="19292"/>
                    <a:pt x="63712" y="19668"/>
                  </a:cubicBezTo>
                  <a:cubicBezTo>
                    <a:pt x="63901" y="19878"/>
                    <a:pt x="64026" y="20108"/>
                    <a:pt x="64131" y="20338"/>
                  </a:cubicBezTo>
                  <a:cubicBezTo>
                    <a:pt x="64319" y="20756"/>
                    <a:pt x="64487" y="21175"/>
                    <a:pt x="64654" y="21593"/>
                  </a:cubicBezTo>
                  <a:cubicBezTo>
                    <a:pt x="65135" y="22640"/>
                    <a:pt x="64717" y="23623"/>
                    <a:pt x="63650" y="24000"/>
                  </a:cubicBezTo>
                  <a:cubicBezTo>
                    <a:pt x="62959" y="24272"/>
                    <a:pt x="62290" y="24481"/>
                    <a:pt x="61516" y="24460"/>
                  </a:cubicBezTo>
                  <a:cubicBezTo>
                    <a:pt x="61160" y="24899"/>
                    <a:pt x="60992" y="25422"/>
                    <a:pt x="60825" y="25925"/>
                  </a:cubicBezTo>
                  <a:cubicBezTo>
                    <a:pt x="60658" y="26364"/>
                    <a:pt x="60407" y="26699"/>
                    <a:pt x="60030" y="27013"/>
                  </a:cubicBezTo>
                  <a:cubicBezTo>
                    <a:pt x="59570" y="27410"/>
                    <a:pt x="59047" y="27598"/>
                    <a:pt x="58440" y="27389"/>
                  </a:cubicBezTo>
                  <a:cubicBezTo>
                    <a:pt x="58105" y="27285"/>
                    <a:pt x="57749" y="27138"/>
                    <a:pt x="57414" y="27034"/>
                  </a:cubicBezTo>
                  <a:cubicBezTo>
                    <a:pt x="57268" y="26992"/>
                    <a:pt x="57080" y="26908"/>
                    <a:pt x="56891" y="26824"/>
                  </a:cubicBezTo>
                  <a:cubicBezTo>
                    <a:pt x="56557" y="27933"/>
                    <a:pt x="56034" y="28979"/>
                    <a:pt x="55824" y="30151"/>
                  </a:cubicBezTo>
                  <a:lnTo>
                    <a:pt x="57394" y="30151"/>
                  </a:lnTo>
                  <a:cubicBezTo>
                    <a:pt x="57958" y="30172"/>
                    <a:pt x="58440" y="30381"/>
                    <a:pt x="58775" y="30863"/>
                  </a:cubicBezTo>
                  <a:cubicBezTo>
                    <a:pt x="59235" y="31511"/>
                    <a:pt x="59277" y="32139"/>
                    <a:pt x="58754" y="32746"/>
                  </a:cubicBezTo>
                  <a:cubicBezTo>
                    <a:pt x="57666" y="33938"/>
                    <a:pt x="56389" y="34796"/>
                    <a:pt x="54694" y="34754"/>
                  </a:cubicBezTo>
                  <a:cubicBezTo>
                    <a:pt x="54150" y="34733"/>
                    <a:pt x="53627" y="34713"/>
                    <a:pt x="52958" y="34671"/>
                  </a:cubicBezTo>
                  <a:cubicBezTo>
                    <a:pt x="52288" y="35319"/>
                    <a:pt x="51598" y="36052"/>
                    <a:pt x="50824" y="36721"/>
                  </a:cubicBezTo>
                  <a:cubicBezTo>
                    <a:pt x="50070" y="37349"/>
                    <a:pt x="49233" y="37872"/>
                    <a:pt x="48417" y="38437"/>
                  </a:cubicBezTo>
                  <a:cubicBezTo>
                    <a:pt x="48438" y="38667"/>
                    <a:pt x="48627" y="38646"/>
                    <a:pt x="48752" y="38667"/>
                  </a:cubicBezTo>
                  <a:cubicBezTo>
                    <a:pt x="49464" y="38897"/>
                    <a:pt x="50112" y="39169"/>
                    <a:pt x="50740" y="39546"/>
                  </a:cubicBezTo>
                  <a:cubicBezTo>
                    <a:pt x="51556" y="40006"/>
                    <a:pt x="52372" y="40467"/>
                    <a:pt x="53251" y="40759"/>
                  </a:cubicBezTo>
                  <a:cubicBezTo>
                    <a:pt x="53355" y="40822"/>
                    <a:pt x="53481" y="40843"/>
                    <a:pt x="53585" y="40927"/>
                  </a:cubicBezTo>
                  <a:cubicBezTo>
                    <a:pt x="55197" y="41847"/>
                    <a:pt x="56808" y="42705"/>
                    <a:pt x="58293" y="43772"/>
                  </a:cubicBezTo>
                  <a:cubicBezTo>
                    <a:pt x="59026" y="44296"/>
                    <a:pt x="59507" y="44986"/>
                    <a:pt x="59695" y="45823"/>
                  </a:cubicBezTo>
                  <a:cubicBezTo>
                    <a:pt x="59863" y="46702"/>
                    <a:pt x="59632" y="47560"/>
                    <a:pt x="59026" y="48250"/>
                  </a:cubicBezTo>
                  <a:cubicBezTo>
                    <a:pt x="58503" y="48857"/>
                    <a:pt x="57875" y="49401"/>
                    <a:pt x="57247" y="49924"/>
                  </a:cubicBezTo>
                  <a:cubicBezTo>
                    <a:pt x="55531" y="51368"/>
                    <a:pt x="53565" y="52414"/>
                    <a:pt x="51640" y="53502"/>
                  </a:cubicBezTo>
                  <a:cubicBezTo>
                    <a:pt x="51075" y="53816"/>
                    <a:pt x="50447" y="53941"/>
                    <a:pt x="49861" y="54171"/>
                  </a:cubicBezTo>
                  <a:cubicBezTo>
                    <a:pt x="49484" y="54297"/>
                    <a:pt x="49359" y="54381"/>
                    <a:pt x="49359" y="54695"/>
                  </a:cubicBezTo>
                  <a:cubicBezTo>
                    <a:pt x="49359" y="55490"/>
                    <a:pt x="49359" y="56306"/>
                    <a:pt x="49401" y="57143"/>
                  </a:cubicBezTo>
                  <a:cubicBezTo>
                    <a:pt x="49652" y="57164"/>
                    <a:pt x="49798" y="57226"/>
                    <a:pt x="49987" y="57226"/>
                  </a:cubicBezTo>
                  <a:cubicBezTo>
                    <a:pt x="51368" y="57373"/>
                    <a:pt x="52707" y="57708"/>
                    <a:pt x="53983" y="58273"/>
                  </a:cubicBezTo>
                  <a:cubicBezTo>
                    <a:pt x="54820" y="58607"/>
                    <a:pt x="55657" y="58963"/>
                    <a:pt x="56473" y="59319"/>
                  </a:cubicBezTo>
                  <a:cubicBezTo>
                    <a:pt x="56766" y="59444"/>
                    <a:pt x="56975" y="59570"/>
                    <a:pt x="57059" y="59946"/>
                  </a:cubicBezTo>
                  <a:cubicBezTo>
                    <a:pt x="57122" y="60197"/>
                    <a:pt x="57373" y="60428"/>
                    <a:pt x="57519" y="60700"/>
                  </a:cubicBezTo>
                  <a:cubicBezTo>
                    <a:pt x="57917" y="61306"/>
                    <a:pt x="58293" y="61892"/>
                    <a:pt x="58775" y="62457"/>
                  </a:cubicBezTo>
                  <a:cubicBezTo>
                    <a:pt x="59423" y="63210"/>
                    <a:pt x="59800" y="64152"/>
                    <a:pt x="60218" y="65031"/>
                  </a:cubicBezTo>
                  <a:cubicBezTo>
                    <a:pt x="60344" y="65324"/>
                    <a:pt x="60490" y="65638"/>
                    <a:pt x="60574" y="65951"/>
                  </a:cubicBezTo>
                  <a:cubicBezTo>
                    <a:pt x="60637" y="66119"/>
                    <a:pt x="60574" y="66286"/>
                    <a:pt x="60553" y="66475"/>
                  </a:cubicBezTo>
                  <a:cubicBezTo>
                    <a:pt x="60532" y="66600"/>
                    <a:pt x="60260" y="66684"/>
                    <a:pt x="60176" y="66579"/>
                  </a:cubicBezTo>
                  <a:cubicBezTo>
                    <a:pt x="60009" y="66370"/>
                    <a:pt x="59821" y="66182"/>
                    <a:pt x="59695" y="65951"/>
                  </a:cubicBezTo>
                  <a:cubicBezTo>
                    <a:pt x="59507" y="65659"/>
                    <a:pt x="59319" y="65428"/>
                    <a:pt x="58900" y="65407"/>
                  </a:cubicBezTo>
                  <a:cubicBezTo>
                    <a:pt x="58900" y="65533"/>
                    <a:pt x="58900" y="65617"/>
                    <a:pt x="58921" y="65700"/>
                  </a:cubicBezTo>
                  <a:cubicBezTo>
                    <a:pt x="59193" y="66286"/>
                    <a:pt x="59507" y="66872"/>
                    <a:pt x="59737" y="67479"/>
                  </a:cubicBezTo>
                  <a:cubicBezTo>
                    <a:pt x="59821" y="67688"/>
                    <a:pt x="59737" y="67939"/>
                    <a:pt x="59737" y="68232"/>
                  </a:cubicBezTo>
                  <a:cubicBezTo>
                    <a:pt x="59863" y="68337"/>
                    <a:pt x="60030" y="68462"/>
                    <a:pt x="60197" y="68588"/>
                  </a:cubicBezTo>
                  <a:cubicBezTo>
                    <a:pt x="60344" y="68734"/>
                    <a:pt x="60386" y="68881"/>
                    <a:pt x="60323" y="69069"/>
                  </a:cubicBezTo>
                  <a:cubicBezTo>
                    <a:pt x="60218" y="69257"/>
                    <a:pt x="60051" y="69320"/>
                    <a:pt x="59863" y="69299"/>
                  </a:cubicBezTo>
                  <a:cubicBezTo>
                    <a:pt x="59758" y="69278"/>
                    <a:pt x="59611" y="69257"/>
                    <a:pt x="59528" y="69174"/>
                  </a:cubicBezTo>
                  <a:cubicBezTo>
                    <a:pt x="58754" y="68358"/>
                    <a:pt x="57707" y="68148"/>
                    <a:pt x="56682" y="67897"/>
                  </a:cubicBezTo>
                  <a:cubicBezTo>
                    <a:pt x="55280" y="67542"/>
                    <a:pt x="53857" y="67291"/>
                    <a:pt x="52435" y="67019"/>
                  </a:cubicBezTo>
                  <a:cubicBezTo>
                    <a:pt x="51953" y="66914"/>
                    <a:pt x="51430" y="66893"/>
                    <a:pt x="50928" y="66893"/>
                  </a:cubicBezTo>
                  <a:cubicBezTo>
                    <a:pt x="50049" y="66893"/>
                    <a:pt x="49171" y="66809"/>
                    <a:pt x="48313" y="66684"/>
                  </a:cubicBezTo>
                  <a:cubicBezTo>
                    <a:pt x="47894" y="66642"/>
                    <a:pt x="47476" y="66600"/>
                    <a:pt x="47057" y="66600"/>
                  </a:cubicBezTo>
                  <a:cubicBezTo>
                    <a:pt x="43458" y="66579"/>
                    <a:pt x="39839" y="66558"/>
                    <a:pt x="36198" y="66558"/>
                  </a:cubicBezTo>
                  <a:cubicBezTo>
                    <a:pt x="35570" y="66558"/>
                    <a:pt x="34943" y="66705"/>
                    <a:pt x="34315" y="66767"/>
                  </a:cubicBezTo>
                  <a:cubicBezTo>
                    <a:pt x="34064" y="66788"/>
                    <a:pt x="33834" y="66914"/>
                    <a:pt x="33541" y="66809"/>
                  </a:cubicBezTo>
                  <a:cubicBezTo>
                    <a:pt x="33394" y="66767"/>
                    <a:pt x="33164" y="66977"/>
                    <a:pt x="32955" y="67102"/>
                  </a:cubicBezTo>
                  <a:cubicBezTo>
                    <a:pt x="32829" y="67060"/>
                    <a:pt x="32641" y="66998"/>
                    <a:pt x="32494" y="66914"/>
                  </a:cubicBezTo>
                  <a:cubicBezTo>
                    <a:pt x="31260" y="66391"/>
                    <a:pt x="29984" y="66140"/>
                    <a:pt x="28665" y="65910"/>
                  </a:cubicBezTo>
                  <a:cubicBezTo>
                    <a:pt x="27640" y="65721"/>
                    <a:pt x="26657" y="65554"/>
                    <a:pt x="25632" y="65449"/>
                  </a:cubicBezTo>
                  <a:cubicBezTo>
                    <a:pt x="24899" y="65387"/>
                    <a:pt x="24146" y="65303"/>
                    <a:pt x="23393" y="65303"/>
                  </a:cubicBezTo>
                  <a:cubicBezTo>
                    <a:pt x="20422" y="65282"/>
                    <a:pt x="17471" y="65282"/>
                    <a:pt x="14521" y="65282"/>
                  </a:cubicBezTo>
                  <a:cubicBezTo>
                    <a:pt x="13914" y="65282"/>
                    <a:pt x="13308" y="65387"/>
                    <a:pt x="12722" y="65428"/>
                  </a:cubicBezTo>
                  <a:cubicBezTo>
                    <a:pt x="12450" y="65449"/>
                    <a:pt x="12157" y="65533"/>
                    <a:pt x="11906" y="65512"/>
                  </a:cubicBezTo>
                  <a:cubicBezTo>
                    <a:pt x="10839" y="65428"/>
                    <a:pt x="9813" y="65617"/>
                    <a:pt x="8767" y="65763"/>
                  </a:cubicBezTo>
                  <a:cubicBezTo>
                    <a:pt x="7742" y="65910"/>
                    <a:pt x="6717" y="66035"/>
                    <a:pt x="5733" y="66161"/>
                  </a:cubicBezTo>
                  <a:cubicBezTo>
                    <a:pt x="5440" y="66182"/>
                    <a:pt x="5126" y="66244"/>
                    <a:pt x="4917" y="65910"/>
                  </a:cubicBezTo>
                  <a:cubicBezTo>
                    <a:pt x="5001" y="65826"/>
                    <a:pt x="5043" y="65742"/>
                    <a:pt x="5126" y="65721"/>
                  </a:cubicBezTo>
                  <a:cubicBezTo>
                    <a:pt x="6758" y="65407"/>
                    <a:pt x="8370" y="65094"/>
                    <a:pt x="10022" y="64801"/>
                  </a:cubicBezTo>
                  <a:cubicBezTo>
                    <a:pt x="10420" y="64717"/>
                    <a:pt x="10797" y="64717"/>
                    <a:pt x="11194" y="64696"/>
                  </a:cubicBezTo>
                  <a:cubicBezTo>
                    <a:pt x="11738" y="64654"/>
                    <a:pt x="12303" y="64654"/>
                    <a:pt x="12826" y="64550"/>
                  </a:cubicBezTo>
                  <a:cubicBezTo>
                    <a:pt x="13412" y="64445"/>
                    <a:pt x="14019" y="64382"/>
                    <a:pt x="14626" y="64382"/>
                  </a:cubicBezTo>
                  <a:cubicBezTo>
                    <a:pt x="17325" y="64382"/>
                    <a:pt x="19982" y="64403"/>
                    <a:pt x="22681" y="64361"/>
                  </a:cubicBezTo>
                  <a:cubicBezTo>
                    <a:pt x="24439" y="64340"/>
                    <a:pt x="26155" y="64571"/>
                    <a:pt x="27891" y="64822"/>
                  </a:cubicBezTo>
                  <a:cubicBezTo>
                    <a:pt x="29251" y="65031"/>
                    <a:pt x="30611" y="65324"/>
                    <a:pt x="31930" y="65700"/>
                  </a:cubicBezTo>
                  <a:cubicBezTo>
                    <a:pt x="32139" y="65742"/>
                    <a:pt x="32348" y="65826"/>
                    <a:pt x="32536" y="65533"/>
                  </a:cubicBezTo>
                  <a:cubicBezTo>
                    <a:pt x="32494" y="65282"/>
                    <a:pt x="32348" y="65010"/>
                    <a:pt x="32034" y="64905"/>
                  </a:cubicBezTo>
                  <a:cubicBezTo>
                    <a:pt x="31825" y="64822"/>
                    <a:pt x="31658" y="64780"/>
                    <a:pt x="31448" y="64717"/>
                  </a:cubicBezTo>
                  <a:cubicBezTo>
                    <a:pt x="29795" y="64236"/>
                    <a:pt x="28142" y="63817"/>
                    <a:pt x="26448" y="63503"/>
                  </a:cubicBezTo>
                  <a:cubicBezTo>
                    <a:pt x="25904" y="63399"/>
                    <a:pt x="25318" y="63294"/>
                    <a:pt x="24774" y="63190"/>
                  </a:cubicBezTo>
                  <a:cubicBezTo>
                    <a:pt x="24146" y="63085"/>
                    <a:pt x="23539" y="63001"/>
                    <a:pt x="22911" y="63127"/>
                  </a:cubicBezTo>
                  <a:cubicBezTo>
                    <a:pt x="21823" y="63336"/>
                    <a:pt x="20694" y="63148"/>
                    <a:pt x="19585" y="63043"/>
                  </a:cubicBezTo>
                  <a:cubicBezTo>
                    <a:pt x="18225" y="62918"/>
                    <a:pt x="16906" y="62918"/>
                    <a:pt x="15546" y="63190"/>
                  </a:cubicBezTo>
                  <a:cubicBezTo>
                    <a:pt x="15274" y="63231"/>
                    <a:pt x="14981" y="63294"/>
                    <a:pt x="14730" y="63252"/>
                  </a:cubicBezTo>
                  <a:cubicBezTo>
                    <a:pt x="13161" y="63190"/>
                    <a:pt x="11675" y="63545"/>
                    <a:pt x="10169" y="63880"/>
                  </a:cubicBezTo>
                  <a:cubicBezTo>
                    <a:pt x="8370" y="64340"/>
                    <a:pt x="6570" y="64801"/>
                    <a:pt x="4771" y="65282"/>
                  </a:cubicBezTo>
                  <a:cubicBezTo>
                    <a:pt x="4478" y="65345"/>
                    <a:pt x="4185" y="65449"/>
                    <a:pt x="3892" y="65554"/>
                  </a:cubicBezTo>
                  <a:cubicBezTo>
                    <a:pt x="3620" y="65659"/>
                    <a:pt x="3348" y="65805"/>
                    <a:pt x="3097" y="65910"/>
                  </a:cubicBezTo>
                  <a:cubicBezTo>
                    <a:pt x="2825" y="65742"/>
                    <a:pt x="2929" y="65554"/>
                    <a:pt x="3055" y="65449"/>
                  </a:cubicBezTo>
                  <a:cubicBezTo>
                    <a:pt x="3557" y="65073"/>
                    <a:pt x="4143" y="64780"/>
                    <a:pt x="4729" y="64633"/>
                  </a:cubicBezTo>
                  <a:cubicBezTo>
                    <a:pt x="5733" y="64361"/>
                    <a:pt x="6717" y="64131"/>
                    <a:pt x="7721" y="63859"/>
                  </a:cubicBezTo>
                  <a:cubicBezTo>
                    <a:pt x="8955" y="63545"/>
                    <a:pt x="10148" y="63210"/>
                    <a:pt x="11529" y="62855"/>
                  </a:cubicBezTo>
                  <a:cubicBezTo>
                    <a:pt x="11152" y="62855"/>
                    <a:pt x="10901" y="62813"/>
                    <a:pt x="10692" y="62855"/>
                  </a:cubicBezTo>
                  <a:cubicBezTo>
                    <a:pt x="10043" y="62959"/>
                    <a:pt x="9395" y="63085"/>
                    <a:pt x="8746" y="63169"/>
                  </a:cubicBezTo>
                  <a:cubicBezTo>
                    <a:pt x="7700" y="63315"/>
                    <a:pt x="6696" y="63629"/>
                    <a:pt x="5670" y="63943"/>
                  </a:cubicBezTo>
                  <a:cubicBezTo>
                    <a:pt x="5315" y="64047"/>
                    <a:pt x="4917" y="64173"/>
                    <a:pt x="4561" y="64236"/>
                  </a:cubicBezTo>
                  <a:cubicBezTo>
                    <a:pt x="3996" y="64340"/>
                    <a:pt x="3536" y="64529"/>
                    <a:pt x="3055" y="64801"/>
                  </a:cubicBezTo>
                  <a:cubicBezTo>
                    <a:pt x="2385" y="65177"/>
                    <a:pt x="1653" y="65470"/>
                    <a:pt x="921" y="65784"/>
                  </a:cubicBezTo>
                  <a:cubicBezTo>
                    <a:pt x="628" y="65910"/>
                    <a:pt x="377" y="65847"/>
                    <a:pt x="188" y="65617"/>
                  </a:cubicBezTo>
                  <a:cubicBezTo>
                    <a:pt x="0" y="65407"/>
                    <a:pt x="0" y="65073"/>
                    <a:pt x="209" y="64780"/>
                  </a:cubicBezTo>
                  <a:cubicBezTo>
                    <a:pt x="335" y="64591"/>
                    <a:pt x="523" y="64424"/>
                    <a:pt x="691" y="64236"/>
                  </a:cubicBezTo>
                  <a:cubicBezTo>
                    <a:pt x="1004" y="63838"/>
                    <a:pt x="1318" y="63420"/>
                    <a:pt x="1381" y="62897"/>
                  </a:cubicBezTo>
                  <a:cubicBezTo>
                    <a:pt x="1444" y="62625"/>
                    <a:pt x="1590" y="62394"/>
                    <a:pt x="1737" y="62164"/>
                  </a:cubicBezTo>
                  <a:cubicBezTo>
                    <a:pt x="2051" y="61620"/>
                    <a:pt x="2406" y="61097"/>
                    <a:pt x="2720" y="60532"/>
                  </a:cubicBezTo>
                  <a:cubicBezTo>
                    <a:pt x="2992" y="60093"/>
                    <a:pt x="3243" y="59674"/>
                    <a:pt x="3641" y="59319"/>
                  </a:cubicBezTo>
                  <a:cubicBezTo>
                    <a:pt x="3996" y="58942"/>
                    <a:pt x="4289" y="58524"/>
                    <a:pt x="4394" y="57980"/>
                  </a:cubicBezTo>
                  <a:cubicBezTo>
                    <a:pt x="4310" y="57959"/>
                    <a:pt x="4248" y="57896"/>
                    <a:pt x="4164" y="57896"/>
                  </a:cubicBezTo>
                  <a:cubicBezTo>
                    <a:pt x="4080" y="57875"/>
                    <a:pt x="3996" y="57854"/>
                    <a:pt x="3850" y="57812"/>
                  </a:cubicBezTo>
                  <a:cubicBezTo>
                    <a:pt x="3955" y="57666"/>
                    <a:pt x="3976" y="57498"/>
                    <a:pt x="4080" y="57436"/>
                  </a:cubicBezTo>
                  <a:cubicBezTo>
                    <a:pt x="4499" y="57143"/>
                    <a:pt x="4938" y="56850"/>
                    <a:pt x="5398" y="56620"/>
                  </a:cubicBezTo>
                  <a:cubicBezTo>
                    <a:pt x="5838" y="56389"/>
                    <a:pt x="6298" y="56138"/>
                    <a:pt x="6779" y="55971"/>
                  </a:cubicBezTo>
                  <a:cubicBezTo>
                    <a:pt x="7386" y="55762"/>
                    <a:pt x="7972" y="55552"/>
                    <a:pt x="8579" y="55406"/>
                  </a:cubicBezTo>
                  <a:cubicBezTo>
                    <a:pt x="9813" y="55155"/>
                    <a:pt x="11069" y="54925"/>
                    <a:pt x="12303" y="54674"/>
                  </a:cubicBezTo>
                  <a:cubicBezTo>
                    <a:pt x="12617" y="54632"/>
                    <a:pt x="12952" y="54632"/>
                    <a:pt x="13287" y="54632"/>
                  </a:cubicBezTo>
                  <a:cubicBezTo>
                    <a:pt x="13810" y="54695"/>
                    <a:pt x="14186" y="54715"/>
                    <a:pt x="14626" y="54715"/>
                  </a:cubicBezTo>
                  <a:close/>
                  <a:moveTo>
                    <a:pt x="40655" y="64047"/>
                  </a:moveTo>
                  <a:cubicBezTo>
                    <a:pt x="40948" y="63838"/>
                    <a:pt x="41282" y="63922"/>
                    <a:pt x="41617" y="63922"/>
                  </a:cubicBezTo>
                  <a:cubicBezTo>
                    <a:pt x="44400" y="63859"/>
                    <a:pt x="47141" y="64215"/>
                    <a:pt x="49903" y="64382"/>
                  </a:cubicBezTo>
                  <a:cubicBezTo>
                    <a:pt x="50384" y="64424"/>
                    <a:pt x="50886" y="64487"/>
                    <a:pt x="51347" y="64571"/>
                  </a:cubicBezTo>
                  <a:cubicBezTo>
                    <a:pt x="53146" y="64843"/>
                    <a:pt x="54925" y="65303"/>
                    <a:pt x="56682" y="65847"/>
                  </a:cubicBezTo>
                  <a:cubicBezTo>
                    <a:pt x="56870" y="65910"/>
                    <a:pt x="57059" y="66035"/>
                    <a:pt x="57205" y="66161"/>
                  </a:cubicBezTo>
                  <a:cubicBezTo>
                    <a:pt x="57331" y="66286"/>
                    <a:pt x="57394" y="66495"/>
                    <a:pt x="57268" y="66663"/>
                  </a:cubicBezTo>
                  <a:cubicBezTo>
                    <a:pt x="57184" y="66747"/>
                    <a:pt x="56975" y="66809"/>
                    <a:pt x="56870" y="66788"/>
                  </a:cubicBezTo>
                  <a:cubicBezTo>
                    <a:pt x="56347" y="66663"/>
                    <a:pt x="55845" y="66475"/>
                    <a:pt x="55322" y="66349"/>
                  </a:cubicBezTo>
                  <a:cubicBezTo>
                    <a:pt x="53146" y="65805"/>
                    <a:pt x="50991" y="65324"/>
                    <a:pt x="48752" y="65219"/>
                  </a:cubicBezTo>
                  <a:cubicBezTo>
                    <a:pt x="47497" y="65177"/>
                    <a:pt x="46241" y="65031"/>
                    <a:pt x="44965" y="64926"/>
                  </a:cubicBezTo>
                  <a:cubicBezTo>
                    <a:pt x="43354" y="64822"/>
                    <a:pt x="41722" y="64696"/>
                    <a:pt x="40111" y="65010"/>
                  </a:cubicBezTo>
                  <a:cubicBezTo>
                    <a:pt x="39839" y="65073"/>
                    <a:pt x="39546" y="65073"/>
                    <a:pt x="39295" y="65073"/>
                  </a:cubicBezTo>
                  <a:cubicBezTo>
                    <a:pt x="37704" y="64989"/>
                    <a:pt x="36198" y="65449"/>
                    <a:pt x="34691" y="65826"/>
                  </a:cubicBezTo>
                  <a:cubicBezTo>
                    <a:pt x="34524" y="65847"/>
                    <a:pt x="34399" y="65972"/>
                    <a:pt x="34168" y="66119"/>
                  </a:cubicBezTo>
                  <a:cubicBezTo>
                    <a:pt x="34378" y="66223"/>
                    <a:pt x="34482" y="66286"/>
                    <a:pt x="34587" y="66286"/>
                  </a:cubicBezTo>
                  <a:cubicBezTo>
                    <a:pt x="34817" y="66265"/>
                    <a:pt x="35047" y="66244"/>
                    <a:pt x="35298" y="66140"/>
                  </a:cubicBezTo>
                  <a:cubicBezTo>
                    <a:pt x="35675" y="65972"/>
                    <a:pt x="36093" y="65931"/>
                    <a:pt x="36512" y="65931"/>
                  </a:cubicBezTo>
                  <a:cubicBezTo>
                    <a:pt x="39943" y="65910"/>
                    <a:pt x="43375" y="65847"/>
                    <a:pt x="46827" y="65826"/>
                  </a:cubicBezTo>
                  <a:cubicBezTo>
                    <a:pt x="47497" y="65826"/>
                    <a:pt x="48208" y="65847"/>
                    <a:pt x="48899" y="65951"/>
                  </a:cubicBezTo>
                  <a:cubicBezTo>
                    <a:pt x="49756" y="66077"/>
                    <a:pt x="50614" y="66140"/>
                    <a:pt x="51514" y="66119"/>
                  </a:cubicBezTo>
                  <a:cubicBezTo>
                    <a:pt x="51744" y="66119"/>
                    <a:pt x="51995" y="66119"/>
                    <a:pt x="52246" y="66140"/>
                  </a:cubicBezTo>
                  <a:cubicBezTo>
                    <a:pt x="54297" y="66495"/>
                    <a:pt x="56389" y="66851"/>
                    <a:pt x="58377" y="67521"/>
                  </a:cubicBezTo>
                  <a:cubicBezTo>
                    <a:pt x="58565" y="67584"/>
                    <a:pt x="58775" y="67625"/>
                    <a:pt x="59047" y="67709"/>
                  </a:cubicBezTo>
                  <a:cubicBezTo>
                    <a:pt x="58879" y="66747"/>
                    <a:pt x="58335" y="65972"/>
                    <a:pt x="58168" y="65094"/>
                  </a:cubicBezTo>
                  <a:cubicBezTo>
                    <a:pt x="56954" y="64717"/>
                    <a:pt x="55824" y="64194"/>
                    <a:pt x="54590" y="64068"/>
                  </a:cubicBezTo>
                  <a:cubicBezTo>
                    <a:pt x="53627" y="63964"/>
                    <a:pt x="52686" y="63838"/>
                    <a:pt x="51744" y="63671"/>
                  </a:cubicBezTo>
                  <a:cubicBezTo>
                    <a:pt x="50531" y="63503"/>
                    <a:pt x="49359" y="63399"/>
                    <a:pt x="48166" y="63420"/>
                  </a:cubicBezTo>
                  <a:cubicBezTo>
                    <a:pt x="47015" y="63441"/>
                    <a:pt x="45886" y="63420"/>
                    <a:pt x="44735" y="63420"/>
                  </a:cubicBezTo>
                  <a:cubicBezTo>
                    <a:pt x="44044" y="63420"/>
                    <a:pt x="43354" y="63420"/>
                    <a:pt x="42663" y="63545"/>
                  </a:cubicBezTo>
                  <a:cubicBezTo>
                    <a:pt x="42098" y="63671"/>
                    <a:pt x="41492" y="63734"/>
                    <a:pt x="40885" y="63838"/>
                  </a:cubicBezTo>
                  <a:cubicBezTo>
                    <a:pt x="40759" y="63901"/>
                    <a:pt x="40697" y="63964"/>
                    <a:pt x="40655" y="64047"/>
                  </a:cubicBezTo>
                  <a:cubicBezTo>
                    <a:pt x="40425" y="63943"/>
                    <a:pt x="40152" y="63880"/>
                    <a:pt x="39755" y="64047"/>
                  </a:cubicBezTo>
                  <a:close/>
                  <a:moveTo>
                    <a:pt x="50217" y="18706"/>
                  </a:moveTo>
                  <a:cubicBezTo>
                    <a:pt x="50468" y="19083"/>
                    <a:pt x="50300" y="19376"/>
                    <a:pt x="50175" y="19606"/>
                  </a:cubicBezTo>
                  <a:cubicBezTo>
                    <a:pt x="49861" y="20296"/>
                    <a:pt x="49777" y="21008"/>
                    <a:pt x="49840" y="21740"/>
                  </a:cubicBezTo>
                  <a:cubicBezTo>
                    <a:pt x="49861" y="21970"/>
                    <a:pt x="49861" y="22200"/>
                    <a:pt x="49861" y="22472"/>
                  </a:cubicBezTo>
                  <a:cubicBezTo>
                    <a:pt x="49798" y="23665"/>
                    <a:pt x="50259" y="24690"/>
                    <a:pt x="50949" y="25632"/>
                  </a:cubicBezTo>
                  <a:cubicBezTo>
                    <a:pt x="51368" y="26176"/>
                    <a:pt x="51870" y="26280"/>
                    <a:pt x="52456" y="26134"/>
                  </a:cubicBezTo>
                  <a:cubicBezTo>
                    <a:pt x="52686" y="26071"/>
                    <a:pt x="52895" y="25946"/>
                    <a:pt x="53083" y="25778"/>
                  </a:cubicBezTo>
                  <a:cubicBezTo>
                    <a:pt x="53313" y="25632"/>
                    <a:pt x="53523" y="25402"/>
                    <a:pt x="53774" y="25234"/>
                  </a:cubicBezTo>
                  <a:cubicBezTo>
                    <a:pt x="54129" y="25025"/>
                    <a:pt x="54360" y="24711"/>
                    <a:pt x="54611" y="24418"/>
                  </a:cubicBezTo>
                  <a:cubicBezTo>
                    <a:pt x="54820" y="24188"/>
                    <a:pt x="54904" y="23937"/>
                    <a:pt x="54904" y="23581"/>
                  </a:cubicBezTo>
                  <a:lnTo>
                    <a:pt x="54904" y="22326"/>
                  </a:lnTo>
                  <a:cubicBezTo>
                    <a:pt x="54904" y="22158"/>
                    <a:pt x="54925" y="21970"/>
                    <a:pt x="54987" y="21803"/>
                  </a:cubicBezTo>
                  <a:cubicBezTo>
                    <a:pt x="55029" y="21635"/>
                    <a:pt x="55197" y="21489"/>
                    <a:pt x="55406" y="21552"/>
                  </a:cubicBezTo>
                  <a:cubicBezTo>
                    <a:pt x="55531" y="21593"/>
                    <a:pt x="55657" y="21698"/>
                    <a:pt x="55720" y="21844"/>
                  </a:cubicBezTo>
                  <a:cubicBezTo>
                    <a:pt x="55762" y="21970"/>
                    <a:pt x="55762" y="22117"/>
                    <a:pt x="55762" y="22284"/>
                  </a:cubicBezTo>
                  <a:lnTo>
                    <a:pt x="55762" y="23456"/>
                  </a:lnTo>
                  <a:cubicBezTo>
                    <a:pt x="55803" y="24188"/>
                    <a:pt x="56034" y="24795"/>
                    <a:pt x="56640" y="25234"/>
                  </a:cubicBezTo>
                  <a:cubicBezTo>
                    <a:pt x="57226" y="25674"/>
                    <a:pt x="57854" y="26134"/>
                    <a:pt x="58586" y="26301"/>
                  </a:cubicBezTo>
                  <a:cubicBezTo>
                    <a:pt x="58984" y="26406"/>
                    <a:pt x="59319" y="26364"/>
                    <a:pt x="59570" y="26029"/>
                  </a:cubicBezTo>
                  <a:cubicBezTo>
                    <a:pt x="59904" y="25506"/>
                    <a:pt x="60260" y="24983"/>
                    <a:pt x="60155" y="24293"/>
                  </a:cubicBezTo>
                  <a:cubicBezTo>
                    <a:pt x="60135" y="24083"/>
                    <a:pt x="60197" y="23790"/>
                    <a:pt x="60323" y="23623"/>
                  </a:cubicBezTo>
                  <a:cubicBezTo>
                    <a:pt x="60469" y="23414"/>
                    <a:pt x="60469" y="23163"/>
                    <a:pt x="60511" y="22933"/>
                  </a:cubicBezTo>
                  <a:cubicBezTo>
                    <a:pt x="60532" y="22619"/>
                    <a:pt x="60427" y="22326"/>
                    <a:pt x="60302" y="22075"/>
                  </a:cubicBezTo>
                  <a:cubicBezTo>
                    <a:pt x="60155" y="21761"/>
                    <a:pt x="60051" y="21447"/>
                    <a:pt x="59925" y="21154"/>
                  </a:cubicBezTo>
                  <a:cubicBezTo>
                    <a:pt x="59821" y="20861"/>
                    <a:pt x="59695" y="20547"/>
                    <a:pt x="59591" y="20212"/>
                  </a:cubicBezTo>
                  <a:cubicBezTo>
                    <a:pt x="59925" y="20129"/>
                    <a:pt x="60135" y="20275"/>
                    <a:pt x="60302" y="20401"/>
                  </a:cubicBezTo>
                  <a:cubicBezTo>
                    <a:pt x="60951" y="21028"/>
                    <a:pt x="61474" y="21761"/>
                    <a:pt x="61557" y="22723"/>
                  </a:cubicBezTo>
                  <a:cubicBezTo>
                    <a:pt x="61578" y="22995"/>
                    <a:pt x="61474" y="23267"/>
                    <a:pt x="61704" y="23539"/>
                  </a:cubicBezTo>
                  <a:cubicBezTo>
                    <a:pt x="62415" y="23665"/>
                    <a:pt x="63043" y="23351"/>
                    <a:pt x="63671" y="23058"/>
                  </a:cubicBezTo>
                  <a:cubicBezTo>
                    <a:pt x="64110" y="22891"/>
                    <a:pt x="64215" y="22368"/>
                    <a:pt x="64005" y="21907"/>
                  </a:cubicBezTo>
                  <a:cubicBezTo>
                    <a:pt x="63817" y="21489"/>
                    <a:pt x="63650" y="21070"/>
                    <a:pt x="63461" y="20694"/>
                  </a:cubicBezTo>
                  <a:cubicBezTo>
                    <a:pt x="63378" y="20526"/>
                    <a:pt x="63294" y="20338"/>
                    <a:pt x="63168" y="20233"/>
                  </a:cubicBezTo>
                  <a:cubicBezTo>
                    <a:pt x="62813" y="19899"/>
                    <a:pt x="62604" y="19459"/>
                    <a:pt x="62415" y="19041"/>
                  </a:cubicBezTo>
                  <a:cubicBezTo>
                    <a:pt x="62018" y="18183"/>
                    <a:pt x="62122" y="17764"/>
                    <a:pt x="62980" y="17388"/>
                  </a:cubicBezTo>
                  <a:cubicBezTo>
                    <a:pt x="63692" y="17074"/>
                    <a:pt x="63922" y="16614"/>
                    <a:pt x="63859" y="15902"/>
                  </a:cubicBezTo>
                  <a:cubicBezTo>
                    <a:pt x="63817" y="15735"/>
                    <a:pt x="63817" y="15609"/>
                    <a:pt x="63817" y="15463"/>
                  </a:cubicBezTo>
                  <a:cubicBezTo>
                    <a:pt x="63692" y="14333"/>
                    <a:pt x="63357" y="13935"/>
                    <a:pt x="62227" y="13684"/>
                  </a:cubicBezTo>
                  <a:cubicBezTo>
                    <a:pt x="62018" y="13622"/>
                    <a:pt x="61808" y="13601"/>
                    <a:pt x="61599" y="13601"/>
                  </a:cubicBezTo>
                  <a:cubicBezTo>
                    <a:pt x="60888" y="13580"/>
                    <a:pt x="60218" y="13622"/>
                    <a:pt x="59528" y="13810"/>
                  </a:cubicBezTo>
                  <a:cubicBezTo>
                    <a:pt x="59256" y="13894"/>
                    <a:pt x="58942" y="13894"/>
                    <a:pt x="58649" y="13852"/>
                  </a:cubicBezTo>
                  <a:cubicBezTo>
                    <a:pt x="58440" y="13852"/>
                    <a:pt x="58231" y="13642"/>
                    <a:pt x="58231" y="13475"/>
                  </a:cubicBezTo>
                  <a:cubicBezTo>
                    <a:pt x="58231" y="13287"/>
                    <a:pt x="58377" y="13078"/>
                    <a:pt x="58628" y="13015"/>
                  </a:cubicBezTo>
                  <a:cubicBezTo>
                    <a:pt x="58775" y="12994"/>
                    <a:pt x="58900" y="12994"/>
                    <a:pt x="59067" y="12973"/>
                  </a:cubicBezTo>
                  <a:cubicBezTo>
                    <a:pt x="59214" y="12952"/>
                    <a:pt x="59381" y="12952"/>
                    <a:pt x="59507" y="12868"/>
                  </a:cubicBezTo>
                  <a:cubicBezTo>
                    <a:pt x="60051" y="12575"/>
                    <a:pt x="60616" y="12261"/>
                    <a:pt x="61160" y="11927"/>
                  </a:cubicBezTo>
                  <a:cubicBezTo>
                    <a:pt x="61306" y="11843"/>
                    <a:pt x="61411" y="11697"/>
                    <a:pt x="61516" y="11529"/>
                  </a:cubicBezTo>
                  <a:cubicBezTo>
                    <a:pt x="61829" y="11090"/>
                    <a:pt x="61871" y="10462"/>
                    <a:pt x="61516" y="10023"/>
                  </a:cubicBezTo>
                  <a:cubicBezTo>
                    <a:pt x="61285" y="9667"/>
                    <a:pt x="61034" y="9332"/>
                    <a:pt x="60720" y="9039"/>
                  </a:cubicBezTo>
                  <a:cubicBezTo>
                    <a:pt x="60051" y="8412"/>
                    <a:pt x="59298" y="8035"/>
                    <a:pt x="58356" y="8077"/>
                  </a:cubicBezTo>
                  <a:cubicBezTo>
                    <a:pt x="57833" y="8098"/>
                    <a:pt x="57331" y="8056"/>
                    <a:pt x="56808" y="8077"/>
                  </a:cubicBezTo>
                  <a:cubicBezTo>
                    <a:pt x="55908" y="8160"/>
                    <a:pt x="55071" y="8412"/>
                    <a:pt x="54381" y="9081"/>
                  </a:cubicBezTo>
                  <a:cubicBezTo>
                    <a:pt x="54234" y="9207"/>
                    <a:pt x="54067" y="9353"/>
                    <a:pt x="53878" y="9458"/>
                  </a:cubicBezTo>
                  <a:cubicBezTo>
                    <a:pt x="53711" y="9562"/>
                    <a:pt x="53523" y="9500"/>
                    <a:pt x="53418" y="9332"/>
                  </a:cubicBezTo>
                  <a:cubicBezTo>
                    <a:pt x="53334" y="9228"/>
                    <a:pt x="53293" y="9039"/>
                    <a:pt x="53313" y="8914"/>
                  </a:cubicBezTo>
                  <a:cubicBezTo>
                    <a:pt x="53334" y="8788"/>
                    <a:pt x="53439" y="8663"/>
                    <a:pt x="53544" y="8558"/>
                  </a:cubicBezTo>
                  <a:cubicBezTo>
                    <a:pt x="53774" y="8307"/>
                    <a:pt x="54025" y="8077"/>
                    <a:pt x="54234" y="7847"/>
                  </a:cubicBezTo>
                  <a:cubicBezTo>
                    <a:pt x="54485" y="7533"/>
                    <a:pt x="54757" y="7156"/>
                    <a:pt x="54715" y="6717"/>
                  </a:cubicBezTo>
                  <a:cubicBezTo>
                    <a:pt x="54673" y="5566"/>
                    <a:pt x="53711" y="4687"/>
                    <a:pt x="52707" y="4687"/>
                  </a:cubicBezTo>
                  <a:lnTo>
                    <a:pt x="51347" y="4687"/>
                  </a:lnTo>
                  <a:cubicBezTo>
                    <a:pt x="50740" y="4645"/>
                    <a:pt x="50217" y="4834"/>
                    <a:pt x="49756" y="5168"/>
                  </a:cubicBezTo>
                  <a:cubicBezTo>
                    <a:pt x="49171" y="5629"/>
                    <a:pt x="48606" y="6068"/>
                    <a:pt x="48062" y="6507"/>
                  </a:cubicBezTo>
                  <a:cubicBezTo>
                    <a:pt x="47915" y="6612"/>
                    <a:pt x="47811" y="6717"/>
                    <a:pt x="47685" y="6779"/>
                  </a:cubicBezTo>
                  <a:cubicBezTo>
                    <a:pt x="47497" y="6842"/>
                    <a:pt x="47329" y="6821"/>
                    <a:pt x="47183" y="6696"/>
                  </a:cubicBezTo>
                  <a:cubicBezTo>
                    <a:pt x="47057" y="6570"/>
                    <a:pt x="46953" y="6382"/>
                    <a:pt x="47057" y="6194"/>
                  </a:cubicBezTo>
                  <a:cubicBezTo>
                    <a:pt x="47371" y="5691"/>
                    <a:pt x="47267" y="5147"/>
                    <a:pt x="47287" y="4624"/>
                  </a:cubicBezTo>
                  <a:cubicBezTo>
                    <a:pt x="47350" y="3536"/>
                    <a:pt x="46827" y="2720"/>
                    <a:pt x="46032" y="2072"/>
                  </a:cubicBezTo>
                  <a:cubicBezTo>
                    <a:pt x="45718" y="1821"/>
                    <a:pt x="45383" y="1611"/>
                    <a:pt x="45070" y="1402"/>
                  </a:cubicBezTo>
                  <a:cubicBezTo>
                    <a:pt x="44777" y="1193"/>
                    <a:pt x="44505" y="1130"/>
                    <a:pt x="44128" y="1130"/>
                  </a:cubicBezTo>
                  <a:cubicBezTo>
                    <a:pt x="43584" y="1130"/>
                    <a:pt x="43061" y="1151"/>
                    <a:pt x="42517" y="1130"/>
                  </a:cubicBezTo>
                  <a:cubicBezTo>
                    <a:pt x="41575" y="1067"/>
                    <a:pt x="40801" y="1444"/>
                    <a:pt x="40152" y="2093"/>
                  </a:cubicBezTo>
                  <a:lnTo>
                    <a:pt x="39127" y="3118"/>
                  </a:lnTo>
                  <a:cubicBezTo>
                    <a:pt x="38709" y="3536"/>
                    <a:pt x="38374" y="3976"/>
                    <a:pt x="38228" y="4541"/>
                  </a:cubicBezTo>
                  <a:cubicBezTo>
                    <a:pt x="38123" y="4938"/>
                    <a:pt x="37851" y="5231"/>
                    <a:pt x="37537" y="5482"/>
                  </a:cubicBezTo>
                  <a:cubicBezTo>
                    <a:pt x="37223" y="5754"/>
                    <a:pt x="36930" y="5733"/>
                    <a:pt x="36679" y="5399"/>
                  </a:cubicBezTo>
                  <a:cubicBezTo>
                    <a:pt x="36575" y="5294"/>
                    <a:pt x="36491" y="5147"/>
                    <a:pt x="36470" y="5022"/>
                  </a:cubicBezTo>
                  <a:cubicBezTo>
                    <a:pt x="36093" y="3871"/>
                    <a:pt x="35424" y="2846"/>
                    <a:pt x="34712" y="1883"/>
                  </a:cubicBezTo>
                  <a:cubicBezTo>
                    <a:pt x="34482" y="1570"/>
                    <a:pt x="34189" y="1298"/>
                    <a:pt x="33896" y="1046"/>
                  </a:cubicBezTo>
                  <a:cubicBezTo>
                    <a:pt x="33645" y="816"/>
                    <a:pt x="33331" y="774"/>
                    <a:pt x="32997" y="921"/>
                  </a:cubicBezTo>
                  <a:cubicBezTo>
                    <a:pt x="32076" y="1256"/>
                    <a:pt x="31448" y="2134"/>
                    <a:pt x="31574" y="2971"/>
                  </a:cubicBezTo>
                  <a:cubicBezTo>
                    <a:pt x="31595" y="3181"/>
                    <a:pt x="31574" y="3390"/>
                    <a:pt x="31574" y="3599"/>
                  </a:cubicBezTo>
                  <a:cubicBezTo>
                    <a:pt x="31574" y="3871"/>
                    <a:pt x="31595" y="4080"/>
                    <a:pt x="31762" y="4290"/>
                  </a:cubicBezTo>
                  <a:cubicBezTo>
                    <a:pt x="31909" y="4520"/>
                    <a:pt x="32013" y="4792"/>
                    <a:pt x="32181" y="4959"/>
                  </a:cubicBezTo>
                  <a:cubicBezTo>
                    <a:pt x="32369" y="5168"/>
                    <a:pt x="32620" y="5357"/>
                    <a:pt x="32850" y="5566"/>
                  </a:cubicBezTo>
                  <a:cubicBezTo>
                    <a:pt x="32746" y="5650"/>
                    <a:pt x="32641" y="5733"/>
                    <a:pt x="32515" y="5796"/>
                  </a:cubicBezTo>
                  <a:cubicBezTo>
                    <a:pt x="32202" y="5336"/>
                    <a:pt x="31783" y="5106"/>
                    <a:pt x="31281" y="4938"/>
                  </a:cubicBezTo>
                  <a:cubicBezTo>
                    <a:pt x="31218" y="4917"/>
                    <a:pt x="31134" y="4834"/>
                    <a:pt x="31072" y="4792"/>
                  </a:cubicBezTo>
                  <a:cubicBezTo>
                    <a:pt x="30611" y="4331"/>
                    <a:pt x="29963" y="4227"/>
                    <a:pt x="29440" y="3871"/>
                  </a:cubicBezTo>
                  <a:cubicBezTo>
                    <a:pt x="29335" y="3808"/>
                    <a:pt x="29189" y="3787"/>
                    <a:pt x="29084" y="3787"/>
                  </a:cubicBezTo>
                  <a:cubicBezTo>
                    <a:pt x="28393" y="3746"/>
                    <a:pt x="27703" y="3766"/>
                    <a:pt x="27159" y="4331"/>
                  </a:cubicBezTo>
                  <a:cubicBezTo>
                    <a:pt x="27054" y="4436"/>
                    <a:pt x="26929" y="4541"/>
                    <a:pt x="26824" y="4624"/>
                  </a:cubicBezTo>
                  <a:cubicBezTo>
                    <a:pt x="26301" y="4959"/>
                    <a:pt x="26029" y="5482"/>
                    <a:pt x="25945" y="6068"/>
                  </a:cubicBezTo>
                  <a:cubicBezTo>
                    <a:pt x="25841" y="6968"/>
                    <a:pt x="25715" y="7951"/>
                    <a:pt x="26510" y="8684"/>
                  </a:cubicBezTo>
                  <a:cubicBezTo>
                    <a:pt x="26573" y="8767"/>
                    <a:pt x="26657" y="8851"/>
                    <a:pt x="26678" y="8997"/>
                  </a:cubicBezTo>
                  <a:cubicBezTo>
                    <a:pt x="26866" y="9353"/>
                    <a:pt x="27159" y="9520"/>
                    <a:pt x="27556" y="9520"/>
                  </a:cubicBezTo>
                  <a:cubicBezTo>
                    <a:pt x="28331" y="9541"/>
                    <a:pt x="29084" y="9562"/>
                    <a:pt x="29858" y="9625"/>
                  </a:cubicBezTo>
                  <a:cubicBezTo>
                    <a:pt x="30005" y="9876"/>
                    <a:pt x="29921" y="10065"/>
                    <a:pt x="29670" y="10127"/>
                  </a:cubicBezTo>
                  <a:cubicBezTo>
                    <a:pt x="29272" y="10190"/>
                    <a:pt x="28917" y="10253"/>
                    <a:pt x="28519" y="10253"/>
                  </a:cubicBezTo>
                  <a:cubicBezTo>
                    <a:pt x="27556" y="10295"/>
                    <a:pt x="26615" y="10504"/>
                    <a:pt x="25778" y="11006"/>
                  </a:cubicBezTo>
                  <a:cubicBezTo>
                    <a:pt x="24774" y="11592"/>
                    <a:pt x="23853" y="12241"/>
                    <a:pt x="23225" y="13266"/>
                  </a:cubicBezTo>
                  <a:cubicBezTo>
                    <a:pt x="23058" y="13559"/>
                    <a:pt x="22953" y="13831"/>
                    <a:pt x="22953" y="14166"/>
                  </a:cubicBezTo>
                  <a:cubicBezTo>
                    <a:pt x="22974" y="14605"/>
                    <a:pt x="23100" y="14793"/>
                    <a:pt x="23518" y="14835"/>
                  </a:cubicBezTo>
                  <a:cubicBezTo>
                    <a:pt x="24062" y="14856"/>
                    <a:pt x="24585" y="14835"/>
                    <a:pt x="25150" y="14856"/>
                  </a:cubicBezTo>
                  <a:cubicBezTo>
                    <a:pt x="25632" y="14877"/>
                    <a:pt x="26050" y="14730"/>
                    <a:pt x="26510" y="14479"/>
                  </a:cubicBezTo>
                  <a:cubicBezTo>
                    <a:pt x="27975" y="13705"/>
                    <a:pt x="29461" y="12973"/>
                    <a:pt x="30925" y="12241"/>
                  </a:cubicBezTo>
                  <a:cubicBezTo>
                    <a:pt x="31134" y="12136"/>
                    <a:pt x="31365" y="12052"/>
                    <a:pt x="31595" y="11989"/>
                  </a:cubicBezTo>
                  <a:cubicBezTo>
                    <a:pt x="31846" y="11948"/>
                    <a:pt x="32097" y="12241"/>
                    <a:pt x="32013" y="12450"/>
                  </a:cubicBezTo>
                  <a:cubicBezTo>
                    <a:pt x="31909" y="12722"/>
                    <a:pt x="31846" y="13036"/>
                    <a:pt x="31637" y="13224"/>
                  </a:cubicBezTo>
                  <a:cubicBezTo>
                    <a:pt x="30967" y="13914"/>
                    <a:pt x="30549" y="14751"/>
                    <a:pt x="30005" y="15505"/>
                  </a:cubicBezTo>
                  <a:cubicBezTo>
                    <a:pt x="29544" y="16153"/>
                    <a:pt x="29398" y="16865"/>
                    <a:pt x="29461" y="17639"/>
                  </a:cubicBezTo>
                  <a:cubicBezTo>
                    <a:pt x="29481" y="18120"/>
                    <a:pt x="29670" y="18308"/>
                    <a:pt x="30109" y="18350"/>
                  </a:cubicBezTo>
                  <a:cubicBezTo>
                    <a:pt x="30590" y="18413"/>
                    <a:pt x="31051" y="18371"/>
                    <a:pt x="31490" y="18120"/>
                  </a:cubicBezTo>
                  <a:cubicBezTo>
                    <a:pt x="32411" y="17597"/>
                    <a:pt x="33269" y="17011"/>
                    <a:pt x="34085" y="16321"/>
                  </a:cubicBezTo>
                  <a:cubicBezTo>
                    <a:pt x="34315" y="16111"/>
                    <a:pt x="34503" y="15860"/>
                    <a:pt x="34775" y="15714"/>
                  </a:cubicBezTo>
                  <a:cubicBezTo>
                    <a:pt x="35403" y="15337"/>
                    <a:pt x="35884" y="14814"/>
                    <a:pt x="36407" y="14333"/>
                  </a:cubicBezTo>
                  <a:cubicBezTo>
                    <a:pt x="36575" y="14166"/>
                    <a:pt x="36721" y="14040"/>
                    <a:pt x="36909" y="13935"/>
                  </a:cubicBezTo>
                  <a:cubicBezTo>
                    <a:pt x="37077" y="13831"/>
                    <a:pt x="37391" y="13935"/>
                    <a:pt x="37432" y="14145"/>
                  </a:cubicBezTo>
                  <a:cubicBezTo>
                    <a:pt x="37495" y="14270"/>
                    <a:pt x="37516" y="14438"/>
                    <a:pt x="37495" y="14584"/>
                  </a:cubicBezTo>
                  <a:cubicBezTo>
                    <a:pt x="37432" y="14982"/>
                    <a:pt x="37349" y="15337"/>
                    <a:pt x="37244" y="15735"/>
                  </a:cubicBezTo>
                  <a:cubicBezTo>
                    <a:pt x="37014" y="16572"/>
                    <a:pt x="36972" y="17932"/>
                    <a:pt x="37181" y="18873"/>
                  </a:cubicBezTo>
                  <a:cubicBezTo>
                    <a:pt x="37307" y="18957"/>
                    <a:pt x="37453" y="19062"/>
                    <a:pt x="37642" y="19104"/>
                  </a:cubicBezTo>
                  <a:cubicBezTo>
                    <a:pt x="38060" y="19187"/>
                    <a:pt x="38500" y="19292"/>
                    <a:pt x="38876" y="19062"/>
                  </a:cubicBezTo>
                  <a:cubicBezTo>
                    <a:pt x="39441" y="18664"/>
                    <a:pt x="40006" y="18246"/>
                    <a:pt x="40487" y="17785"/>
                  </a:cubicBezTo>
                  <a:cubicBezTo>
                    <a:pt x="41010" y="17262"/>
                    <a:pt x="41680" y="16948"/>
                    <a:pt x="42203" y="16467"/>
                  </a:cubicBezTo>
                  <a:cubicBezTo>
                    <a:pt x="42475" y="16216"/>
                    <a:pt x="42873" y="16383"/>
                    <a:pt x="42893" y="16781"/>
                  </a:cubicBezTo>
                  <a:cubicBezTo>
                    <a:pt x="42935" y="17283"/>
                    <a:pt x="42956" y="17806"/>
                    <a:pt x="42935" y="18329"/>
                  </a:cubicBezTo>
                  <a:cubicBezTo>
                    <a:pt x="42935" y="18873"/>
                    <a:pt x="42977" y="19396"/>
                    <a:pt x="43354" y="19836"/>
                  </a:cubicBezTo>
                  <a:cubicBezTo>
                    <a:pt x="43458" y="19982"/>
                    <a:pt x="43521" y="20150"/>
                    <a:pt x="43584" y="20338"/>
                  </a:cubicBezTo>
                  <a:cubicBezTo>
                    <a:pt x="43898" y="21489"/>
                    <a:pt x="44777" y="22012"/>
                    <a:pt x="45823" y="22347"/>
                  </a:cubicBezTo>
                  <a:cubicBezTo>
                    <a:pt x="46451" y="22556"/>
                    <a:pt x="47036" y="22389"/>
                    <a:pt x="47455" y="21865"/>
                  </a:cubicBezTo>
                  <a:cubicBezTo>
                    <a:pt x="47685" y="21552"/>
                    <a:pt x="47873" y="21196"/>
                    <a:pt x="48083" y="20882"/>
                  </a:cubicBezTo>
                  <a:cubicBezTo>
                    <a:pt x="48187" y="20756"/>
                    <a:pt x="48292" y="20610"/>
                    <a:pt x="48438" y="20526"/>
                  </a:cubicBezTo>
                  <a:cubicBezTo>
                    <a:pt x="48627" y="20422"/>
                    <a:pt x="48815" y="20338"/>
                    <a:pt x="49024" y="20254"/>
                  </a:cubicBezTo>
                  <a:cubicBezTo>
                    <a:pt x="49464" y="19710"/>
                    <a:pt x="49610" y="19124"/>
                    <a:pt x="50217" y="18706"/>
                  </a:cubicBezTo>
                  <a:close/>
                  <a:moveTo>
                    <a:pt x="30130" y="13810"/>
                  </a:moveTo>
                  <a:cubicBezTo>
                    <a:pt x="29921" y="13852"/>
                    <a:pt x="29816" y="13852"/>
                    <a:pt x="29712" y="13914"/>
                  </a:cubicBezTo>
                  <a:cubicBezTo>
                    <a:pt x="28477" y="14542"/>
                    <a:pt x="27264" y="15191"/>
                    <a:pt x="26050" y="15839"/>
                  </a:cubicBezTo>
                  <a:cubicBezTo>
                    <a:pt x="25987" y="15902"/>
                    <a:pt x="25904" y="16007"/>
                    <a:pt x="25841" y="16111"/>
                  </a:cubicBezTo>
                  <a:cubicBezTo>
                    <a:pt x="25799" y="16195"/>
                    <a:pt x="25799" y="16321"/>
                    <a:pt x="25736" y="16342"/>
                  </a:cubicBezTo>
                  <a:cubicBezTo>
                    <a:pt x="25380" y="16530"/>
                    <a:pt x="25171" y="16969"/>
                    <a:pt x="24669" y="16948"/>
                  </a:cubicBezTo>
                  <a:cubicBezTo>
                    <a:pt x="24543" y="16948"/>
                    <a:pt x="24376" y="17032"/>
                    <a:pt x="24271" y="17137"/>
                  </a:cubicBezTo>
                  <a:cubicBezTo>
                    <a:pt x="23937" y="17471"/>
                    <a:pt x="23539" y="17785"/>
                    <a:pt x="23267" y="18141"/>
                  </a:cubicBezTo>
                  <a:cubicBezTo>
                    <a:pt x="22849" y="18706"/>
                    <a:pt x="22472" y="19271"/>
                    <a:pt x="22326" y="19982"/>
                  </a:cubicBezTo>
                  <a:cubicBezTo>
                    <a:pt x="22179" y="20631"/>
                    <a:pt x="22033" y="21259"/>
                    <a:pt x="21844" y="21907"/>
                  </a:cubicBezTo>
                  <a:cubicBezTo>
                    <a:pt x="21656" y="22577"/>
                    <a:pt x="21593" y="23205"/>
                    <a:pt x="21844" y="23853"/>
                  </a:cubicBezTo>
                  <a:cubicBezTo>
                    <a:pt x="21865" y="23937"/>
                    <a:pt x="21928" y="24041"/>
                    <a:pt x="21865" y="24104"/>
                  </a:cubicBezTo>
                  <a:cubicBezTo>
                    <a:pt x="21530" y="24732"/>
                    <a:pt x="21698" y="25422"/>
                    <a:pt x="21740" y="26071"/>
                  </a:cubicBezTo>
                  <a:cubicBezTo>
                    <a:pt x="21802" y="26887"/>
                    <a:pt x="21844" y="27724"/>
                    <a:pt x="22137" y="28477"/>
                  </a:cubicBezTo>
                  <a:cubicBezTo>
                    <a:pt x="22807" y="30319"/>
                    <a:pt x="23518" y="32139"/>
                    <a:pt x="24460" y="33876"/>
                  </a:cubicBezTo>
                  <a:cubicBezTo>
                    <a:pt x="24627" y="34148"/>
                    <a:pt x="24836" y="34420"/>
                    <a:pt x="25046" y="34650"/>
                  </a:cubicBezTo>
                  <a:lnTo>
                    <a:pt x="27473" y="37077"/>
                  </a:lnTo>
                  <a:cubicBezTo>
                    <a:pt x="27682" y="37286"/>
                    <a:pt x="27912" y="37474"/>
                    <a:pt x="28184" y="37663"/>
                  </a:cubicBezTo>
                  <a:cubicBezTo>
                    <a:pt x="28645" y="37977"/>
                    <a:pt x="29126" y="38311"/>
                    <a:pt x="29649" y="38542"/>
                  </a:cubicBezTo>
                  <a:cubicBezTo>
                    <a:pt x="30590" y="39002"/>
                    <a:pt x="31532" y="39483"/>
                    <a:pt x="32536" y="39797"/>
                  </a:cubicBezTo>
                  <a:cubicBezTo>
                    <a:pt x="33959" y="40257"/>
                    <a:pt x="35424" y="40467"/>
                    <a:pt x="36888" y="40508"/>
                  </a:cubicBezTo>
                  <a:cubicBezTo>
                    <a:pt x="37872" y="40529"/>
                    <a:pt x="38876" y="40571"/>
                    <a:pt x="39860" y="40425"/>
                  </a:cubicBezTo>
                  <a:cubicBezTo>
                    <a:pt x="41157" y="40278"/>
                    <a:pt x="42412" y="39964"/>
                    <a:pt x="43605" y="39462"/>
                  </a:cubicBezTo>
                  <a:cubicBezTo>
                    <a:pt x="44421" y="39148"/>
                    <a:pt x="45237" y="38834"/>
                    <a:pt x="46011" y="38479"/>
                  </a:cubicBezTo>
                  <a:cubicBezTo>
                    <a:pt x="48062" y="37537"/>
                    <a:pt x="49945" y="36386"/>
                    <a:pt x="51472" y="34733"/>
                  </a:cubicBezTo>
                  <a:cubicBezTo>
                    <a:pt x="51828" y="34399"/>
                    <a:pt x="52142" y="34022"/>
                    <a:pt x="52497" y="33708"/>
                  </a:cubicBezTo>
                  <a:cubicBezTo>
                    <a:pt x="53104" y="33185"/>
                    <a:pt x="53523" y="32536"/>
                    <a:pt x="53837" y="31804"/>
                  </a:cubicBezTo>
                  <a:cubicBezTo>
                    <a:pt x="53920" y="31616"/>
                    <a:pt x="53962" y="31407"/>
                    <a:pt x="54046" y="31218"/>
                  </a:cubicBezTo>
                  <a:cubicBezTo>
                    <a:pt x="54088" y="31093"/>
                    <a:pt x="54150" y="30946"/>
                    <a:pt x="54234" y="30842"/>
                  </a:cubicBezTo>
                  <a:cubicBezTo>
                    <a:pt x="54569" y="30444"/>
                    <a:pt x="54757" y="29963"/>
                    <a:pt x="54925" y="29482"/>
                  </a:cubicBezTo>
                  <a:cubicBezTo>
                    <a:pt x="55238" y="28645"/>
                    <a:pt x="55552" y="27766"/>
                    <a:pt x="55866" y="26929"/>
                  </a:cubicBezTo>
                  <a:cubicBezTo>
                    <a:pt x="56013" y="26594"/>
                    <a:pt x="56054" y="26259"/>
                    <a:pt x="55971" y="25946"/>
                  </a:cubicBezTo>
                  <a:cubicBezTo>
                    <a:pt x="55699" y="25736"/>
                    <a:pt x="55448" y="25569"/>
                    <a:pt x="55238" y="25402"/>
                  </a:cubicBezTo>
                  <a:cubicBezTo>
                    <a:pt x="54799" y="25736"/>
                    <a:pt x="54339" y="26029"/>
                    <a:pt x="53962" y="26385"/>
                  </a:cubicBezTo>
                  <a:cubicBezTo>
                    <a:pt x="53293" y="27075"/>
                    <a:pt x="52497" y="27243"/>
                    <a:pt x="51577" y="27222"/>
                  </a:cubicBezTo>
                  <a:cubicBezTo>
                    <a:pt x="51221" y="27222"/>
                    <a:pt x="50949" y="27096"/>
                    <a:pt x="50698" y="26866"/>
                  </a:cubicBezTo>
                  <a:cubicBezTo>
                    <a:pt x="49568" y="25736"/>
                    <a:pt x="48857" y="24397"/>
                    <a:pt x="48919" y="22744"/>
                  </a:cubicBezTo>
                  <a:cubicBezTo>
                    <a:pt x="48919" y="22619"/>
                    <a:pt x="48940" y="22514"/>
                    <a:pt x="48919" y="22389"/>
                  </a:cubicBezTo>
                  <a:cubicBezTo>
                    <a:pt x="48899" y="22263"/>
                    <a:pt x="49003" y="22075"/>
                    <a:pt x="48731" y="21970"/>
                  </a:cubicBezTo>
                  <a:cubicBezTo>
                    <a:pt x="48606" y="22117"/>
                    <a:pt x="48480" y="22284"/>
                    <a:pt x="48375" y="22430"/>
                  </a:cubicBezTo>
                  <a:cubicBezTo>
                    <a:pt x="47685" y="23330"/>
                    <a:pt x="46492" y="23665"/>
                    <a:pt x="45446" y="23225"/>
                  </a:cubicBezTo>
                  <a:cubicBezTo>
                    <a:pt x="45049" y="23058"/>
                    <a:pt x="44672" y="22891"/>
                    <a:pt x="44316" y="22681"/>
                  </a:cubicBezTo>
                  <a:cubicBezTo>
                    <a:pt x="43563" y="22284"/>
                    <a:pt x="43103" y="21635"/>
                    <a:pt x="42789" y="20840"/>
                  </a:cubicBezTo>
                  <a:cubicBezTo>
                    <a:pt x="42684" y="20547"/>
                    <a:pt x="42559" y="20296"/>
                    <a:pt x="42412" y="20024"/>
                  </a:cubicBezTo>
                  <a:cubicBezTo>
                    <a:pt x="42161" y="19668"/>
                    <a:pt x="42036" y="19271"/>
                    <a:pt x="42098" y="18831"/>
                  </a:cubicBezTo>
                  <a:cubicBezTo>
                    <a:pt x="42119" y="18601"/>
                    <a:pt x="42119" y="18350"/>
                    <a:pt x="42098" y="18099"/>
                  </a:cubicBezTo>
                  <a:cubicBezTo>
                    <a:pt x="42098" y="17995"/>
                    <a:pt x="42015" y="17911"/>
                    <a:pt x="41952" y="17785"/>
                  </a:cubicBezTo>
                  <a:cubicBezTo>
                    <a:pt x="41826" y="17869"/>
                    <a:pt x="41722" y="17890"/>
                    <a:pt x="41680" y="17932"/>
                  </a:cubicBezTo>
                  <a:cubicBezTo>
                    <a:pt x="41052" y="18643"/>
                    <a:pt x="40278" y="19187"/>
                    <a:pt x="39588" y="19794"/>
                  </a:cubicBezTo>
                  <a:cubicBezTo>
                    <a:pt x="39378" y="19982"/>
                    <a:pt x="39169" y="20108"/>
                    <a:pt x="38876" y="20129"/>
                  </a:cubicBezTo>
                  <a:cubicBezTo>
                    <a:pt x="38081" y="20192"/>
                    <a:pt x="37328" y="20108"/>
                    <a:pt x="36616" y="19668"/>
                  </a:cubicBezTo>
                  <a:cubicBezTo>
                    <a:pt x="36282" y="19459"/>
                    <a:pt x="36093" y="19187"/>
                    <a:pt x="36093" y="18811"/>
                  </a:cubicBezTo>
                  <a:cubicBezTo>
                    <a:pt x="36135" y="17827"/>
                    <a:pt x="36135" y="16886"/>
                    <a:pt x="36156" y="15902"/>
                  </a:cubicBezTo>
                  <a:cubicBezTo>
                    <a:pt x="35675" y="16091"/>
                    <a:pt x="35298" y="16446"/>
                    <a:pt x="34901" y="16844"/>
                  </a:cubicBezTo>
                  <a:cubicBezTo>
                    <a:pt x="34106" y="17660"/>
                    <a:pt x="33206" y="18287"/>
                    <a:pt x="32264" y="18852"/>
                  </a:cubicBezTo>
                  <a:cubicBezTo>
                    <a:pt x="31678" y="19187"/>
                    <a:pt x="31051" y="19334"/>
                    <a:pt x="30381" y="19334"/>
                  </a:cubicBezTo>
                  <a:cubicBezTo>
                    <a:pt x="29816" y="19334"/>
                    <a:pt x="29377" y="19145"/>
                    <a:pt x="28958" y="18831"/>
                  </a:cubicBezTo>
                  <a:cubicBezTo>
                    <a:pt x="28707" y="18643"/>
                    <a:pt x="28540" y="18413"/>
                    <a:pt x="28540" y="18078"/>
                  </a:cubicBezTo>
                  <a:cubicBezTo>
                    <a:pt x="28498" y="16948"/>
                    <a:pt x="28645" y="15839"/>
                    <a:pt x="29377" y="14898"/>
                  </a:cubicBezTo>
                  <a:cubicBezTo>
                    <a:pt x="29691" y="14626"/>
                    <a:pt x="29963" y="14312"/>
                    <a:pt x="30130" y="13810"/>
                  </a:cubicBezTo>
                  <a:close/>
                  <a:moveTo>
                    <a:pt x="36784" y="41617"/>
                  </a:moveTo>
                  <a:cubicBezTo>
                    <a:pt x="36491" y="42371"/>
                    <a:pt x="35821" y="42580"/>
                    <a:pt x="35319" y="42998"/>
                  </a:cubicBezTo>
                  <a:cubicBezTo>
                    <a:pt x="35215" y="43082"/>
                    <a:pt x="35026" y="43124"/>
                    <a:pt x="34901" y="43124"/>
                  </a:cubicBezTo>
                  <a:cubicBezTo>
                    <a:pt x="34294" y="43145"/>
                    <a:pt x="33687" y="43187"/>
                    <a:pt x="33101" y="43124"/>
                  </a:cubicBezTo>
                  <a:cubicBezTo>
                    <a:pt x="32411" y="43040"/>
                    <a:pt x="31804" y="42705"/>
                    <a:pt x="31490" y="42078"/>
                  </a:cubicBezTo>
                  <a:cubicBezTo>
                    <a:pt x="31218" y="41534"/>
                    <a:pt x="31030" y="40906"/>
                    <a:pt x="30841" y="40425"/>
                  </a:cubicBezTo>
                  <a:cubicBezTo>
                    <a:pt x="29733" y="39797"/>
                    <a:pt x="28728" y="39232"/>
                    <a:pt x="27724" y="38625"/>
                  </a:cubicBezTo>
                  <a:cubicBezTo>
                    <a:pt x="27347" y="38395"/>
                    <a:pt x="26992" y="38102"/>
                    <a:pt x="26678" y="37788"/>
                  </a:cubicBezTo>
                  <a:cubicBezTo>
                    <a:pt x="25904" y="37035"/>
                    <a:pt x="25150" y="36240"/>
                    <a:pt x="24376" y="35487"/>
                  </a:cubicBezTo>
                  <a:cubicBezTo>
                    <a:pt x="24251" y="35382"/>
                    <a:pt x="24125" y="35277"/>
                    <a:pt x="23958" y="35194"/>
                  </a:cubicBezTo>
                  <a:cubicBezTo>
                    <a:pt x="23895" y="35298"/>
                    <a:pt x="23811" y="35382"/>
                    <a:pt x="23790" y="35466"/>
                  </a:cubicBezTo>
                  <a:cubicBezTo>
                    <a:pt x="23686" y="36010"/>
                    <a:pt x="23393" y="36491"/>
                    <a:pt x="23100" y="36930"/>
                  </a:cubicBezTo>
                  <a:cubicBezTo>
                    <a:pt x="22870" y="37286"/>
                    <a:pt x="22598" y="37684"/>
                    <a:pt x="22388" y="38081"/>
                  </a:cubicBezTo>
                  <a:cubicBezTo>
                    <a:pt x="21635" y="39630"/>
                    <a:pt x="20714" y="41094"/>
                    <a:pt x="19773" y="42517"/>
                  </a:cubicBezTo>
                  <a:cubicBezTo>
                    <a:pt x="19459" y="42998"/>
                    <a:pt x="19187" y="43500"/>
                    <a:pt x="19020" y="44065"/>
                  </a:cubicBezTo>
                  <a:cubicBezTo>
                    <a:pt x="18894" y="44568"/>
                    <a:pt x="18664" y="45028"/>
                    <a:pt x="18413" y="45467"/>
                  </a:cubicBezTo>
                  <a:cubicBezTo>
                    <a:pt x="18141" y="45990"/>
                    <a:pt x="17785" y="46513"/>
                    <a:pt x="17618" y="47099"/>
                  </a:cubicBezTo>
                  <a:cubicBezTo>
                    <a:pt x="17409" y="47706"/>
                    <a:pt x="17137" y="48271"/>
                    <a:pt x="16885" y="48857"/>
                  </a:cubicBezTo>
                  <a:cubicBezTo>
                    <a:pt x="16593" y="49485"/>
                    <a:pt x="16404" y="50133"/>
                    <a:pt x="16404" y="50866"/>
                  </a:cubicBezTo>
                  <a:cubicBezTo>
                    <a:pt x="16613" y="50970"/>
                    <a:pt x="16802" y="51075"/>
                    <a:pt x="16969" y="51158"/>
                  </a:cubicBezTo>
                  <a:cubicBezTo>
                    <a:pt x="18036" y="51619"/>
                    <a:pt x="19187" y="51786"/>
                    <a:pt x="20275" y="52037"/>
                  </a:cubicBezTo>
                  <a:cubicBezTo>
                    <a:pt x="20401" y="52058"/>
                    <a:pt x="20568" y="52058"/>
                    <a:pt x="20714" y="52037"/>
                  </a:cubicBezTo>
                  <a:cubicBezTo>
                    <a:pt x="21007" y="51995"/>
                    <a:pt x="21300" y="51933"/>
                    <a:pt x="21614" y="51849"/>
                  </a:cubicBezTo>
                  <a:cubicBezTo>
                    <a:pt x="21740" y="51828"/>
                    <a:pt x="21886" y="51786"/>
                    <a:pt x="21991" y="51682"/>
                  </a:cubicBezTo>
                  <a:cubicBezTo>
                    <a:pt x="22681" y="51158"/>
                    <a:pt x="23372" y="50635"/>
                    <a:pt x="24230" y="50259"/>
                  </a:cubicBezTo>
                  <a:cubicBezTo>
                    <a:pt x="24146" y="49840"/>
                    <a:pt x="24125" y="49443"/>
                    <a:pt x="23979" y="49087"/>
                  </a:cubicBezTo>
                  <a:cubicBezTo>
                    <a:pt x="23644" y="48125"/>
                    <a:pt x="23455" y="47120"/>
                    <a:pt x="23309" y="46116"/>
                  </a:cubicBezTo>
                  <a:cubicBezTo>
                    <a:pt x="23288" y="45907"/>
                    <a:pt x="23183" y="45697"/>
                    <a:pt x="23183" y="45488"/>
                  </a:cubicBezTo>
                  <a:cubicBezTo>
                    <a:pt x="23142" y="45091"/>
                    <a:pt x="22911" y="44819"/>
                    <a:pt x="22660" y="44651"/>
                  </a:cubicBezTo>
                  <a:cubicBezTo>
                    <a:pt x="22807" y="43961"/>
                    <a:pt x="22891" y="43772"/>
                    <a:pt x="23246" y="43542"/>
                  </a:cubicBezTo>
                  <a:cubicBezTo>
                    <a:pt x="24230" y="42894"/>
                    <a:pt x="25297" y="42559"/>
                    <a:pt x="26427" y="42371"/>
                  </a:cubicBezTo>
                  <a:cubicBezTo>
                    <a:pt x="26678" y="42308"/>
                    <a:pt x="26971" y="42350"/>
                    <a:pt x="27222" y="42371"/>
                  </a:cubicBezTo>
                  <a:cubicBezTo>
                    <a:pt x="27410" y="42391"/>
                    <a:pt x="27619" y="42496"/>
                    <a:pt x="27787" y="42622"/>
                  </a:cubicBezTo>
                  <a:cubicBezTo>
                    <a:pt x="28100" y="42831"/>
                    <a:pt x="28121" y="43187"/>
                    <a:pt x="28121" y="43521"/>
                  </a:cubicBezTo>
                  <a:cubicBezTo>
                    <a:pt x="28121" y="44337"/>
                    <a:pt x="28038" y="45132"/>
                    <a:pt x="28352" y="45928"/>
                  </a:cubicBezTo>
                  <a:cubicBezTo>
                    <a:pt x="28414" y="46053"/>
                    <a:pt x="28373" y="46221"/>
                    <a:pt x="28373" y="46367"/>
                  </a:cubicBezTo>
                  <a:cubicBezTo>
                    <a:pt x="28435" y="46848"/>
                    <a:pt x="28477" y="47329"/>
                    <a:pt x="28561" y="47811"/>
                  </a:cubicBezTo>
                  <a:cubicBezTo>
                    <a:pt x="28749" y="48731"/>
                    <a:pt x="28958" y="49631"/>
                    <a:pt x="29147" y="50552"/>
                  </a:cubicBezTo>
                  <a:cubicBezTo>
                    <a:pt x="29189" y="50866"/>
                    <a:pt x="29272" y="51200"/>
                    <a:pt x="29251" y="51556"/>
                  </a:cubicBezTo>
                  <a:cubicBezTo>
                    <a:pt x="29189" y="52665"/>
                    <a:pt x="29691" y="53711"/>
                    <a:pt x="29607" y="54841"/>
                  </a:cubicBezTo>
                  <a:cubicBezTo>
                    <a:pt x="29607" y="54904"/>
                    <a:pt x="29649" y="54946"/>
                    <a:pt x="29670" y="55029"/>
                  </a:cubicBezTo>
                  <a:cubicBezTo>
                    <a:pt x="29900" y="55469"/>
                    <a:pt x="29879" y="55971"/>
                    <a:pt x="29795" y="56431"/>
                  </a:cubicBezTo>
                  <a:cubicBezTo>
                    <a:pt x="29712" y="56912"/>
                    <a:pt x="29670" y="57373"/>
                    <a:pt x="29544" y="57854"/>
                  </a:cubicBezTo>
                  <a:cubicBezTo>
                    <a:pt x="29398" y="58377"/>
                    <a:pt x="29481" y="58775"/>
                    <a:pt x="29879" y="59151"/>
                  </a:cubicBezTo>
                  <a:cubicBezTo>
                    <a:pt x="30130" y="59423"/>
                    <a:pt x="30339" y="59674"/>
                    <a:pt x="30632" y="59925"/>
                  </a:cubicBezTo>
                  <a:cubicBezTo>
                    <a:pt x="30821" y="60072"/>
                    <a:pt x="31030" y="60218"/>
                    <a:pt x="31093" y="60449"/>
                  </a:cubicBezTo>
                  <a:cubicBezTo>
                    <a:pt x="31260" y="60783"/>
                    <a:pt x="31511" y="60930"/>
                    <a:pt x="31825" y="60993"/>
                  </a:cubicBezTo>
                  <a:cubicBezTo>
                    <a:pt x="31909" y="60972"/>
                    <a:pt x="31992" y="60972"/>
                    <a:pt x="32013" y="60909"/>
                  </a:cubicBezTo>
                  <a:cubicBezTo>
                    <a:pt x="32871" y="60093"/>
                    <a:pt x="33896" y="59570"/>
                    <a:pt x="35026" y="59214"/>
                  </a:cubicBezTo>
                  <a:cubicBezTo>
                    <a:pt x="35968" y="58900"/>
                    <a:pt x="36888" y="58503"/>
                    <a:pt x="37872" y="58398"/>
                  </a:cubicBezTo>
                  <a:cubicBezTo>
                    <a:pt x="38060" y="58377"/>
                    <a:pt x="38207" y="58314"/>
                    <a:pt x="38395" y="58273"/>
                  </a:cubicBezTo>
                  <a:cubicBezTo>
                    <a:pt x="39441" y="57959"/>
                    <a:pt x="40487" y="57708"/>
                    <a:pt x="41554" y="57582"/>
                  </a:cubicBezTo>
                  <a:cubicBezTo>
                    <a:pt x="43186" y="57394"/>
                    <a:pt x="44777" y="57164"/>
                    <a:pt x="46430" y="57226"/>
                  </a:cubicBezTo>
                  <a:cubicBezTo>
                    <a:pt x="46995" y="57247"/>
                    <a:pt x="47580" y="57226"/>
                    <a:pt x="48145" y="57226"/>
                  </a:cubicBezTo>
                  <a:cubicBezTo>
                    <a:pt x="48313" y="57226"/>
                    <a:pt x="48501" y="57164"/>
                    <a:pt x="48668" y="57122"/>
                  </a:cubicBezTo>
                  <a:cubicBezTo>
                    <a:pt x="48752" y="56599"/>
                    <a:pt x="48752" y="56159"/>
                    <a:pt x="48710" y="55594"/>
                  </a:cubicBezTo>
                  <a:cubicBezTo>
                    <a:pt x="48313" y="55762"/>
                    <a:pt x="48145" y="56034"/>
                    <a:pt x="47978" y="56327"/>
                  </a:cubicBezTo>
                  <a:cubicBezTo>
                    <a:pt x="47811" y="56536"/>
                    <a:pt x="47643" y="56745"/>
                    <a:pt x="47434" y="56912"/>
                  </a:cubicBezTo>
                  <a:cubicBezTo>
                    <a:pt x="47350" y="56954"/>
                    <a:pt x="47141" y="56933"/>
                    <a:pt x="46995" y="56850"/>
                  </a:cubicBezTo>
                  <a:cubicBezTo>
                    <a:pt x="46848" y="56745"/>
                    <a:pt x="46764" y="56557"/>
                    <a:pt x="46848" y="56389"/>
                  </a:cubicBezTo>
                  <a:cubicBezTo>
                    <a:pt x="46911" y="56285"/>
                    <a:pt x="46974" y="56180"/>
                    <a:pt x="47036" y="56076"/>
                  </a:cubicBezTo>
                  <a:cubicBezTo>
                    <a:pt x="47246" y="55762"/>
                    <a:pt x="47434" y="55427"/>
                    <a:pt x="47664" y="55050"/>
                  </a:cubicBezTo>
                  <a:cubicBezTo>
                    <a:pt x="47246" y="55260"/>
                    <a:pt x="46911" y="55427"/>
                    <a:pt x="46555" y="55573"/>
                  </a:cubicBezTo>
                  <a:cubicBezTo>
                    <a:pt x="46367" y="55657"/>
                    <a:pt x="46199" y="55594"/>
                    <a:pt x="46053" y="55469"/>
                  </a:cubicBezTo>
                  <a:cubicBezTo>
                    <a:pt x="45927" y="55343"/>
                    <a:pt x="45927" y="55050"/>
                    <a:pt x="46095" y="54904"/>
                  </a:cubicBezTo>
                  <a:cubicBezTo>
                    <a:pt x="46220" y="54757"/>
                    <a:pt x="46346" y="54653"/>
                    <a:pt x="46513" y="54548"/>
                  </a:cubicBezTo>
                  <a:cubicBezTo>
                    <a:pt x="46995" y="54276"/>
                    <a:pt x="47518" y="54025"/>
                    <a:pt x="48020" y="53753"/>
                  </a:cubicBezTo>
                  <a:cubicBezTo>
                    <a:pt x="48145" y="53690"/>
                    <a:pt x="48250" y="53586"/>
                    <a:pt x="48438" y="53481"/>
                  </a:cubicBezTo>
                  <a:cubicBezTo>
                    <a:pt x="48124" y="53272"/>
                    <a:pt x="47852" y="53355"/>
                    <a:pt x="47601" y="53376"/>
                  </a:cubicBezTo>
                  <a:cubicBezTo>
                    <a:pt x="46513" y="53544"/>
                    <a:pt x="45404" y="53753"/>
                    <a:pt x="44379" y="54171"/>
                  </a:cubicBezTo>
                  <a:cubicBezTo>
                    <a:pt x="44295" y="54213"/>
                    <a:pt x="44128" y="54234"/>
                    <a:pt x="44044" y="54213"/>
                  </a:cubicBezTo>
                  <a:cubicBezTo>
                    <a:pt x="43919" y="54171"/>
                    <a:pt x="43793" y="54067"/>
                    <a:pt x="43730" y="53920"/>
                  </a:cubicBezTo>
                  <a:cubicBezTo>
                    <a:pt x="43710" y="53858"/>
                    <a:pt x="43793" y="53669"/>
                    <a:pt x="43856" y="53648"/>
                  </a:cubicBezTo>
                  <a:cubicBezTo>
                    <a:pt x="44107" y="53481"/>
                    <a:pt x="44337" y="53355"/>
                    <a:pt x="44567" y="53272"/>
                  </a:cubicBezTo>
                  <a:cubicBezTo>
                    <a:pt x="45342" y="53083"/>
                    <a:pt x="46095" y="52937"/>
                    <a:pt x="46848" y="52770"/>
                  </a:cubicBezTo>
                  <a:cubicBezTo>
                    <a:pt x="47120" y="52728"/>
                    <a:pt x="47371" y="52644"/>
                    <a:pt x="47685" y="52560"/>
                  </a:cubicBezTo>
                  <a:cubicBezTo>
                    <a:pt x="47267" y="51912"/>
                    <a:pt x="47287" y="51221"/>
                    <a:pt x="47225" y="50552"/>
                  </a:cubicBezTo>
                  <a:cubicBezTo>
                    <a:pt x="47225" y="50468"/>
                    <a:pt x="47162" y="50363"/>
                    <a:pt x="47162" y="50301"/>
                  </a:cubicBezTo>
                  <a:cubicBezTo>
                    <a:pt x="46764" y="48355"/>
                    <a:pt x="46325" y="46388"/>
                    <a:pt x="45802" y="44484"/>
                  </a:cubicBezTo>
                  <a:cubicBezTo>
                    <a:pt x="45718" y="44191"/>
                    <a:pt x="45614" y="43919"/>
                    <a:pt x="45488" y="43647"/>
                  </a:cubicBezTo>
                  <a:cubicBezTo>
                    <a:pt x="45258" y="43145"/>
                    <a:pt x="45070" y="42663"/>
                    <a:pt x="44944" y="42140"/>
                  </a:cubicBezTo>
                  <a:cubicBezTo>
                    <a:pt x="44818" y="41575"/>
                    <a:pt x="44630" y="41031"/>
                    <a:pt x="44316" y="40508"/>
                  </a:cubicBezTo>
                  <a:cubicBezTo>
                    <a:pt x="43479" y="40780"/>
                    <a:pt x="42684" y="41052"/>
                    <a:pt x="41889" y="41241"/>
                  </a:cubicBezTo>
                  <a:cubicBezTo>
                    <a:pt x="41052" y="41450"/>
                    <a:pt x="40173" y="41638"/>
                    <a:pt x="39316" y="41722"/>
                  </a:cubicBezTo>
                  <a:cubicBezTo>
                    <a:pt x="38541" y="41659"/>
                    <a:pt x="37704" y="41617"/>
                    <a:pt x="36784" y="41617"/>
                  </a:cubicBezTo>
                  <a:close/>
                  <a:moveTo>
                    <a:pt x="28665" y="61034"/>
                  </a:moveTo>
                  <a:cubicBezTo>
                    <a:pt x="28393" y="60721"/>
                    <a:pt x="28142" y="60386"/>
                    <a:pt x="27828" y="60156"/>
                  </a:cubicBezTo>
                  <a:cubicBezTo>
                    <a:pt x="27473" y="59842"/>
                    <a:pt x="27075" y="59570"/>
                    <a:pt x="26845" y="59151"/>
                  </a:cubicBezTo>
                  <a:cubicBezTo>
                    <a:pt x="26720" y="58921"/>
                    <a:pt x="26448" y="58817"/>
                    <a:pt x="26196" y="58712"/>
                  </a:cubicBezTo>
                  <a:cubicBezTo>
                    <a:pt x="25820" y="58586"/>
                    <a:pt x="25485" y="58419"/>
                    <a:pt x="25192" y="58105"/>
                  </a:cubicBezTo>
                  <a:cubicBezTo>
                    <a:pt x="25004" y="57938"/>
                    <a:pt x="24753" y="57833"/>
                    <a:pt x="24523" y="57666"/>
                  </a:cubicBezTo>
                  <a:cubicBezTo>
                    <a:pt x="24313" y="57540"/>
                    <a:pt x="24062" y="57456"/>
                    <a:pt x="23895" y="57310"/>
                  </a:cubicBezTo>
                  <a:cubicBezTo>
                    <a:pt x="23518" y="56933"/>
                    <a:pt x="23100" y="56808"/>
                    <a:pt x="22598" y="56682"/>
                  </a:cubicBezTo>
                  <a:cubicBezTo>
                    <a:pt x="21489" y="56389"/>
                    <a:pt x="20296" y="56159"/>
                    <a:pt x="19229" y="55678"/>
                  </a:cubicBezTo>
                  <a:cubicBezTo>
                    <a:pt x="18999" y="55573"/>
                    <a:pt x="18706" y="55573"/>
                    <a:pt x="18455" y="55573"/>
                  </a:cubicBezTo>
                  <a:lnTo>
                    <a:pt x="13287" y="55573"/>
                  </a:lnTo>
                  <a:cubicBezTo>
                    <a:pt x="13035" y="55573"/>
                    <a:pt x="12743" y="55594"/>
                    <a:pt x="12491" y="55636"/>
                  </a:cubicBezTo>
                  <a:cubicBezTo>
                    <a:pt x="11466" y="55783"/>
                    <a:pt x="10462" y="55992"/>
                    <a:pt x="9458" y="56159"/>
                  </a:cubicBezTo>
                  <a:cubicBezTo>
                    <a:pt x="8035" y="56327"/>
                    <a:pt x="6758" y="56933"/>
                    <a:pt x="5419" y="57456"/>
                  </a:cubicBezTo>
                  <a:cubicBezTo>
                    <a:pt x="5273" y="58168"/>
                    <a:pt x="5001" y="58796"/>
                    <a:pt x="4561" y="59340"/>
                  </a:cubicBezTo>
                  <a:cubicBezTo>
                    <a:pt x="3871" y="60177"/>
                    <a:pt x="3411" y="61181"/>
                    <a:pt x="2825" y="62081"/>
                  </a:cubicBezTo>
                  <a:cubicBezTo>
                    <a:pt x="2406" y="62771"/>
                    <a:pt x="2239" y="63503"/>
                    <a:pt x="1988" y="64340"/>
                  </a:cubicBezTo>
                  <a:cubicBezTo>
                    <a:pt x="2260" y="64257"/>
                    <a:pt x="2490" y="64257"/>
                    <a:pt x="2657" y="64152"/>
                  </a:cubicBezTo>
                  <a:cubicBezTo>
                    <a:pt x="3243" y="63713"/>
                    <a:pt x="3955" y="63545"/>
                    <a:pt x="4666" y="63420"/>
                  </a:cubicBezTo>
                  <a:cubicBezTo>
                    <a:pt x="5064" y="63336"/>
                    <a:pt x="5419" y="63210"/>
                    <a:pt x="5796" y="63106"/>
                  </a:cubicBezTo>
                  <a:cubicBezTo>
                    <a:pt x="6800" y="62792"/>
                    <a:pt x="7805" y="62499"/>
                    <a:pt x="8851" y="62353"/>
                  </a:cubicBezTo>
                  <a:cubicBezTo>
                    <a:pt x="9499" y="62248"/>
                    <a:pt x="10148" y="62122"/>
                    <a:pt x="10818" y="62039"/>
                  </a:cubicBezTo>
                  <a:cubicBezTo>
                    <a:pt x="11864" y="61871"/>
                    <a:pt x="12910" y="61746"/>
                    <a:pt x="13956" y="61746"/>
                  </a:cubicBezTo>
                  <a:cubicBezTo>
                    <a:pt x="15797" y="61767"/>
                    <a:pt x="17681" y="61767"/>
                    <a:pt x="19543" y="61746"/>
                  </a:cubicBezTo>
                  <a:cubicBezTo>
                    <a:pt x="20547" y="61746"/>
                    <a:pt x="21530" y="61809"/>
                    <a:pt x="22493" y="61976"/>
                  </a:cubicBezTo>
                  <a:cubicBezTo>
                    <a:pt x="22744" y="62039"/>
                    <a:pt x="22974" y="62081"/>
                    <a:pt x="23204" y="62122"/>
                  </a:cubicBezTo>
                  <a:cubicBezTo>
                    <a:pt x="25987" y="62562"/>
                    <a:pt x="28728" y="63022"/>
                    <a:pt x="31427" y="63901"/>
                  </a:cubicBezTo>
                  <a:cubicBezTo>
                    <a:pt x="31553" y="63943"/>
                    <a:pt x="31699" y="63922"/>
                    <a:pt x="31867" y="63922"/>
                  </a:cubicBezTo>
                  <a:cubicBezTo>
                    <a:pt x="31365" y="62646"/>
                    <a:pt x="31030" y="61348"/>
                    <a:pt x="29753" y="60658"/>
                  </a:cubicBezTo>
                  <a:cubicBezTo>
                    <a:pt x="29481" y="60930"/>
                    <a:pt x="29126" y="61034"/>
                    <a:pt x="28665" y="61034"/>
                  </a:cubicBezTo>
                  <a:close/>
                  <a:moveTo>
                    <a:pt x="45195" y="40090"/>
                  </a:moveTo>
                  <a:cubicBezTo>
                    <a:pt x="45258" y="40257"/>
                    <a:pt x="45300" y="40404"/>
                    <a:pt x="45362" y="40529"/>
                  </a:cubicBezTo>
                  <a:cubicBezTo>
                    <a:pt x="45572" y="41115"/>
                    <a:pt x="45760" y="41659"/>
                    <a:pt x="45948" y="42245"/>
                  </a:cubicBezTo>
                  <a:cubicBezTo>
                    <a:pt x="46011" y="42391"/>
                    <a:pt x="46053" y="42580"/>
                    <a:pt x="46137" y="42726"/>
                  </a:cubicBezTo>
                  <a:cubicBezTo>
                    <a:pt x="46597" y="43459"/>
                    <a:pt x="46806" y="44275"/>
                    <a:pt x="46995" y="45091"/>
                  </a:cubicBezTo>
                  <a:cubicBezTo>
                    <a:pt x="47371" y="46513"/>
                    <a:pt x="47706" y="47936"/>
                    <a:pt x="48041" y="49380"/>
                  </a:cubicBezTo>
                  <a:cubicBezTo>
                    <a:pt x="48187" y="49945"/>
                    <a:pt x="48229" y="50552"/>
                    <a:pt x="48250" y="51158"/>
                  </a:cubicBezTo>
                  <a:cubicBezTo>
                    <a:pt x="48313" y="51975"/>
                    <a:pt x="48731" y="52623"/>
                    <a:pt x="49547" y="52937"/>
                  </a:cubicBezTo>
                  <a:cubicBezTo>
                    <a:pt x="49694" y="52979"/>
                    <a:pt x="49903" y="53042"/>
                    <a:pt x="50070" y="52958"/>
                  </a:cubicBezTo>
                  <a:cubicBezTo>
                    <a:pt x="50761" y="52707"/>
                    <a:pt x="51472" y="52498"/>
                    <a:pt x="52163" y="52121"/>
                  </a:cubicBezTo>
                  <a:cubicBezTo>
                    <a:pt x="53000" y="51682"/>
                    <a:pt x="53795" y="51138"/>
                    <a:pt x="54611" y="50614"/>
                  </a:cubicBezTo>
                  <a:cubicBezTo>
                    <a:pt x="55887" y="49778"/>
                    <a:pt x="57142" y="48878"/>
                    <a:pt x="58189" y="47748"/>
                  </a:cubicBezTo>
                  <a:cubicBezTo>
                    <a:pt x="59214" y="46660"/>
                    <a:pt x="59067" y="45404"/>
                    <a:pt x="57958" y="44568"/>
                  </a:cubicBezTo>
                  <a:cubicBezTo>
                    <a:pt x="57896" y="44505"/>
                    <a:pt x="57812" y="44463"/>
                    <a:pt x="57749" y="44400"/>
                  </a:cubicBezTo>
                  <a:cubicBezTo>
                    <a:pt x="56368" y="43396"/>
                    <a:pt x="54820" y="42622"/>
                    <a:pt x="53355" y="41743"/>
                  </a:cubicBezTo>
                  <a:cubicBezTo>
                    <a:pt x="53251" y="41680"/>
                    <a:pt x="53146" y="41638"/>
                    <a:pt x="53021" y="41575"/>
                  </a:cubicBezTo>
                  <a:cubicBezTo>
                    <a:pt x="52100" y="41262"/>
                    <a:pt x="51263" y="40801"/>
                    <a:pt x="50426" y="40299"/>
                  </a:cubicBezTo>
                  <a:cubicBezTo>
                    <a:pt x="49861" y="39964"/>
                    <a:pt x="49254" y="39692"/>
                    <a:pt x="48627" y="39462"/>
                  </a:cubicBezTo>
                  <a:cubicBezTo>
                    <a:pt x="48229" y="39337"/>
                    <a:pt x="47873" y="39127"/>
                    <a:pt x="47455" y="38939"/>
                  </a:cubicBezTo>
                  <a:cubicBezTo>
                    <a:pt x="46743" y="39378"/>
                    <a:pt x="45927" y="39630"/>
                    <a:pt x="45195" y="40090"/>
                  </a:cubicBezTo>
                  <a:close/>
                  <a:moveTo>
                    <a:pt x="33750" y="65198"/>
                  </a:moveTo>
                  <a:cubicBezTo>
                    <a:pt x="33896" y="65198"/>
                    <a:pt x="34001" y="65219"/>
                    <a:pt x="34085" y="65198"/>
                  </a:cubicBezTo>
                  <a:cubicBezTo>
                    <a:pt x="34922" y="64968"/>
                    <a:pt x="35759" y="64696"/>
                    <a:pt x="36533" y="64278"/>
                  </a:cubicBezTo>
                  <a:cubicBezTo>
                    <a:pt x="36888" y="64110"/>
                    <a:pt x="37244" y="63964"/>
                    <a:pt x="37621" y="63838"/>
                  </a:cubicBezTo>
                  <a:cubicBezTo>
                    <a:pt x="39316" y="63231"/>
                    <a:pt x="41094" y="62897"/>
                    <a:pt x="42893" y="62687"/>
                  </a:cubicBezTo>
                  <a:cubicBezTo>
                    <a:pt x="43835" y="62583"/>
                    <a:pt x="44839" y="62562"/>
                    <a:pt x="45781" y="62583"/>
                  </a:cubicBezTo>
                  <a:cubicBezTo>
                    <a:pt x="47392" y="62583"/>
                    <a:pt x="49024" y="62478"/>
                    <a:pt x="50635" y="62687"/>
                  </a:cubicBezTo>
                  <a:cubicBezTo>
                    <a:pt x="51221" y="62771"/>
                    <a:pt x="51765" y="62813"/>
                    <a:pt x="52351" y="62897"/>
                  </a:cubicBezTo>
                  <a:cubicBezTo>
                    <a:pt x="54297" y="63106"/>
                    <a:pt x="56222" y="63441"/>
                    <a:pt x="58042" y="64173"/>
                  </a:cubicBezTo>
                  <a:cubicBezTo>
                    <a:pt x="58314" y="64278"/>
                    <a:pt x="58586" y="64361"/>
                    <a:pt x="58942" y="64466"/>
                  </a:cubicBezTo>
                  <a:cubicBezTo>
                    <a:pt x="58942" y="64319"/>
                    <a:pt x="58942" y="64215"/>
                    <a:pt x="58900" y="64152"/>
                  </a:cubicBezTo>
                  <a:cubicBezTo>
                    <a:pt x="58649" y="63713"/>
                    <a:pt x="58377" y="63273"/>
                    <a:pt x="58105" y="62855"/>
                  </a:cubicBezTo>
                  <a:cubicBezTo>
                    <a:pt x="57603" y="62081"/>
                    <a:pt x="57059" y="61390"/>
                    <a:pt x="56578" y="60595"/>
                  </a:cubicBezTo>
                  <a:cubicBezTo>
                    <a:pt x="56368" y="60260"/>
                    <a:pt x="56138" y="60051"/>
                    <a:pt x="55803" y="59925"/>
                  </a:cubicBezTo>
                  <a:cubicBezTo>
                    <a:pt x="54862" y="59549"/>
                    <a:pt x="53899" y="59130"/>
                    <a:pt x="52937" y="58796"/>
                  </a:cubicBezTo>
                  <a:cubicBezTo>
                    <a:pt x="51681" y="58356"/>
                    <a:pt x="50384" y="58084"/>
                    <a:pt x="49045" y="58063"/>
                  </a:cubicBezTo>
                  <a:cubicBezTo>
                    <a:pt x="47057" y="58042"/>
                    <a:pt x="45070" y="57938"/>
                    <a:pt x="43082" y="58210"/>
                  </a:cubicBezTo>
                  <a:cubicBezTo>
                    <a:pt x="41701" y="58419"/>
                    <a:pt x="40257" y="58503"/>
                    <a:pt x="38897" y="58942"/>
                  </a:cubicBezTo>
                  <a:cubicBezTo>
                    <a:pt x="38541" y="59089"/>
                    <a:pt x="38144" y="59151"/>
                    <a:pt x="37746" y="59214"/>
                  </a:cubicBezTo>
                  <a:cubicBezTo>
                    <a:pt x="37014" y="59298"/>
                    <a:pt x="36344" y="59528"/>
                    <a:pt x="35675" y="59821"/>
                  </a:cubicBezTo>
                  <a:cubicBezTo>
                    <a:pt x="35319" y="59967"/>
                    <a:pt x="34943" y="60135"/>
                    <a:pt x="34587" y="60239"/>
                  </a:cubicBezTo>
                  <a:cubicBezTo>
                    <a:pt x="33938" y="60407"/>
                    <a:pt x="33415" y="60825"/>
                    <a:pt x="32850" y="61181"/>
                  </a:cubicBezTo>
                  <a:cubicBezTo>
                    <a:pt x="32494" y="61411"/>
                    <a:pt x="32327" y="61746"/>
                    <a:pt x="32390" y="62164"/>
                  </a:cubicBezTo>
                  <a:cubicBezTo>
                    <a:pt x="32432" y="62541"/>
                    <a:pt x="32515" y="62876"/>
                    <a:pt x="32641" y="63210"/>
                  </a:cubicBezTo>
                  <a:cubicBezTo>
                    <a:pt x="32829" y="63650"/>
                    <a:pt x="33038" y="64110"/>
                    <a:pt x="33248" y="64529"/>
                  </a:cubicBezTo>
                  <a:cubicBezTo>
                    <a:pt x="33394" y="64738"/>
                    <a:pt x="33582" y="64968"/>
                    <a:pt x="33750" y="65198"/>
                  </a:cubicBezTo>
                  <a:close/>
                  <a:moveTo>
                    <a:pt x="15484" y="49945"/>
                  </a:moveTo>
                  <a:cubicBezTo>
                    <a:pt x="15546" y="49798"/>
                    <a:pt x="15630" y="49610"/>
                    <a:pt x="15672" y="49464"/>
                  </a:cubicBezTo>
                  <a:cubicBezTo>
                    <a:pt x="15839" y="48836"/>
                    <a:pt x="15986" y="48166"/>
                    <a:pt x="16153" y="47539"/>
                  </a:cubicBezTo>
                  <a:cubicBezTo>
                    <a:pt x="16362" y="46785"/>
                    <a:pt x="16697" y="46074"/>
                    <a:pt x="17116" y="45425"/>
                  </a:cubicBezTo>
                  <a:cubicBezTo>
                    <a:pt x="17534" y="44714"/>
                    <a:pt x="17932" y="44024"/>
                    <a:pt x="18141" y="43228"/>
                  </a:cubicBezTo>
                  <a:cubicBezTo>
                    <a:pt x="18204" y="42915"/>
                    <a:pt x="18371" y="42601"/>
                    <a:pt x="18559" y="42350"/>
                  </a:cubicBezTo>
                  <a:cubicBezTo>
                    <a:pt x="20024" y="40257"/>
                    <a:pt x="21133" y="37914"/>
                    <a:pt x="22598" y="35821"/>
                  </a:cubicBezTo>
                  <a:cubicBezTo>
                    <a:pt x="22786" y="35570"/>
                    <a:pt x="22932" y="35277"/>
                    <a:pt x="22932" y="34859"/>
                  </a:cubicBezTo>
                  <a:cubicBezTo>
                    <a:pt x="22619" y="34964"/>
                    <a:pt x="22388" y="35047"/>
                    <a:pt x="22158" y="35152"/>
                  </a:cubicBezTo>
                  <a:cubicBezTo>
                    <a:pt x="20233" y="36031"/>
                    <a:pt x="18434" y="37223"/>
                    <a:pt x="16634" y="38374"/>
                  </a:cubicBezTo>
                  <a:cubicBezTo>
                    <a:pt x="16593" y="38395"/>
                    <a:pt x="16530" y="38437"/>
                    <a:pt x="16509" y="38479"/>
                  </a:cubicBezTo>
                  <a:cubicBezTo>
                    <a:pt x="15588" y="39169"/>
                    <a:pt x="14730" y="39902"/>
                    <a:pt x="13789" y="40571"/>
                  </a:cubicBezTo>
                  <a:cubicBezTo>
                    <a:pt x="12868" y="41220"/>
                    <a:pt x="12094" y="41994"/>
                    <a:pt x="11424" y="42894"/>
                  </a:cubicBezTo>
                  <a:cubicBezTo>
                    <a:pt x="10839" y="43731"/>
                    <a:pt x="10629" y="44484"/>
                    <a:pt x="11299" y="45446"/>
                  </a:cubicBezTo>
                  <a:cubicBezTo>
                    <a:pt x="11885" y="46262"/>
                    <a:pt x="12408" y="47099"/>
                    <a:pt x="12973" y="47915"/>
                  </a:cubicBezTo>
                  <a:cubicBezTo>
                    <a:pt x="13496" y="48648"/>
                    <a:pt x="14521" y="49464"/>
                    <a:pt x="15484" y="49945"/>
                  </a:cubicBezTo>
                  <a:close/>
                  <a:moveTo>
                    <a:pt x="23686" y="44275"/>
                  </a:moveTo>
                  <a:cubicBezTo>
                    <a:pt x="24041" y="46137"/>
                    <a:pt x="24418" y="47957"/>
                    <a:pt x="25087" y="49736"/>
                  </a:cubicBezTo>
                  <a:cubicBezTo>
                    <a:pt x="25276" y="49715"/>
                    <a:pt x="25464" y="49652"/>
                    <a:pt x="25611" y="49631"/>
                  </a:cubicBezTo>
                  <a:cubicBezTo>
                    <a:pt x="25799" y="49610"/>
                    <a:pt x="26008" y="49694"/>
                    <a:pt x="26029" y="49903"/>
                  </a:cubicBezTo>
                  <a:cubicBezTo>
                    <a:pt x="26050" y="50029"/>
                    <a:pt x="26008" y="50217"/>
                    <a:pt x="25904" y="50301"/>
                  </a:cubicBezTo>
                  <a:cubicBezTo>
                    <a:pt x="25694" y="50510"/>
                    <a:pt x="25464" y="50677"/>
                    <a:pt x="25213" y="50866"/>
                  </a:cubicBezTo>
                  <a:cubicBezTo>
                    <a:pt x="25318" y="51619"/>
                    <a:pt x="25360" y="52330"/>
                    <a:pt x="25611" y="53021"/>
                  </a:cubicBezTo>
                  <a:cubicBezTo>
                    <a:pt x="26029" y="54171"/>
                    <a:pt x="26301" y="55343"/>
                    <a:pt x="26322" y="56599"/>
                  </a:cubicBezTo>
                  <a:cubicBezTo>
                    <a:pt x="26992" y="56431"/>
                    <a:pt x="27598" y="56180"/>
                    <a:pt x="28289" y="56117"/>
                  </a:cubicBezTo>
                  <a:cubicBezTo>
                    <a:pt x="28456" y="56117"/>
                    <a:pt x="28645" y="55950"/>
                    <a:pt x="28854" y="55804"/>
                  </a:cubicBezTo>
                  <a:cubicBezTo>
                    <a:pt x="28770" y="55448"/>
                    <a:pt x="28624" y="55071"/>
                    <a:pt x="28624" y="54736"/>
                  </a:cubicBezTo>
                  <a:cubicBezTo>
                    <a:pt x="28624" y="53983"/>
                    <a:pt x="28561" y="53251"/>
                    <a:pt x="28393" y="52519"/>
                  </a:cubicBezTo>
                  <a:cubicBezTo>
                    <a:pt x="28352" y="52372"/>
                    <a:pt x="28352" y="52226"/>
                    <a:pt x="28352" y="52058"/>
                  </a:cubicBezTo>
                  <a:cubicBezTo>
                    <a:pt x="28414" y="51326"/>
                    <a:pt x="28247" y="50635"/>
                    <a:pt x="28121" y="49924"/>
                  </a:cubicBezTo>
                  <a:cubicBezTo>
                    <a:pt x="27912" y="48689"/>
                    <a:pt x="27515" y="47476"/>
                    <a:pt x="27598" y="46179"/>
                  </a:cubicBezTo>
                  <a:cubicBezTo>
                    <a:pt x="27598" y="45990"/>
                    <a:pt x="27556" y="45823"/>
                    <a:pt x="27494" y="45656"/>
                  </a:cubicBezTo>
                  <a:cubicBezTo>
                    <a:pt x="27347" y="45258"/>
                    <a:pt x="27347" y="44840"/>
                    <a:pt x="27347" y="44400"/>
                  </a:cubicBezTo>
                  <a:lnTo>
                    <a:pt x="27347" y="43584"/>
                  </a:lnTo>
                  <a:cubicBezTo>
                    <a:pt x="27305" y="43208"/>
                    <a:pt x="27180" y="43061"/>
                    <a:pt x="26761" y="43061"/>
                  </a:cubicBezTo>
                  <a:cubicBezTo>
                    <a:pt x="26510" y="43061"/>
                    <a:pt x="26238" y="43124"/>
                    <a:pt x="25987" y="43166"/>
                  </a:cubicBezTo>
                  <a:cubicBezTo>
                    <a:pt x="25820" y="43208"/>
                    <a:pt x="25694" y="43270"/>
                    <a:pt x="25569" y="43312"/>
                  </a:cubicBezTo>
                  <a:cubicBezTo>
                    <a:pt x="24836" y="43375"/>
                    <a:pt x="24271" y="43710"/>
                    <a:pt x="23686" y="44275"/>
                  </a:cubicBezTo>
                  <a:close/>
                  <a:moveTo>
                    <a:pt x="25067" y="54276"/>
                  </a:moveTo>
                  <a:cubicBezTo>
                    <a:pt x="24313" y="54485"/>
                    <a:pt x="23853" y="54485"/>
                    <a:pt x="23309" y="54171"/>
                  </a:cubicBezTo>
                  <a:cubicBezTo>
                    <a:pt x="22702" y="53816"/>
                    <a:pt x="22137" y="53439"/>
                    <a:pt x="21572" y="53042"/>
                  </a:cubicBezTo>
                  <a:cubicBezTo>
                    <a:pt x="21321" y="52853"/>
                    <a:pt x="21049" y="52770"/>
                    <a:pt x="20735" y="52832"/>
                  </a:cubicBezTo>
                  <a:cubicBezTo>
                    <a:pt x="20484" y="52874"/>
                    <a:pt x="20191" y="52916"/>
                    <a:pt x="19940" y="52853"/>
                  </a:cubicBezTo>
                  <a:cubicBezTo>
                    <a:pt x="18810" y="52623"/>
                    <a:pt x="17681" y="52456"/>
                    <a:pt x="16634" y="51995"/>
                  </a:cubicBezTo>
                  <a:cubicBezTo>
                    <a:pt x="16446" y="51912"/>
                    <a:pt x="16237" y="51891"/>
                    <a:pt x="16090" y="51828"/>
                  </a:cubicBezTo>
                  <a:cubicBezTo>
                    <a:pt x="15651" y="52309"/>
                    <a:pt x="15881" y="52937"/>
                    <a:pt x="15504" y="53376"/>
                  </a:cubicBezTo>
                  <a:lnTo>
                    <a:pt x="15504" y="54653"/>
                  </a:lnTo>
                  <a:cubicBezTo>
                    <a:pt x="15714" y="54695"/>
                    <a:pt x="15902" y="54715"/>
                    <a:pt x="16111" y="54715"/>
                  </a:cubicBezTo>
                  <a:lnTo>
                    <a:pt x="18643" y="54715"/>
                  </a:lnTo>
                  <a:cubicBezTo>
                    <a:pt x="18936" y="54715"/>
                    <a:pt x="19250" y="54736"/>
                    <a:pt x="19543" y="54841"/>
                  </a:cubicBezTo>
                  <a:cubicBezTo>
                    <a:pt x="20694" y="55301"/>
                    <a:pt x="21886" y="55573"/>
                    <a:pt x="23100" y="55866"/>
                  </a:cubicBezTo>
                  <a:cubicBezTo>
                    <a:pt x="23602" y="55992"/>
                    <a:pt x="24062" y="56117"/>
                    <a:pt x="24439" y="56536"/>
                  </a:cubicBezTo>
                  <a:cubicBezTo>
                    <a:pt x="24774" y="56912"/>
                    <a:pt x="25025" y="56954"/>
                    <a:pt x="25548" y="56975"/>
                  </a:cubicBezTo>
                  <a:cubicBezTo>
                    <a:pt x="25485" y="56306"/>
                    <a:pt x="25297" y="55657"/>
                    <a:pt x="25234" y="54967"/>
                  </a:cubicBezTo>
                  <a:cubicBezTo>
                    <a:pt x="25192" y="54715"/>
                    <a:pt x="25108" y="54506"/>
                    <a:pt x="25067" y="54276"/>
                  </a:cubicBezTo>
                  <a:close/>
                  <a:moveTo>
                    <a:pt x="20714" y="22953"/>
                  </a:moveTo>
                  <a:cubicBezTo>
                    <a:pt x="20777" y="22640"/>
                    <a:pt x="20798" y="22409"/>
                    <a:pt x="20840" y="22158"/>
                  </a:cubicBezTo>
                  <a:cubicBezTo>
                    <a:pt x="20924" y="21886"/>
                    <a:pt x="21007" y="21635"/>
                    <a:pt x="21112" y="21384"/>
                  </a:cubicBezTo>
                  <a:cubicBezTo>
                    <a:pt x="21468" y="20589"/>
                    <a:pt x="21510" y="19710"/>
                    <a:pt x="21447" y="18852"/>
                  </a:cubicBezTo>
                  <a:cubicBezTo>
                    <a:pt x="21405" y="18246"/>
                    <a:pt x="21007" y="17869"/>
                    <a:pt x="20401" y="17869"/>
                  </a:cubicBezTo>
                  <a:cubicBezTo>
                    <a:pt x="20170" y="17869"/>
                    <a:pt x="19940" y="17869"/>
                    <a:pt x="19689" y="17890"/>
                  </a:cubicBezTo>
                  <a:cubicBezTo>
                    <a:pt x="19438" y="17911"/>
                    <a:pt x="19208" y="18078"/>
                    <a:pt x="19208" y="18308"/>
                  </a:cubicBezTo>
                  <a:cubicBezTo>
                    <a:pt x="19166" y="19166"/>
                    <a:pt x="19020" y="20066"/>
                    <a:pt x="19438" y="20861"/>
                  </a:cubicBezTo>
                  <a:cubicBezTo>
                    <a:pt x="19752" y="21489"/>
                    <a:pt x="20150" y="22117"/>
                    <a:pt x="20505" y="22723"/>
                  </a:cubicBezTo>
                  <a:cubicBezTo>
                    <a:pt x="20568" y="22786"/>
                    <a:pt x="20610" y="22828"/>
                    <a:pt x="20714" y="22953"/>
                  </a:cubicBezTo>
                  <a:close/>
                  <a:moveTo>
                    <a:pt x="54088" y="33771"/>
                  </a:moveTo>
                  <a:cubicBezTo>
                    <a:pt x="54485" y="33792"/>
                    <a:pt x="54778" y="33792"/>
                    <a:pt x="55071" y="33792"/>
                  </a:cubicBezTo>
                  <a:cubicBezTo>
                    <a:pt x="56368" y="33792"/>
                    <a:pt x="57331" y="33080"/>
                    <a:pt x="58147" y="32160"/>
                  </a:cubicBezTo>
                  <a:cubicBezTo>
                    <a:pt x="58544" y="31720"/>
                    <a:pt x="58210" y="30884"/>
                    <a:pt x="57624" y="30863"/>
                  </a:cubicBezTo>
                  <a:cubicBezTo>
                    <a:pt x="56954" y="30842"/>
                    <a:pt x="56243" y="30758"/>
                    <a:pt x="55510" y="30863"/>
                  </a:cubicBezTo>
                  <a:cubicBezTo>
                    <a:pt x="55071" y="31804"/>
                    <a:pt x="54611" y="32746"/>
                    <a:pt x="54088" y="33771"/>
                  </a:cubicBezTo>
                  <a:close/>
                  <a:moveTo>
                    <a:pt x="35738" y="41555"/>
                  </a:moveTo>
                  <a:cubicBezTo>
                    <a:pt x="34482" y="41324"/>
                    <a:pt x="33310" y="41073"/>
                    <a:pt x="32160" y="40864"/>
                  </a:cubicBezTo>
                  <a:cubicBezTo>
                    <a:pt x="32097" y="41596"/>
                    <a:pt x="32432" y="41994"/>
                    <a:pt x="33059" y="42182"/>
                  </a:cubicBezTo>
                  <a:cubicBezTo>
                    <a:pt x="33206" y="42224"/>
                    <a:pt x="33352" y="42224"/>
                    <a:pt x="33520" y="42224"/>
                  </a:cubicBezTo>
                  <a:lnTo>
                    <a:pt x="34817" y="42224"/>
                  </a:lnTo>
                  <a:cubicBezTo>
                    <a:pt x="35110" y="41994"/>
                    <a:pt x="35361" y="41806"/>
                    <a:pt x="35738" y="41555"/>
                  </a:cubicBezTo>
                  <a:close/>
                  <a:moveTo>
                    <a:pt x="26887" y="57833"/>
                  </a:moveTo>
                  <a:cubicBezTo>
                    <a:pt x="27222" y="58482"/>
                    <a:pt x="27724" y="58984"/>
                    <a:pt x="28310" y="59402"/>
                  </a:cubicBezTo>
                  <a:cubicBezTo>
                    <a:pt x="28540" y="59256"/>
                    <a:pt x="28728" y="59130"/>
                    <a:pt x="28896" y="59005"/>
                  </a:cubicBezTo>
                  <a:lnTo>
                    <a:pt x="28896" y="57143"/>
                  </a:lnTo>
                  <a:cubicBezTo>
                    <a:pt x="28226" y="57268"/>
                    <a:pt x="27556" y="57268"/>
                    <a:pt x="26887" y="57833"/>
                  </a:cubicBezTo>
                  <a:close/>
                  <a:moveTo>
                    <a:pt x="22472" y="52707"/>
                  </a:moveTo>
                  <a:cubicBezTo>
                    <a:pt x="22974" y="52979"/>
                    <a:pt x="23435" y="53251"/>
                    <a:pt x="23937" y="53544"/>
                  </a:cubicBezTo>
                  <a:cubicBezTo>
                    <a:pt x="24041" y="53586"/>
                    <a:pt x="24167" y="53607"/>
                    <a:pt x="24271" y="53607"/>
                  </a:cubicBezTo>
                  <a:cubicBezTo>
                    <a:pt x="24460" y="53648"/>
                    <a:pt x="24690" y="53376"/>
                    <a:pt x="24690" y="53188"/>
                  </a:cubicBezTo>
                  <a:cubicBezTo>
                    <a:pt x="24669" y="52979"/>
                    <a:pt x="24564" y="52853"/>
                    <a:pt x="24355" y="52853"/>
                  </a:cubicBezTo>
                  <a:cubicBezTo>
                    <a:pt x="23853" y="52874"/>
                    <a:pt x="23435" y="52623"/>
                    <a:pt x="22974" y="52456"/>
                  </a:cubicBezTo>
                  <a:cubicBezTo>
                    <a:pt x="22765" y="52414"/>
                    <a:pt x="22639" y="52456"/>
                    <a:pt x="22472" y="52707"/>
                  </a:cubicBezTo>
                  <a:close/>
                  <a:moveTo>
                    <a:pt x="23497" y="51723"/>
                  </a:moveTo>
                  <a:cubicBezTo>
                    <a:pt x="23832" y="51912"/>
                    <a:pt x="24083" y="52142"/>
                    <a:pt x="24460" y="51891"/>
                  </a:cubicBezTo>
                  <a:cubicBezTo>
                    <a:pt x="24418" y="51682"/>
                    <a:pt x="24376" y="51451"/>
                    <a:pt x="24334" y="51242"/>
                  </a:cubicBezTo>
                  <a:cubicBezTo>
                    <a:pt x="23937" y="51263"/>
                    <a:pt x="23707" y="51389"/>
                    <a:pt x="23497" y="51723"/>
                  </a:cubicBezTo>
                  <a:close/>
                  <a:moveTo>
                    <a:pt x="12596" y="62792"/>
                  </a:moveTo>
                  <a:lnTo>
                    <a:pt x="12596" y="62750"/>
                  </a:lnTo>
                  <a:lnTo>
                    <a:pt x="12199" y="62750"/>
                  </a:lnTo>
                  <a:lnTo>
                    <a:pt x="12199" y="62792"/>
                  </a:ln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7" name="Google Shape;380;p37">
              <a:extLst>
                <a:ext uri="{FF2B5EF4-FFF2-40B4-BE49-F238E27FC236}">
                  <a16:creationId xmlns:a16="http://schemas.microsoft.com/office/drawing/2014/main" id="{ABF507AD-B240-F9C8-A316-5D10FD2BF778}"/>
                </a:ext>
              </a:extLst>
            </p:cNvPr>
            <p:cNvSpPr/>
            <p:nvPr/>
          </p:nvSpPr>
          <p:spPr>
            <a:xfrm>
              <a:off x="-1599125" y="1614225"/>
              <a:ext cx="429475" cy="219725"/>
            </a:xfrm>
            <a:custGeom>
              <a:avLst/>
              <a:gdLst/>
              <a:ahLst/>
              <a:cxnLst/>
              <a:rect l="l" t="t" r="r" b="b"/>
              <a:pathLst>
                <a:path w="17179" h="8789" extrusionOk="0">
                  <a:moveTo>
                    <a:pt x="16970" y="5482"/>
                  </a:moveTo>
                  <a:cubicBezTo>
                    <a:pt x="17179" y="5671"/>
                    <a:pt x="17158" y="5859"/>
                    <a:pt x="17012" y="5985"/>
                  </a:cubicBezTo>
                  <a:cubicBezTo>
                    <a:pt x="16740" y="6299"/>
                    <a:pt x="16447" y="6591"/>
                    <a:pt x="16237" y="6947"/>
                  </a:cubicBezTo>
                  <a:cubicBezTo>
                    <a:pt x="16237" y="6989"/>
                    <a:pt x="16216" y="7010"/>
                    <a:pt x="16175" y="7010"/>
                  </a:cubicBezTo>
                  <a:cubicBezTo>
                    <a:pt x="15170" y="7575"/>
                    <a:pt x="14291" y="8412"/>
                    <a:pt x="13120" y="8705"/>
                  </a:cubicBezTo>
                  <a:cubicBezTo>
                    <a:pt x="12911" y="8747"/>
                    <a:pt x="12701" y="8788"/>
                    <a:pt x="12492" y="8788"/>
                  </a:cubicBezTo>
                  <a:lnTo>
                    <a:pt x="7701" y="8788"/>
                  </a:lnTo>
                  <a:cubicBezTo>
                    <a:pt x="7449" y="8788"/>
                    <a:pt x="7157" y="8747"/>
                    <a:pt x="6885" y="8684"/>
                  </a:cubicBezTo>
                  <a:cubicBezTo>
                    <a:pt x="6529" y="8579"/>
                    <a:pt x="6131" y="8516"/>
                    <a:pt x="5755" y="8495"/>
                  </a:cubicBezTo>
                  <a:cubicBezTo>
                    <a:pt x="5399" y="8475"/>
                    <a:pt x="5043" y="8349"/>
                    <a:pt x="4708" y="8203"/>
                  </a:cubicBezTo>
                  <a:cubicBezTo>
                    <a:pt x="4353" y="8077"/>
                    <a:pt x="4039" y="7889"/>
                    <a:pt x="3725" y="7742"/>
                  </a:cubicBezTo>
                  <a:cubicBezTo>
                    <a:pt x="3160" y="7470"/>
                    <a:pt x="2763" y="7115"/>
                    <a:pt x="2365" y="6591"/>
                  </a:cubicBezTo>
                  <a:cubicBezTo>
                    <a:pt x="1905" y="5964"/>
                    <a:pt x="1403" y="5357"/>
                    <a:pt x="984" y="4708"/>
                  </a:cubicBezTo>
                  <a:cubicBezTo>
                    <a:pt x="231" y="3558"/>
                    <a:pt x="1" y="2281"/>
                    <a:pt x="126" y="921"/>
                  </a:cubicBezTo>
                  <a:cubicBezTo>
                    <a:pt x="147" y="565"/>
                    <a:pt x="356" y="314"/>
                    <a:pt x="566" y="42"/>
                  </a:cubicBezTo>
                  <a:cubicBezTo>
                    <a:pt x="628" y="1"/>
                    <a:pt x="754" y="1"/>
                    <a:pt x="796" y="1"/>
                  </a:cubicBezTo>
                  <a:cubicBezTo>
                    <a:pt x="879" y="21"/>
                    <a:pt x="963" y="105"/>
                    <a:pt x="984" y="189"/>
                  </a:cubicBezTo>
                  <a:cubicBezTo>
                    <a:pt x="1005" y="293"/>
                    <a:pt x="1005" y="419"/>
                    <a:pt x="984" y="524"/>
                  </a:cubicBezTo>
                  <a:cubicBezTo>
                    <a:pt x="545" y="1779"/>
                    <a:pt x="963" y="2909"/>
                    <a:pt x="1507" y="3976"/>
                  </a:cubicBezTo>
                  <a:cubicBezTo>
                    <a:pt x="2009" y="4918"/>
                    <a:pt x="2784" y="5650"/>
                    <a:pt x="3411" y="6487"/>
                  </a:cubicBezTo>
                  <a:cubicBezTo>
                    <a:pt x="3495" y="6571"/>
                    <a:pt x="3600" y="6633"/>
                    <a:pt x="3704" y="6696"/>
                  </a:cubicBezTo>
                  <a:cubicBezTo>
                    <a:pt x="4206" y="6926"/>
                    <a:pt x="4667" y="7156"/>
                    <a:pt x="5169" y="7366"/>
                  </a:cubicBezTo>
                  <a:cubicBezTo>
                    <a:pt x="5273" y="7428"/>
                    <a:pt x="5399" y="7470"/>
                    <a:pt x="5504" y="7470"/>
                  </a:cubicBezTo>
                  <a:cubicBezTo>
                    <a:pt x="6320" y="7575"/>
                    <a:pt x="7115" y="7742"/>
                    <a:pt x="7910" y="7763"/>
                  </a:cubicBezTo>
                  <a:cubicBezTo>
                    <a:pt x="9333" y="7826"/>
                    <a:pt x="10734" y="7763"/>
                    <a:pt x="12157" y="7763"/>
                  </a:cubicBezTo>
                  <a:cubicBezTo>
                    <a:pt x="12973" y="7763"/>
                    <a:pt x="13664" y="7470"/>
                    <a:pt x="14291" y="6989"/>
                  </a:cubicBezTo>
                  <a:cubicBezTo>
                    <a:pt x="14480" y="6822"/>
                    <a:pt x="14689" y="6696"/>
                    <a:pt x="14898" y="6591"/>
                  </a:cubicBezTo>
                  <a:cubicBezTo>
                    <a:pt x="15233" y="6403"/>
                    <a:pt x="15589" y="6257"/>
                    <a:pt x="15819" y="5901"/>
                  </a:cubicBezTo>
                  <a:cubicBezTo>
                    <a:pt x="16133" y="5629"/>
                    <a:pt x="16593" y="5566"/>
                    <a:pt x="16970" y="5482"/>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8" name="Google Shape;381;p37">
              <a:extLst>
                <a:ext uri="{FF2B5EF4-FFF2-40B4-BE49-F238E27FC236}">
                  <a16:creationId xmlns:a16="http://schemas.microsoft.com/office/drawing/2014/main" id="{845E042F-FE22-CCE0-1D26-073088283C07}"/>
                </a:ext>
              </a:extLst>
            </p:cNvPr>
            <p:cNvSpPr/>
            <p:nvPr/>
          </p:nvSpPr>
          <p:spPr>
            <a:xfrm>
              <a:off x="-1261200" y="1599050"/>
              <a:ext cx="39250" cy="46575"/>
            </a:xfrm>
            <a:custGeom>
              <a:avLst/>
              <a:gdLst/>
              <a:ahLst/>
              <a:cxnLst/>
              <a:rect l="l" t="t" r="r" b="b"/>
              <a:pathLst>
                <a:path w="1570" h="1863" extrusionOk="0">
                  <a:moveTo>
                    <a:pt x="1570" y="817"/>
                  </a:moveTo>
                  <a:cubicBezTo>
                    <a:pt x="1570" y="1361"/>
                    <a:pt x="1235" y="1758"/>
                    <a:pt x="774" y="1842"/>
                  </a:cubicBezTo>
                  <a:cubicBezTo>
                    <a:pt x="523" y="1863"/>
                    <a:pt x="314" y="1800"/>
                    <a:pt x="147" y="1570"/>
                  </a:cubicBezTo>
                  <a:cubicBezTo>
                    <a:pt x="21" y="1382"/>
                    <a:pt x="0" y="1152"/>
                    <a:pt x="105" y="963"/>
                  </a:cubicBezTo>
                  <a:cubicBezTo>
                    <a:pt x="293" y="712"/>
                    <a:pt x="502" y="440"/>
                    <a:pt x="754" y="231"/>
                  </a:cubicBezTo>
                  <a:cubicBezTo>
                    <a:pt x="1046" y="1"/>
                    <a:pt x="1402" y="147"/>
                    <a:pt x="1507" y="524"/>
                  </a:cubicBezTo>
                  <a:cubicBezTo>
                    <a:pt x="1549" y="628"/>
                    <a:pt x="1549" y="733"/>
                    <a:pt x="1570" y="817"/>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9" name="Google Shape;382;p37">
              <a:extLst>
                <a:ext uri="{FF2B5EF4-FFF2-40B4-BE49-F238E27FC236}">
                  <a16:creationId xmlns:a16="http://schemas.microsoft.com/office/drawing/2014/main" id="{335D82AD-34A6-E5B7-9B9B-E80275B34795}"/>
                </a:ext>
              </a:extLst>
            </p:cNvPr>
            <p:cNvSpPr/>
            <p:nvPr/>
          </p:nvSpPr>
          <p:spPr>
            <a:xfrm>
              <a:off x="-1527450" y="1533150"/>
              <a:ext cx="41350" cy="38725"/>
            </a:xfrm>
            <a:custGeom>
              <a:avLst/>
              <a:gdLst/>
              <a:ahLst/>
              <a:cxnLst/>
              <a:rect l="l" t="t" r="r" b="b"/>
              <a:pathLst>
                <a:path w="1654" h="1549" extrusionOk="0">
                  <a:moveTo>
                    <a:pt x="649" y="21"/>
                  </a:moveTo>
                  <a:cubicBezTo>
                    <a:pt x="1151" y="0"/>
                    <a:pt x="1402" y="84"/>
                    <a:pt x="1507" y="356"/>
                  </a:cubicBezTo>
                  <a:cubicBezTo>
                    <a:pt x="1611" y="649"/>
                    <a:pt x="1653" y="963"/>
                    <a:pt x="1465" y="1235"/>
                  </a:cubicBezTo>
                  <a:cubicBezTo>
                    <a:pt x="1381" y="1339"/>
                    <a:pt x="1235" y="1402"/>
                    <a:pt x="1088" y="1444"/>
                  </a:cubicBezTo>
                  <a:cubicBezTo>
                    <a:pt x="461" y="1549"/>
                    <a:pt x="0" y="1130"/>
                    <a:pt x="0" y="461"/>
                  </a:cubicBezTo>
                  <a:cubicBezTo>
                    <a:pt x="0" y="356"/>
                    <a:pt x="126" y="189"/>
                    <a:pt x="230" y="126"/>
                  </a:cubicBezTo>
                  <a:cubicBezTo>
                    <a:pt x="440" y="21"/>
                    <a:pt x="649" y="21"/>
                    <a:pt x="649" y="21"/>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30" name="Google Shape;383;p37">
              <a:extLst>
                <a:ext uri="{FF2B5EF4-FFF2-40B4-BE49-F238E27FC236}">
                  <a16:creationId xmlns:a16="http://schemas.microsoft.com/office/drawing/2014/main" id="{7758E957-F569-F66E-751B-3DD0DFE82A8F}"/>
                </a:ext>
              </a:extLst>
            </p:cNvPr>
            <p:cNvSpPr/>
            <p:nvPr/>
          </p:nvSpPr>
          <p:spPr>
            <a:xfrm flipH="1">
              <a:off x="-590075" y="1442125"/>
              <a:ext cx="257900" cy="310750"/>
            </a:xfrm>
            <a:custGeom>
              <a:avLst/>
              <a:gdLst/>
              <a:ahLst/>
              <a:cxnLst/>
              <a:rect l="l" t="t" r="r" b="b"/>
              <a:pathLst>
                <a:path w="10316" h="12430" extrusionOk="0">
                  <a:moveTo>
                    <a:pt x="4624" y="168"/>
                  </a:moveTo>
                  <a:cubicBezTo>
                    <a:pt x="3934" y="1110"/>
                    <a:pt x="3453" y="2114"/>
                    <a:pt x="3118" y="3223"/>
                  </a:cubicBezTo>
                  <a:cubicBezTo>
                    <a:pt x="3034" y="3516"/>
                    <a:pt x="2929" y="3830"/>
                    <a:pt x="2929" y="4144"/>
                  </a:cubicBezTo>
                  <a:cubicBezTo>
                    <a:pt x="2909" y="5294"/>
                    <a:pt x="2909" y="6403"/>
                    <a:pt x="2888" y="7554"/>
                  </a:cubicBezTo>
                  <a:cubicBezTo>
                    <a:pt x="2888" y="7993"/>
                    <a:pt x="2992" y="8370"/>
                    <a:pt x="3327" y="8663"/>
                  </a:cubicBezTo>
                  <a:cubicBezTo>
                    <a:pt x="3536" y="8830"/>
                    <a:pt x="3725" y="9040"/>
                    <a:pt x="3892" y="9228"/>
                  </a:cubicBezTo>
                  <a:cubicBezTo>
                    <a:pt x="4352" y="9730"/>
                    <a:pt x="4813" y="10170"/>
                    <a:pt x="5566" y="10065"/>
                  </a:cubicBezTo>
                  <a:cubicBezTo>
                    <a:pt x="5629" y="10065"/>
                    <a:pt x="5712" y="10065"/>
                    <a:pt x="5775" y="10086"/>
                  </a:cubicBezTo>
                  <a:cubicBezTo>
                    <a:pt x="7114" y="10609"/>
                    <a:pt x="8432" y="10462"/>
                    <a:pt x="9730" y="9960"/>
                  </a:cubicBezTo>
                  <a:cubicBezTo>
                    <a:pt x="9855" y="9918"/>
                    <a:pt x="10002" y="9877"/>
                    <a:pt x="10127" y="9835"/>
                  </a:cubicBezTo>
                  <a:cubicBezTo>
                    <a:pt x="10148" y="9835"/>
                    <a:pt x="10169" y="9835"/>
                    <a:pt x="10315" y="9877"/>
                  </a:cubicBezTo>
                  <a:cubicBezTo>
                    <a:pt x="10211" y="9981"/>
                    <a:pt x="10148" y="10086"/>
                    <a:pt x="10064" y="10149"/>
                  </a:cubicBezTo>
                  <a:cubicBezTo>
                    <a:pt x="9018" y="10902"/>
                    <a:pt x="7867" y="11446"/>
                    <a:pt x="6696" y="11948"/>
                  </a:cubicBezTo>
                  <a:cubicBezTo>
                    <a:pt x="5838" y="12325"/>
                    <a:pt x="4896" y="12429"/>
                    <a:pt x="3955" y="12157"/>
                  </a:cubicBezTo>
                  <a:cubicBezTo>
                    <a:pt x="3515" y="12032"/>
                    <a:pt x="3097" y="11948"/>
                    <a:pt x="2637" y="11843"/>
                  </a:cubicBezTo>
                  <a:cubicBezTo>
                    <a:pt x="1988" y="11697"/>
                    <a:pt x="1444" y="11341"/>
                    <a:pt x="1067" y="10755"/>
                  </a:cubicBezTo>
                  <a:cubicBezTo>
                    <a:pt x="712" y="10170"/>
                    <a:pt x="230" y="9646"/>
                    <a:pt x="105" y="8914"/>
                  </a:cubicBezTo>
                  <a:cubicBezTo>
                    <a:pt x="84" y="8684"/>
                    <a:pt x="0" y="8454"/>
                    <a:pt x="21" y="8224"/>
                  </a:cubicBezTo>
                  <a:cubicBezTo>
                    <a:pt x="168" y="6696"/>
                    <a:pt x="272" y="5148"/>
                    <a:pt x="795" y="3725"/>
                  </a:cubicBezTo>
                  <a:cubicBezTo>
                    <a:pt x="1318" y="2260"/>
                    <a:pt x="2260" y="1047"/>
                    <a:pt x="3620" y="231"/>
                  </a:cubicBezTo>
                  <a:cubicBezTo>
                    <a:pt x="3955" y="84"/>
                    <a:pt x="4269" y="1"/>
                    <a:pt x="4624" y="168"/>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31" name="Google Shape;384;p37">
              <a:extLst>
                <a:ext uri="{FF2B5EF4-FFF2-40B4-BE49-F238E27FC236}">
                  <a16:creationId xmlns:a16="http://schemas.microsoft.com/office/drawing/2014/main" id="{3E31F38C-1F00-9EB6-B52F-1BF22AC4F9E4}"/>
                </a:ext>
              </a:extLst>
            </p:cNvPr>
            <p:cNvSpPr/>
            <p:nvPr/>
          </p:nvSpPr>
          <p:spPr>
            <a:xfrm flipH="1">
              <a:off x="-640300" y="1431675"/>
              <a:ext cx="339000" cy="350475"/>
            </a:xfrm>
            <a:custGeom>
              <a:avLst/>
              <a:gdLst/>
              <a:ahLst/>
              <a:cxnLst/>
              <a:rect l="l" t="t" r="r" b="b"/>
              <a:pathLst>
                <a:path w="13560" h="14019" extrusionOk="0">
                  <a:moveTo>
                    <a:pt x="7324" y="523"/>
                  </a:moveTo>
                  <a:cubicBezTo>
                    <a:pt x="6424" y="1172"/>
                    <a:pt x="6382" y="1214"/>
                    <a:pt x="6006" y="2197"/>
                  </a:cubicBezTo>
                  <a:cubicBezTo>
                    <a:pt x="5524" y="3327"/>
                    <a:pt x="5169" y="4478"/>
                    <a:pt x="5273" y="5733"/>
                  </a:cubicBezTo>
                  <a:cubicBezTo>
                    <a:pt x="5315" y="6298"/>
                    <a:pt x="5294" y="6905"/>
                    <a:pt x="5273" y="7512"/>
                  </a:cubicBezTo>
                  <a:cubicBezTo>
                    <a:pt x="5232" y="7930"/>
                    <a:pt x="5336" y="8244"/>
                    <a:pt x="5692" y="8537"/>
                  </a:cubicBezTo>
                  <a:cubicBezTo>
                    <a:pt x="5901" y="8704"/>
                    <a:pt x="6068" y="8914"/>
                    <a:pt x="6278" y="9102"/>
                  </a:cubicBezTo>
                  <a:cubicBezTo>
                    <a:pt x="6382" y="9186"/>
                    <a:pt x="6529" y="9290"/>
                    <a:pt x="6633" y="9311"/>
                  </a:cubicBezTo>
                  <a:cubicBezTo>
                    <a:pt x="7575" y="9437"/>
                    <a:pt x="8517" y="9834"/>
                    <a:pt x="9479" y="9625"/>
                  </a:cubicBezTo>
                  <a:cubicBezTo>
                    <a:pt x="10211" y="9479"/>
                    <a:pt x="10923" y="9186"/>
                    <a:pt x="11634" y="8976"/>
                  </a:cubicBezTo>
                  <a:cubicBezTo>
                    <a:pt x="12136" y="8809"/>
                    <a:pt x="12639" y="8663"/>
                    <a:pt x="13141" y="8537"/>
                  </a:cubicBezTo>
                  <a:cubicBezTo>
                    <a:pt x="13245" y="8495"/>
                    <a:pt x="13371" y="8579"/>
                    <a:pt x="13559" y="8600"/>
                  </a:cubicBezTo>
                  <a:cubicBezTo>
                    <a:pt x="13329" y="9792"/>
                    <a:pt x="12722" y="10671"/>
                    <a:pt x="11927" y="11466"/>
                  </a:cubicBezTo>
                  <a:cubicBezTo>
                    <a:pt x="11383" y="12010"/>
                    <a:pt x="10776" y="12450"/>
                    <a:pt x="10065" y="12764"/>
                  </a:cubicBezTo>
                  <a:cubicBezTo>
                    <a:pt x="9270" y="13119"/>
                    <a:pt x="8496" y="13621"/>
                    <a:pt x="7596" y="13810"/>
                  </a:cubicBezTo>
                  <a:cubicBezTo>
                    <a:pt x="7073" y="13914"/>
                    <a:pt x="6571" y="14019"/>
                    <a:pt x="6048" y="13977"/>
                  </a:cubicBezTo>
                  <a:cubicBezTo>
                    <a:pt x="4771" y="13810"/>
                    <a:pt x="3516" y="13601"/>
                    <a:pt x="2386" y="12952"/>
                  </a:cubicBezTo>
                  <a:cubicBezTo>
                    <a:pt x="1988" y="12722"/>
                    <a:pt x="1654" y="12429"/>
                    <a:pt x="1423" y="12031"/>
                  </a:cubicBezTo>
                  <a:cubicBezTo>
                    <a:pt x="1172" y="11634"/>
                    <a:pt x="900" y="11299"/>
                    <a:pt x="691" y="10901"/>
                  </a:cubicBezTo>
                  <a:cubicBezTo>
                    <a:pt x="210" y="10127"/>
                    <a:pt x="1" y="9269"/>
                    <a:pt x="126" y="8328"/>
                  </a:cubicBezTo>
                  <a:cubicBezTo>
                    <a:pt x="294" y="6926"/>
                    <a:pt x="503" y="5566"/>
                    <a:pt x="900" y="4248"/>
                  </a:cubicBezTo>
                  <a:cubicBezTo>
                    <a:pt x="1047" y="3745"/>
                    <a:pt x="1214" y="3264"/>
                    <a:pt x="1549" y="2846"/>
                  </a:cubicBezTo>
                  <a:cubicBezTo>
                    <a:pt x="1779" y="2574"/>
                    <a:pt x="1988" y="2218"/>
                    <a:pt x="2198" y="1904"/>
                  </a:cubicBezTo>
                  <a:cubicBezTo>
                    <a:pt x="2595" y="1339"/>
                    <a:pt x="3139" y="921"/>
                    <a:pt x="3746" y="544"/>
                  </a:cubicBezTo>
                  <a:cubicBezTo>
                    <a:pt x="4562" y="21"/>
                    <a:pt x="5441" y="0"/>
                    <a:pt x="6341" y="84"/>
                  </a:cubicBezTo>
                  <a:cubicBezTo>
                    <a:pt x="6445" y="84"/>
                    <a:pt x="6550" y="105"/>
                    <a:pt x="6613" y="168"/>
                  </a:cubicBezTo>
                  <a:cubicBezTo>
                    <a:pt x="6843" y="230"/>
                    <a:pt x="7052" y="377"/>
                    <a:pt x="7324" y="523"/>
                  </a:cubicBezTo>
                  <a:close/>
                  <a:moveTo>
                    <a:pt x="5859" y="586"/>
                  </a:moveTo>
                  <a:cubicBezTo>
                    <a:pt x="5483" y="419"/>
                    <a:pt x="5169" y="481"/>
                    <a:pt x="4876" y="649"/>
                  </a:cubicBezTo>
                  <a:cubicBezTo>
                    <a:pt x="3516" y="1486"/>
                    <a:pt x="2595" y="2699"/>
                    <a:pt x="2051" y="4143"/>
                  </a:cubicBezTo>
                  <a:cubicBezTo>
                    <a:pt x="1528" y="5566"/>
                    <a:pt x="1403" y="7114"/>
                    <a:pt x="1298" y="8642"/>
                  </a:cubicBezTo>
                  <a:cubicBezTo>
                    <a:pt x="1256" y="8872"/>
                    <a:pt x="1340" y="9102"/>
                    <a:pt x="1361" y="9332"/>
                  </a:cubicBezTo>
                  <a:cubicBezTo>
                    <a:pt x="1465" y="10044"/>
                    <a:pt x="1967" y="10567"/>
                    <a:pt x="2344" y="11173"/>
                  </a:cubicBezTo>
                  <a:cubicBezTo>
                    <a:pt x="2700" y="11780"/>
                    <a:pt x="3244" y="12115"/>
                    <a:pt x="3913" y="12261"/>
                  </a:cubicBezTo>
                  <a:cubicBezTo>
                    <a:pt x="4353" y="12366"/>
                    <a:pt x="4792" y="12471"/>
                    <a:pt x="5211" y="12575"/>
                  </a:cubicBezTo>
                  <a:cubicBezTo>
                    <a:pt x="6152" y="12847"/>
                    <a:pt x="7094" y="12764"/>
                    <a:pt x="7952" y="12366"/>
                  </a:cubicBezTo>
                  <a:cubicBezTo>
                    <a:pt x="9144" y="11864"/>
                    <a:pt x="10295" y="11299"/>
                    <a:pt x="11341" y="10567"/>
                  </a:cubicBezTo>
                  <a:cubicBezTo>
                    <a:pt x="11404" y="10504"/>
                    <a:pt x="11467" y="10399"/>
                    <a:pt x="11571" y="10295"/>
                  </a:cubicBezTo>
                  <a:cubicBezTo>
                    <a:pt x="11467" y="10274"/>
                    <a:pt x="11404" y="10253"/>
                    <a:pt x="11383" y="10253"/>
                  </a:cubicBezTo>
                  <a:cubicBezTo>
                    <a:pt x="11258" y="10274"/>
                    <a:pt x="11132" y="10336"/>
                    <a:pt x="10986" y="10378"/>
                  </a:cubicBezTo>
                  <a:cubicBezTo>
                    <a:pt x="9688" y="10880"/>
                    <a:pt x="8370" y="11027"/>
                    <a:pt x="7052" y="10504"/>
                  </a:cubicBezTo>
                  <a:cubicBezTo>
                    <a:pt x="6989" y="10483"/>
                    <a:pt x="6905" y="10462"/>
                    <a:pt x="6843" y="10483"/>
                  </a:cubicBezTo>
                  <a:cubicBezTo>
                    <a:pt x="6068" y="10588"/>
                    <a:pt x="5608" y="10148"/>
                    <a:pt x="5169" y="9646"/>
                  </a:cubicBezTo>
                  <a:cubicBezTo>
                    <a:pt x="4980" y="9437"/>
                    <a:pt x="4792" y="9269"/>
                    <a:pt x="4583" y="9081"/>
                  </a:cubicBezTo>
                  <a:cubicBezTo>
                    <a:pt x="4248" y="8788"/>
                    <a:pt x="4123" y="8432"/>
                    <a:pt x="4144" y="7972"/>
                  </a:cubicBezTo>
                  <a:cubicBezTo>
                    <a:pt x="4164" y="6821"/>
                    <a:pt x="4144" y="5712"/>
                    <a:pt x="4185" y="4562"/>
                  </a:cubicBezTo>
                  <a:cubicBezTo>
                    <a:pt x="4185" y="4248"/>
                    <a:pt x="4290" y="3955"/>
                    <a:pt x="4374" y="3641"/>
                  </a:cubicBezTo>
                  <a:cubicBezTo>
                    <a:pt x="4688" y="2532"/>
                    <a:pt x="5190" y="1528"/>
                    <a:pt x="5859" y="586"/>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
        <p:nvSpPr>
          <p:cNvPr id="32" name="Bong bóng Ý nghĩ: Hình đám mây 31">
            <a:extLst>
              <a:ext uri="{FF2B5EF4-FFF2-40B4-BE49-F238E27FC236}">
                <a16:creationId xmlns:a16="http://schemas.microsoft.com/office/drawing/2014/main" id="{D4870452-0F58-424F-70D0-64CA395DD686}"/>
              </a:ext>
            </a:extLst>
          </p:cNvPr>
          <p:cNvSpPr/>
          <p:nvPr/>
        </p:nvSpPr>
        <p:spPr>
          <a:xfrm>
            <a:off x="4260424" y="1847589"/>
            <a:ext cx="5735638" cy="2919547"/>
          </a:xfrm>
          <a:prstGeom prst="cloudCallout">
            <a:avLst>
              <a:gd name="adj1" fmla="val -66999"/>
              <a:gd name="adj2" fmla="val 29320"/>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vi-VN" sz="3200">
                <a:solidFill>
                  <a:schemeClr val="tx1"/>
                </a:solidFill>
                <a:latin typeface="+mj-lt"/>
              </a:rPr>
              <a:t>Kể tên một số Website nghe nhạc mà em biết</a:t>
            </a:r>
            <a:endParaRPr lang="en-US" sz="3200">
              <a:solidFill>
                <a:schemeClr val="tx1"/>
              </a:solidFill>
              <a:latin typeface="+mj-lt"/>
            </a:endParaRPr>
          </a:p>
        </p:txBody>
      </p:sp>
    </p:spTree>
    <p:custDataLst>
      <p:tags r:id="rId1"/>
    </p:custDataLst>
    <p:extLst>
      <p:ext uri="{BB962C8B-B14F-4D97-AF65-F5344CB8AC3E}">
        <p14:creationId xmlns:p14="http://schemas.microsoft.com/office/powerpoint/2010/main" val="40562617"/>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mph" presetSubtype="0" fill="hold" nodeType="afterEffect">
                                  <p:stCondLst>
                                    <p:cond delay="0"/>
                                  </p:stCondLst>
                                  <p:childTnLst>
                                    <p:animScale>
                                      <p:cBhvr>
                                        <p:cTn id="6" dur="1250" fill="hold"/>
                                        <p:tgtEl>
                                          <p:spTgt spid="849"/>
                                        </p:tgtEl>
                                      </p:cBhvr>
                                      <p:by x="150000" y="150000"/>
                                    </p:animScale>
                                  </p:childTnLst>
                                </p:cTn>
                              </p:par>
                            </p:childTnLst>
                          </p:cTn>
                        </p:par>
                        <p:par>
                          <p:cTn id="7" fill="hold">
                            <p:stCondLst>
                              <p:cond delay="1250"/>
                            </p:stCondLst>
                            <p:childTnLst>
                              <p:par>
                                <p:cTn id="8" presetID="6" presetClass="emph" presetSubtype="0" fill="hold" nodeType="afterEffect">
                                  <p:stCondLst>
                                    <p:cond delay="0"/>
                                  </p:stCondLst>
                                  <p:childTnLst>
                                    <p:animScale>
                                      <p:cBhvr>
                                        <p:cTn id="9" dur="1250" fill="hold"/>
                                        <p:tgtEl>
                                          <p:spTgt spid="853"/>
                                        </p:tgtEl>
                                      </p:cBhvr>
                                      <p:by x="150000" y="150000"/>
                                    </p:animScale>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1" name="Graphic 200">
            <a:extLst>
              <a:ext uri="{FF2B5EF4-FFF2-40B4-BE49-F238E27FC236}">
                <a16:creationId xmlns:a16="http://schemas.microsoft.com/office/drawing/2014/main" id="{16E09CEF-1F44-7D48-9C90-E13990BAAF1B}"/>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95575" y="2264336"/>
            <a:ext cx="4597047" cy="928105"/>
          </a:xfrm>
          <a:prstGeom prst="rect">
            <a:avLst/>
          </a:prstGeom>
        </p:spPr>
      </p:pic>
      <p:sp>
        <p:nvSpPr>
          <p:cNvPr id="2" name="Freeform: Shape 1">
            <a:extLst>
              <a:ext uri="{FF2B5EF4-FFF2-40B4-BE49-F238E27FC236}">
                <a16:creationId xmlns:a16="http://schemas.microsoft.com/office/drawing/2014/main" id="{57B0E4F4-F8DD-4AB0-A688-44EAD7499380}"/>
              </a:ext>
            </a:extLst>
          </p:cNvPr>
          <p:cNvSpPr/>
          <p:nvPr/>
        </p:nvSpPr>
        <p:spPr>
          <a:xfrm>
            <a:off x="-1" y="202654"/>
            <a:ext cx="2223099" cy="1795176"/>
          </a:xfrm>
          <a:custGeom>
            <a:avLst/>
            <a:gdLst>
              <a:gd name="connsiteX0" fmla="*/ 2509712 w 2509687"/>
              <a:gd name="connsiteY0" fmla="*/ 6 h 2026599"/>
              <a:gd name="connsiteX1" fmla="*/ 939939 w 2509687"/>
              <a:gd name="connsiteY1" fmla="*/ 1069324 h 2026599"/>
              <a:gd name="connsiteX2" fmla="*/ 24 w 2509687"/>
              <a:gd name="connsiteY2" fmla="*/ 2026605 h 2026599"/>
              <a:gd name="connsiteX3" fmla="*/ 24 w 2509687"/>
              <a:gd name="connsiteY3" fmla="*/ 8478 h 2026599"/>
            </a:gdLst>
            <a:ahLst/>
            <a:cxnLst>
              <a:cxn ang="0">
                <a:pos x="connsiteX0" y="connsiteY0"/>
              </a:cxn>
              <a:cxn ang="0">
                <a:pos x="connsiteX1" y="connsiteY1"/>
              </a:cxn>
              <a:cxn ang="0">
                <a:pos x="connsiteX2" y="connsiteY2"/>
              </a:cxn>
              <a:cxn ang="0">
                <a:pos x="connsiteX3" y="connsiteY3"/>
              </a:cxn>
            </a:cxnLst>
            <a:rect l="l" t="t" r="r" b="b"/>
            <a:pathLst>
              <a:path w="2509687" h="2026599">
                <a:moveTo>
                  <a:pt x="2509712" y="6"/>
                </a:moveTo>
                <a:cubicBezTo>
                  <a:pt x="2509712" y="6"/>
                  <a:pt x="2475190" y="896928"/>
                  <a:pt x="939939" y="1069324"/>
                </a:cubicBezTo>
                <a:cubicBezTo>
                  <a:pt x="86010" y="1165264"/>
                  <a:pt x="24" y="2026605"/>
                  <a:pt x="24" y="2026605"/>
                </a:cubicBezTo>
                <a:lnTo>
                  <a:pt x="24" y="8478"/>
                </a:lnTo>
                <a:close/>
              </a:path>
            </a:pathLst>
          </a:custGeom>
          <a:solidFill>
            <a:srgbClr val="FFC000"/>
          </a:solidFill>
          <a:ln w="21168" cap="flat">
            <a:noFill/>
            <a:prstDash val="solid"/>
            <a:miter/>
          </a:ln>
        </p:spPr>
        <p:txBody>
          <a:bodyPr rtlCol="0" anchor="ctr"/>
          <a:lstStyle/>
          <a:p>
            <a:endParaRPr lang="en-US" sz="1500"/>
          </a:p>
        </p:txBody>
      </p:sp>
      <p:grpSp>
        <p:nvGrpSpPr>
          <p:cNvPr id="3" name="Group 2">
            <a:extLst>
              <a:ext uri="{FF2B5EF4-FFF2-40B4-BE49-F238E27FC236}">
                <a16:creationId xmlns:a16="http://schemas.microsoft.com/office/drawing/2014/main" id="{85D848C3-EEEC-4CC3-BFFD-048F7D95F10B}"/>
              </a:ext>
            </a:extLst>
          </p:cNvPr>
          <p:cNvGrpSpPr/>
          <p:nvPr/>
        </p:nvGrpSpPr>
        <p:grpSpPr>
          <a:xfrm>
            <a:off x="268023" y="1943415"/>
            <a:ext cx="143202" cy="259600"/>
            <a:chOff x="302574" y="1965169"/>
            <a:chExt cx="161663" cy="293066"/>
          </a:xfrm>
        </p:grpSpPr>
        <p:sp>
          <p:nvSpPr>
            <p:cNvPr id="4" name="Freeform: Shape 3">
              <a:extLst>
                <a:ext uri="{FF2B5EF4-FFF2-40B4-BE49-F238E27FC236}">
                  <a16:creationId xmlns:a16="http://schemas.microsoft.com/office/drawing/2014/main" id="{6AC6D1BB-D653-47DE-A52A-44B7534A580C}"/>
                </a:ext>
              </a:extLst>
            </p:cNvPr>
            <p:cNvSpPr/>
            <p:nvPr/>
          </p:nvSpPr>
          <p:spPr>
            <a:xfrm>
              <a:off x="310016" y="1970464"/>
              <a:ext cx="154221" cy="287771"/>
            </a:xfrm>
            <a:custGeom>
              <a:avLst/>
              <a:gdLst>
                <a:gd name="connsiteX0" fmla="*/ 72284 w 154221"/>
                <a:gd name="connsiteY0" fmla="*/ 70543 h 287771"/>
                <a:gd name="connsiteX1" fmla="*/ 41575 w 154221"/>
                <a:gd name="connsiteY1" fmla="*/ 210958 h 287771"/>
                <a:gd name="connsiteX2" fmla="*/ 46446 w 154221"/>
                <a:gd name="connsiteY2" fmla="*/ 243997 h 287771"/>
                <a:gd name="connsiteX3" fmla="*/ 86686 w 154221"/>
                <a:gd name="connsiteY3" fmla="*/ 205028 h 287771"/>
                <a:gd name="connsiteX4" fmla="*/ 100875 w 154221"/>
                <a:gd name="connsiteY4" fmla="*/ 149540 h 287771"/>
                <a:gd name="connsiteX5" fmla="*/ 115912 w 154221"/>
                <a:gd name="connsiteY5" fmla="*/ 57835 h 287771"/>
                <a:gd name="connsiteX6" fmla="*/ 104264 w 154221"/>
                <a:gd name="connsiteY6" fmla="*/ 4465 h 287771"/>
                <a:gd name="connsiteX7" fmla="*/ 71225 w 154221"/>
                <a:gd name="connsiteY7" fmla="*/ 4465 h 287771"/>
                <a:gd name="connsiteX8" fmla="*/ 46869 w 154221"/>
                <a:gd name="connsiteY8" fmla="*/ 28820 h 287771"/>
                <a:gd name="connsiteX9" fmla="*/ 1123 w 154221"/>
                <a:gd name="connsiteY9" fmla="*/ 202275 h 287771"/>
                <a:gd name="connsiteX10" fmla="*/ 22302 w 154221"/>
                <a:gd name="connsiteY10" fmla="*/ 280425 h 287771"/>
                <a:gd name="connsiteX11" fmla="*/ 82662 w 154221"/>
                <a:gd name="connsiteY11" fmla="*/ 276401 h 287771"/>
                <a:gd name="connsiteX12" fmla="*/ 119724 w 154221"/>
                <a:gd name="connsiteY12" fmla="*/ 224724 h 287771"/>
                <a:gd name="connsiteX13" fmla="*/ 154246 w 154221"/>
                <a:gd name="connsiteY13" fmla="*/ 108453 h 28777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54221" h="287771">
                  <a:moveTo>
                    <a:pt x="72284" y="70543"/>
                  </a:moveTo>
                  <a:cubicBezTo>
                    <a:pt x="62118" y="117348"/>
                    <a:pt x="51105" y="164153"/>
                    <a:pt x="41575" y="210958"/>
                  </a:cubicBezTo>
                  <a:cubicBezTo>
                    <a:pt x="39033" y="222395"/>
                    <a:pt x="37339" y="236796"/>
                    <a:pt x="46446" y="243997"/>
                  </a:cubicBezTo>
                  <a:cubicBezTo>
                    <a:pt x="64609" y="237033"/>
                    <a:pt x="79143" y="222958"/>
                    <a:pt x="86686" y="205028"/>
                  </a:cubicBezTo>
                  <a:cubicBezTo>
                    <a:pt x="93957" y="187276"/>
                    <a:pt x="98732" y="168603"/>
                    <a:pt x="100875" y="149540"/>
                  </a:cubicBezTo>
                  <a:cubicBezTo>
                    <a:pt x="105958" y="119042"/>
                    <a:pt x="111041" y="88333"/>
                    <a:pt x="115912" y="57835"/>
                  </a:cubicBezTo>
                  <a:cubicBezTo>
                    <a:pt x="119089" y="38774"/>
                    <a:pt x="120360" y="15478"/>
                    <a:pt x="104264" y="4465"/>
                  </a:cubicBezTo>
                  <a:cubicBezTo>
                    <a:pt x="94053" y="-1480"/>
                    <a:pt x="81436" y="-1480"/>
                    <a:pt x="71225" y="4465"/>
                  </a:cubicBezTo>
                  <a:cubicBezTo>
                    <a:pt x="61266" y="10507"/>
                    <a:pt x="52912" y="18862"/>
                    <a:pt x="46869" y="28820"/>
                  </a:cubicBezTo>
                  <a:cubicBezTo>
                    <a:pt x="13830" y="79014"/>
                    <a:pt x="6630" y="142127"/>
                    <a:pt x="1123" y="202275"/>
                  </a:cubicBezTo>
                  <a:cubicBezTo>
                    <a:pt x="-1418" y="230443"/>
                    <a:pt x="-1418" y="264117"/>
                    <a:pt x="22302" y="280425"/>
                  </a:cubicBezTo>
                  <a:cubicBezTo>
                    <a:pt x="41356" y="291544"/>
                    <a:pt x="65251" y="289934"/>
                    <a:pt x="82662" y="276401"/>
                  </a:cubicBezTo>
                  <a:cubicBezTo>
                    <a:pt x="99196" y="262594"/>
                    <a:pt x="111950" y="244812"/>
                    <a:pt x="119724" y="224724"/>
                  </a:cubicBezTo>
                  <a:cubicBezTo>
                    <a:pt x="136695" y="187803"/>
                    <a:pt x="148319" y="148652"/>
                    <a:pt x="154246" y="108453"/>
                  </a:cubicBezTo>
                </a:path>
              </a:pathLst>
            </a:custGeom>
            <a:noFill/>
            <a:ln w="21168" cap="flat">
              <a:solidFill>
                <a:srgbClr val="000000">
                  <a:alpha val="30000"/>
                </a:srgbClr>
              </a:solidFill>
              <a:prstDash val="solid"/>
              <a:miter/>
            </a:ln>
          </p:spPr>
          <p:txBody>
            <a:bodyPr rtlCol="0" anchor="ctr"/>
            <a:lstStyle/>
            <a:p>
              <a:endParaRPr lang="en-US" sz="1500"/>
            </a:p>
          </p:txBody>
        </p:sp>
        <p:sp>
          <p:nvSpPr>
            <p:cNvPr id="5" name="Freeform: Shape 4">
              <a:extLst>
                <a:ext uri="{FF2B5EF4-FFF2-40B4-BE49-F238E27FC236}">
                  <a16:creationId xmlns:a16="http://schemas.microsoft.com/office/drawing/2014/main" id="{5BEFA5A5-E707-4A02-8E9A-30A698502147}"/>
                </a:ext>
              </a:extLst>
            </p:cNvPr>
            <p:cNvSpPr/>
            <p:nvPr/>
          </p:nvSpPr>
          <p:spPr>
            <a:xfrm>
              <a:off x="302574" y="1965169"/>
              <a:ext cx="154886" cy="287943"/>
            </a:xfrm>
            <a:custGeom>
              <a:avLst/>
              <a:gdLst>
                <a:gd name="connsiteX0" fmla="*/ 72102 w 154886"/>
                <a:gd name="connsiteY0" fmla="*/ 70755 h 287943"/>
                <a:gd name="connsiteX1" fmla="*/ 41392 w 154886"/>
                <a:gd name="connsiteY1" fmla="*/ 210958 h 287943"/>
                <a:gd name="connsiteX2" fmla="*/ 46264 w 154886"/>
                <a:gd name="connsiteY2" fmla="*/ 244209 h 287943"/>
                <a:gd name="connsiteX3" fmla="*/ 86503 w 154886"/>
                <a:gd name="connsiteY3" fmla="*/ 205240 h 287943"/>
                <a:gd name="connsiteX4" fmla="*/ 100905 w 154886"/>
                <a:gd name="connsiteY4" fmla="*/ 149540 h 287943"/>
                <a:gd name="connsiteX5" fmla="*/ 115730 w 154886"/>
                <a:gd name="connsiteY5" fmla="*/ 57835 h 287943"/>
                <a:gd name="connsiteX6" fmla="*/ 104082 w 154886"/>
                <a:gd name="connsiteY6" fmla="*/ 4465 h 287943"/>
                <a:gd name="connsiteX7" fmla="*/ 71043 w 154886"/>
                <a:gd name="connsiteY7" fmla="*/ 4465 h 287943"/>
                <a:gd name="connsiteX8" fmla="*/ 46687 w 154886"/>
                <a:gd name="connsiteY8" fmla="*/ 28820 h 287943"/>
                <a:gd name="connsiteX9" fmla="*/ 1153 w 154886"/>
                <a:gd name="connsiteY9" fmla="*/ 202487 h 287943"/>
                <a:gd name="connsiteX10" fmla="*/ 22332 w 154886"/>
                <a:gd name="connsiteY10" fmla="*/ 280425 h 287943"/>
                <a:gd name="connsiteX11" fmla="*/ 82691 w 154886"/>
                <a:gd name="connsiteY11" fmla="*/ 276401 h 287943"/>
                <a:gd name="connsiteX12" fmla="*/ 120389 w 154886"/>
                <a:gd name="connsiteY12" fmla="*/ 224936 h 287943"/>
                <a:gd name="connsiteX13" fmla="*/ 154911 w 154886"/>
                <a:gd name="connsiteY13" fmla="*/ 108665 h 28794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54886" h="287943">
                  <a:moveTo>
                    <a:pt x="72102" y="70755"/>
                  </a:moveTo>
                  <a:cubicBezTo>
                    <a:pt x="61936" y="117560"/>
                    <a:pt x="50923" y="164153"/>
                    <a:pt x="41392" y="210958"/>
                  </a:cubicBezTo>
                  <a:cubicBezTo>
                    <a:pt x="38851" y="222606"/>
                    <a:pt x="37157" y="236796"/>
                    <a:pt x="46264" y="244209"/>
                  </a:cubicBezTo>
                  <a:cubicBezTo>
                    <a:pt x="64468" y="237311"/>
                    <a:pt x="79024" y="223214"/>
                    <a:pt x="86503" y="205240"/>
                  </a:cubicBezTo>
                  <a:cubicBezTo>
                    <a:pt x="93771" y="187401"/>
                    <a:pt x="98614" y="168666"/>
                    <a:pt x="100905" y="149540"/>
                  </a:cubicBezTo>
                  <a:lnTo>
                    <a:pt x="115730" y="57835"/>
                  </a:lnTo>
                  <a:cubicBezTo>
                    <a:pt x="118907" y="38774"/>
                    <a:pt x="120178" y="15478"/>
                    <a:pt x="104082" y="4465"/>
                  </a:cubicBezTo>
                  <a:cubicBezTo>
                    <a:pt x="93871" y="-1480"/>
                    <a:pt x="81253" y="-1480"/>
                    <a:pt x="71043" y="4465"/>
                  </a:cubicBezTo>
                  <a:cubicBezTo>
                    <a:pt x="61068" y="10486"/>
                    <a:pt x="52709" y="18845"/>
                    <a:pt x="46687" y="28820"/>
                  </a:cubicBezTo>
                  <a:cubicBezTo>
                    <a:pt x="13013" y="79014"/>
                    <a:pt x="6447" y="142127"/>
                    <a:pt x="1153" y="202487"/>
                  </a:cubicBezTo>
                  <a:cubicBezTo>
                    <a:pt x="-1389" y="230655"/>
                    <a:pt x="-1601" y="264117"/>
                    <a:pt x="22332" y="280425"/>
                  </a:cubicBezTo>
                  <a:cubicBezTo>
                    <a:pt x="41328" y="291776"/>
                    <a:pt x="65370" y="290167"/>
                    <a:pt x="82691" y="276401"/>
                  </a:cubicBezTo>
                  <a:cubicBezTo>
                    <a:pt x="99470" y="262770"/>
                    <a:pt x="112454" y="245045"/>
                    <a:pt x="120389" y="224936"/>
                  </a:cubicBezTo>
                  <a:cubicBezTo>
                    <a:pt x="137415" y="188036"/>
                    <a:pt x="149041" y="148877"/>
                    <a:pt x="154911" y="108665"/>
                  </a:cubicBezTo>
                </a:path>
              </a:pathLst>
            </a:custGeom>
            <a:noFill/>
            <a:ln w="21168" cap="rnd">
              <a:solidFill>
                <a:srgbClr val="000000"/>
              </a:solidFill>
              <a:prstDash val="solid"/>
              <a:round/>
            </a:ln>
          </p:spPr>
          <p:txBody>
            <a:bodyPr rtlCol="0" anchor="ctr"/>
            <a:lstStyle/>
            <a:p>
              <a:endParaRPr lang="en-US" sz="1500"/>
            </a:p>
          </p:txBody>
        </p:sp>
      </p:grpSp>
      <p:grpSp>
        <p:nvGrpSpPr>
          <p:cNvPr id="6" name="Group 5">
            <a:extLst>
              <a:ext uri="{FF2B5EF4-FFF2-40B4-BE49-F238E27FC236}">
                <a16:creationId xmlns:a16="http://schemas.microsoft.com/office/drawing/2014/main" id="{89F4B192-CC54-4533-9B95-1AF71D482BA6}"/>
              </a:ext>
            </a:extLst>
          </p:cNvPr>
          <p:cNvGrpSpPr/>
          <p:nvPr/>
        </p:nvGrpSpPr>
        <p:grpSpPr>
          <a:xfrm>
            <a:off x="2201945" y="374040"/>
            <a:ext cx="228972" cy="279873"/>
            <a:chOff x="2485806" y="193480"/>
            <a:chExt cx="258490" cy="315953"/>
          </a:xfrm>
        </p:grpSpPr>
        <p:sp>
          <p:nvSpPr>
            <p:cNvPr id="7" name="Freeform: Shape 6">
              <a:extLst>
                <a:ext uri="{FF2B5EF4-FFF2-40B4-BE49-F238E27FC236}">
                  <a16:creationId xmlns:a16="http://schemas.microsoft.com/office/drawing/2014/main" id="{D10455AB-6964-4542-A835-3F145C299703}"/>
                </a:ext>
              </a:extLst>
            </p:cNvPr>
            <p:cNvSpPr/>
            <p:nvPr/>
          </p:nvSpPr>
          <p:spPr>
            <a:xfrm>
              <a:off x="2491312" y="203456"/>
              <a:ext cx="252984" cy="305977"/>
            </a:xfrm>
            <a:custGeom>
              <a:avLst/>
              <a:gdLst>
                <a:gd name="connsiteX0" fmla="*/ 177239 w 252984"/>
                <a:gd name="connsiteY0" fmla="*/ 73780 h 305977"/>
                <a:gd name="connsiteX1" fmla="*/ 66474 w 252984"/>
                <a:gd name="connsiteY1" fmla="*/ 211018 h 305977"/>
                <a:gd name="connsiteX2" fmla="*/ 53978 w 252984"/>
                <a:gd name="connsiteY2" fmla="*/ 250199 h 305977"/>
                <a:gd name="connsiteX3" fmla="*/ 119421 w 252984"/>
                <a:gd name="connsiteY3" fmla="*/ 229020 h 305977"/>
                <a:gd name="connsiteX4" fmla="*/ 165590 w 252984"/>
                <a:gd name="connsiteY4" fmla="*/ 175650 h 305977"/>
                <a:gd name="connsiteX5" fmla="*/ 232303 w 252984"/>
                <a:gd name="connsiteY5" fmla="*/ 83099 h 305977"/>
                <a:gd name="connsiteX6" fmla="*/ 248611 w 252984"/>
                <a:gd name="connsiteY6" fmla="*/ 18080 h 305977"/>
                <a:gd name="connsiteX7" fmla="*/ 212395 w 252984"/>
                <a:gd name="connsiteY7" fmla="*/ 78 h 305977"/>
                <a:gd name="connsiteX8" fmla="*/ 172368 w 252984"/>
                <a:gd name="connsiteY8" fmla="*/ 13420 h 305977"/>
                <a:gd name="connsiteX9" fmla="*/ 27081 w 252984"/>
                <a:gd name="connsiteY9" fmla="*/ 179038 h 305977"/>
                <a:gd name="connsiteX10" fmla="*/ 5902 w 252984"/>
                <a:gd name="connsiteY10" fmla="*/ 276037 h 305977"/>
                <a:gd name="connsiteX11" fmla="*/ 74521 w 252984"/>
                <a:gd name="connsiteY11" fmla="*/ 304629 h 305977"/>
                <a:gd name="connsiteX12" fmla="*/ 144200 w 252984"/>
                <a:gd name="connsiteY12" fmla="*/ 268625 h 305977"/>
                <a:gd name="connsiteX13" fmla="*/ 245858 w 252984"/>
                <a:gd name="connsiteY13" fmla="*/ 159978 h 30597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252984" h="305977">
                  <a:moveTo>
                    <a:pt x="177239" y="73780"/>
                  </a:moveTo>
                  <a:lnTo>
                    <a:pt x="66474" y="211018"/>
                  </a:lnTo>
                  <a:cubicBezTo>
                    <a:pt x="57367" y="222243"/>
                    <a:pt x="47836" y="237068"/>
                    <a:pt x="53978" y="250199"/>
                  </a:cubicBezTo>
                  <a:cubicBezTo>
                    <a:pt x="77764" y="252323"/>
                    <a:pt x="101389" y="244678"/>
                    <a:pt x="119421" y="229020"/>
                  </a:cubicBezTo>
                  <a:cubicBezTo>
                    <a:pt x="137170" y="213418"/>
                    <a:pt x="152714" y="195461"/>
                    <a:pt x="165590" y="175650"/>
                  </a:cubicBezTo>
                  <a:lnTo>
                    <a:pt x="232303" y="83099"/>
                  </a:lnTo>
                  <a:cubicBezTo>
                    <a:pt x="246070" y="63826"/>
                    <a:pt x="260471" y="38623"/>
                    <a:pt x="248611" y="18080"/>
                  </a:cubicBezTo>
                  <a:cubicBezTo>
                    <a:pt x="240584" y="6075"/>
                    <a:pt x="226797" y="-776"/>
                    <a:pt x="212395" y="78"/>
                  </a:cubicBezTo>
                  <a:cubicBezTo>
                    <a:pt x="198163" y="1217"/>
                    <a:pt x="184439" y="5796"/>
                    <a:pt x="172368" y="13420"/>
                  </a:cubicBezTo>
                  <a:cubicBezTo>
                    <a:pt x="108831" y="50060"/>
                    <a:pt x="66474" y="115926"/>
                    <a:pt x="27081" y="179038"/>
                  </a:cubicBezTo>
                  <a:cubicBezTo>
                    <a:pt x="8867" y="208689"/>
                    <a:pt x="-9770" y="245540"/>
                    <a:pt x="5902" y="276037"/>
                  </a:cubicBezTo>
                  <a:cubicBezTo>
                    <a:pt x="20738" y="298750"/>
                    <a:pt x="47948" y="310089"/>
                    <a:pt x="74521" y="304629"/>
                  </a:cubicBezTo>
                  <a:cubicBezTo>
                    <a:pt x="100465" y="298843"/>
                    <a:pt x="124472" y="286440"/>
                    <a:pt x="144200" y="268625"/>
                  </a:cubicBezTo>
                  <a:cubicBezTo>
                    <a:pt x="183169" y="237515"/>
                    <a:pt x="217415" y="200918"/>
                    <a:pt x="245858" y="159978"/>
                  </a:cubicBezTo>
                </a:path>
              </a:pathLst>
            </a:custGeom>
            <a:noFill/>
            <a:ln w="21168" cap="flat">
              <a:solidFill>
                <a:srgbClr val="DD912C"/>
              </a:solidFill>
              <a:prstDash val="solid"/>
              <a:miter/>
            </a:ln>
          </p:spPr>
          <p:txBody>
            <a:bodyPr rtlCol="0" anchor="ctr"/>
            <a:lstStyle/>
            <a:p>
              <a:endParaRPr lang="en-US" sz="1500"/>
            </a:p>
          </p:txBody>
        </p:sp>
        <p:sp>
          <p:nvSpPr>
            <p:cNvPr id="8" name="Freeform: Shape 7">
              <a:extLst>
                <a:ext uri="{FF2B5EF4-FFF2-40B4-BE49-F238E27FC236}">
                  <a16:creationId xmlns:a16="http://schemas.microsoft.com/office/drawing/2014/main" id="{28436AD7-5481-422D-9E15-9C251EC6D795}"/>
                </a:ext>
              </a:extLst>
            </p:cNvPr>
            <p:cNvSpPr/>
            <p:nvPr/>
          </p:nvSpPr>
          <p:spPr>
            <a:xfrm>
              <a:off x="2485806" y="193480"/>
              <a:ext cx="252984" cy="306186"/>
            </a:xfrm>
            <a:custGeom>
              <a:avLst/>
              <a:gdLst>
                <a:gd name="connsiteX0" fmla="*/ 177238 w 252984"/>
                <a:gd name="connsiteY0" fmla="*/ 73802 h 306186"/>
                <a:gd name="connsiteX1" fmla="*/ 66473 w 252984"/>
                <a:gd name="connsiteY1" fmla="*/ 211041 h 306186"/>
                <a:gd name="connsiteX2" fmla="*/ 53978 w 252984"/>
                <a:gd name="connsiteY2" fmla="*/ 250221 h 306186"/>
                <a:gd name="connsiteX3" fmla="*/ 119420 w 252984"/>
                <a:gd name="connsiteY3" fmla="*/ 229043 h 306186"/>
                <a:gd name="connsiteX4" fmla="*/ 165590 w 252984"/>
                <a:gd name="connsiteY4" fmla="*/ 175884 h 306186"/>
                <a:gd name="connsiteX5" fmla="*/ 232303 w 252984"/>
                <a:gd name="connsiteY5" fmla="*/ 83121 h 306186"/>
                <a:gd name="connsiteX6" fmla="*/ 248611 w 252984"/>
                <a:gd name="connsiteY6" fmla="*/ 18102 h 306186"/>
                <a:gd name="connsiteX7" fmla="*/ 212395 w 252984"/>
                <a:gd name="connsiteY7" fmla="*/ 100 h 306186"/>
                <a:gd name="connsiteX8" fmla="*/ 172367 w 252984"/>
                <a:gd name="connsiteY8" fmla="*/ 13443 h 306186"/>
                <a:gd name="connsiteX9" fmla="*/ 27081 w 252984"/>
                <a:gd name="connsiteY9" fmla="*/ 179272 h 306186"/>
                <a:gd name="connsiteX10" fmla="*/ 5902 w 252984"/>
                <a:gd name="connsiteY10" fmla="*/ 276060 h 306186"/>
                <a:gd name="connsiteX11" fmla="*/ 74521 w 252984"/>
                <a:gd name="connsiteY11" fmla="*/ 304863 h 306186"/>
                <a:gd name="connsiteX12" fmla="*/ 144200 w 252984"/>
                <a:gd name="connsiteY12" fmla="*/ 268647 h 306186"/>
                <a:gd name="connsiteX13" fmla="*/ 246070 w 252984"/>
                <a:gd name="connsiteY13" fmla="*/ 160000 h 3061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252984" h="306186">
                  <a:moveTo>
                    <a:pt x="177238" y="73802"/>
                  </a:moveTo>
                  <a:lnTo>
                    <a:pt x="66473" y="211041"/>
                  </a:lnTo>
                  <a:cubicBezTo>
                    <a:pt x="57367" y="222477"/>
                    <a:pt x="47836" y="237091"/>
                    <a:pt x="53978" y="250221"/>
                  </a:cubicBezTo>
                  <a:cubicBezTo>
                    <a:pt x="77774" y="252445"/>
                    <a:pt x="101440" y="244787"/>
                    <a:pt x="119420" y="229043"/>
                  </a:cubicBezTo>
                  <a:cubicBezTo>
                    <a:pt x="137168" y="213517"/>
                    <a:pt x="152692" y="195631"/>
                    <a:pt x="165590" y="175884"/>
                  </a:cubicBezTo>
                  <a:lnTo>
                    <a:pt x="232303" y="83121"/>
                  </a:lnTo>
                  <a:cubicBezTo>
                    <a:pt x="246070" y="63848"/>
                    <a:pt x="260471" y="38645"/>
                    <a:pt x="248611" y="18102"/>
                  </a:cubicBezTo>
                  <a:cubicBezTo>
                    <a:pt x="240690" y="5995"/>
                    <a:pt x="226839" y="-888"/>
                    <a:pt x="212395" y="100"/>
                  </a:cubicBezTo>
                  <a:cubicBezTo>
                    <a:pt x="198163" y="1240"/>
                    <a:pt x="184439" y="5819"/>
                    <a:pt x="172367" y="13443"/>
                  </a:cubicBezTo>
                  <a:cubicBezTo>
                    <a:pt x="108831" y="50082"/>
                    <a:pt x="66473" y="115948"/>
                    <a:pt x="27081" y="179272"/>
                  </a:cubicBezTo>
                  <a:cubicBezTo>
                    <a:pt x="8867" y="208711"/>
                    <a:pt x="-9770" y="245562"/>
                    <a:pt x="5902" y="276060"/>
                  </a:cubicBezTo>
                  <a:cubicBezTo>
                    <a:pt x="20681" y="298852"/>
                    <a:pt x="47902" y="310278"/>
                    <a:pt x="74521" y="304863"/>
                  </a:cubicBezTo>
                  <a:cubicBezTo>
                    <a:pt x="100480" y="298998"/>
                    <a:pt x="124482" y="286522"/>
                    <a:pt x="144200" y="268647"/>
                  </a:cubicBezTo>
                  <a:cubicBezTo>
                    <a:pt x="183169" y="237487"/>
                    <a:pt x="217478" y="200898"/>
                    <a:pt x="246070" y="160000"/>
                  </a:cubicBezTo>
                </a:path>
              </a:pathLst>
            </a:custGeom>
            <a:noFill/>
            <a:ln w="21168" cap="rnd">
              <a:solidFill>
                <a:srgbClr val="FFE21A"/>
              </a:solidFill>
              <a:prstDash val="solid"/>
              <a:round/>
            </a:ln>
          </p:spPr>
          <p:txBody>
            <a:bodyPr rtlCol="0" anchor="ctr"/>
            <a:lstStyle/>
            <a:p>
              <a:endParaRPr lang="en-US" sz="1500"/>
            </a:p>
          </p:txBody>
        </p:sp>
      </p:grpSp>
      <p:grpSp>
        <p:nvGrpSpPr>
          <p:cNvPr id="9" name="Group 8">
            <a:extLst>
              <a:ext uri="{FF2B5EF4-FFF2-40B4-BE49-F238E27FC236}">
                <a16:creationId xmlns:a16="http://schemas.microsoft.com/office/drawing/2014/main" id="{5CDAEEB7-2434-4E0F-8378-FE6268484FEC}"/>
              </a:ext>
            </a:extLst>
          </p:cNvPr>
          <p:cNvGrpSpPr/>
          <p:nvPr/>
        </p:nvGrpSpPr>
        <p:grpSpPr>
          <a:xfrm>
            <a:off x="269724" y="755706"/>
            <a:ext cx="1213125" cy="783995"/>
            <a:chOff x="304495" y="624348"/>
            <a:chExt cx="1369514" cy="885063"/>
          </a:xfrm>
        </p:grpSpPr>
        <p:sp>
          <p:nvSpPr>
            <p:cNvPr id="10" name="Freeform: Shape 9">
              <a:extLst>
                <a:ext uri="{FF2B5EF4-FFF2-40B4-BE49-F238E27FC236}">
                  <a16:creationId xmlns:a16="http://schemas.microsoft.com/office/drawing/2014/main" id="{165440CB-B6FA-49D3-BFD6-07CE15D3BF5C}"/>
                </a:ext>
              </a:extLst>
            </p:cNvPr>
            <p:cNvSpPr/>
            <p:nvPr/>
          </p:nvSpPr>
          <p:spPr>
            <a:xfrm>
              <a:off x="473932" y="665965"/>
              <a:ext cx="1200077" cy="788891"/>
            </a:xfrm>
            <a:custGeom>
              <a:avLst/>
              <a:gdLst>
                <a:gd name="connsiteX0" fmla="*/ 1197733 w 1200077"/>
                <a:gd name="connsiteY0" fmla="*/ 371591 h 788891"/>
                <a:gd name="connsiteX1" fmla="*/ 1004371 w 1200077"/>
                <a:gd name="connsiteY1" fmla="*/ 133964 h 788891"/>
                <a:gd name="connsiteX2" fmla="*/ 722057 w 1200077"/>
                <a:gd name="connsiteY2" fmla="*/ 16210 h 788891"/>
                <a:gd name="connsiteX3" fmla="*/ 38406 w 1200077"/>
                <a:gd name="connsiteY3" fmla="*/ 302548 h 788891"/>
                <a:gd name="connsiteX4" fmla="*/ 284 w 1200077"/>
                <a:gd name="connsiteY4" fmla="*/ 473884 h 788891"/>
                <a:gd name="connsiteX5" fmla="*/ 48148 w 1200077"/>
                <a:gd name="connsiteY5" fmla="*/ 755774 h 788891"/>
                <a:gd name="connsiteX6" fmla="*/ 125239 w 1200077"/>
                <a:gd name="connsiteY6" fmla="*/ 784153 h 788891"/>
                <a:gd name="connsiteX7" fmla="*/ 260571 w 1200077"/>
                <a:gd name="connsiteY7" fmla="*/ 753021 h 788891"/>
                <a:gd name="connsiteX8" fmla="*/ 1195615 w 1200077"/>
                <a:gd name="connsiteY8" fmla="*/ 384933 h 788891"/>
                <a:gd name="connsiteX9" fmla="*/ 1200063 w 1200077"/>
                <a:gd name="connsiteY9" fmla="*/ 379003 h 788891"/>
                <a:gd name="connsiteX10" fmla="*/ 1197733 w 1200077"/>
                <a:gd name="connsiteY10" fmla="*/ 371591 h 788891"/>
                <a:gd name="connsiteX11" fmla="*/ 928339 w 1200077"/>
                <a:gd name="connsiteY11" fmla="*/ 369049 h 788891"/>
                <a:gd name="connsiteX12" fmla="*/ 925374 w 1200077"/>
                <a:gd name="connsiteY12" fmla="*/ 372861 h 788891"/>
                <a:gd name="connsiteX13" fmla="*/ 316272 w 1200077"/>
                <a:gd name="connsiteY13" fmla="*/ 612817 h 788891"/>
                <a:gd name="connsiteX14" fmla="*/ 228380 w 1200077"/>
                <a:gd name="connsiteY14" fmla="*/ 633996 h 788891"/>
                <a:gd name="connsiteX15" fmla="*/ 178398 w 1200077"/>
                <a:gd name="connsiteY15" fmla="*/ 615570 h 788891"/>
                <a:gd name="connsiteX16" fmla="*/ 146418 w 1200077"/>
                <a:gd name="connsiteY16" fmla="*/ 430891 h 788891"/>
                <a:gd name="connsiteX17" fmla="*/ 171197 w 1200077"/>
                <a:gd name="connsiteY17" fmla="*/ 319279 h 788891"/>
                <a:gd name="connsiteX18" fmla="*/ 615951 w 1200077"/>
                <a:gd name="connsiteY18" fmla="*/ 132905 h 788891"/>
                <a:gd name="connsiteX19" fmla="*/ 799995 w 1200077"/>
                <a:gd name="connsiteY19" fmla="*/ 209573 h 788891"/>
                <a:gd name="connsiteX20" fmla="*/ 925797 w 1200077"/>
                <a:gd name="connsiteY20" fmla="*/ 364390 h 788891"/>
                <a:gd name="connsiteX21" fmla="*/ 928339 w 1200077"/>
                <a:gd name="connsiteY21" fmla="*/ 369049 h 7888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Lst>
              <a:rect l="l" t="t" r="r" b="b"/>
              <a:pathLst>
                <a:path w="1200077" h="788891">
                  <a:moveTo>
                    <a:pt x="1197733" y="371591"/>
                  </a:moveTo>
                  <a:cubicBezTo>
                    <a:pt x="1150928" y="276498"/>
                    <a:pt x="1094804" y="193053"/>
                    <a:pt x="1004371" y="133964"/>
                  </a:cubicBezTo>
                  <a:cubicBezTo>
                    <a:pt x="918190" y="77908"/>
                    <a:pt x="822527" y="38005"/>
                    <a:pt x="722057" y="16210"/>
                  </a:cubicBezTo>
                  <a:cubicBezTo>
                    <a:pt x="466006" y="-38855"/>
                    <a:pt x="151924" y="43954"/>
                    <a:pt x="38406" y="302548"/>
                  </a:cubicBezTo>
                  <a:cubicBezTo>
                    <a:pt x="15301" y="356839"/>
                    <a:pt x="2379" y="414918"/>
                    <a:pt x="284" y="473884"/>
                  </a:cubicBezTo>
                  <a:cubicBezTo>
                    <a:pt x="-2266" y="570068"/>
                    <a:pt x="13993" y="665823"/>
                    <a:pt x="48148" y="755774"/>
                  </a:cubicBezTo>
                  <a:cubicBezTo>
                    <a:pt x="63185" y="796861"/>
                    <a:pt x="84152" y="790719"/>
                    <a:pt x="125239" y="784153"/>
                  </a:cubicBezTo>
                  <a:cubicBezTo>
                    <a:pt x="170985" y="776317"/>
                    <a:pt x="215884" y="764881"/>
                    <a:pt x="260571" y="753021"/>
                  </a:cubicBezTo>
                  <a:cubicBezTo>
                    <a:pt x="384044" y="720405"/>
                    <a:pt x="1030421" y="517301"/>
                    <a:pt x="1195615" y="384933"/>
                  </a:cubicBezTo>
                  <a:cubicBezTo>
                    <a:pt x="1197309" y="383239"/>
                    <a:pt x="1199639" y="381544"/>
                    <a:pt x="1200063" y="379003"/>
                  </a:cubicBezTo>
                  <a:cubicBezTo>
                    <a:pt x="1200298" y="376322"/>
                    <a:pt x="1199461" y="373655"/>
                    <a:pt x="1197733" y="371591"/>
                  </a:cubicBezTo>
                  <a:close/>
                  <a:moveTo>
                    <a:pt x="928339" y="369049"/>
                  </a:moveTo>
                  <a:cubicBezTo>
                    <a:pt x="927936" y="370682"/>
                    <a:pt x="926858" y="372069"/>
                    <a:pt x="925374" y="372861"/>
                  </a:cubicBezTo>
                  <a:cubicBezTo>
                    <a:pt x="817997" y="459271"/>
                    <a:pt x="395904" y="591638"/>
                    <a:pt x="316272" y="612817"/>
                  </a:cubicBezTo>
                  <a:cubicBezTo>
                    <a:pt x="287257" y="620441"/>
                    <a:pt x="257818" y="628066"/>
                    <a:pt x="228380" y="633996"/>
                  </a:cubicBezTo>
                  <a:cubicBezTo>
                    <a:pt x="198941" y="639926"/>
                    <a:pt x="188140" y="642467"/>
                    <a:pt x="178398" y="615570"/>
                  </a:cubicBezTo>
                  <a:cubicBezTo>
                    <a:pt x="155746" y="556700"/>
                    <a:pt x="144880" y="493951"/>
                    <a:pt x="146418" y="430891"/>
                  </a:cubicBezTo>
                  <a:cubicBezTo>
                    <a:pt x="147712" y="392475"/>
                    <a:pt x="156113" y="354633"/>
                    <a:pt x="171197" y="319279"/>
                  </a:cubicBezTo>
                  <a:cubicBezTo>
                    <a:pt x="245111" y="149848"/>
                    <a:pt x="449698" y="96901"/>
                    <a:pt x="615951" y="132905"/>
                  </a:cubicBezTo>
                  <a:cubicBezTo>
                    <a:pt x="681453" y="147049"/>
                    <a:pt x="743823" y="173031"/>
                    <a:pt x="799995" y="209573"/>
                  </a:cubicBezTo>
                  <a:cubicBezTo>
                    <a:pt x="855471" y="248516"/>
                    <a:pt x="899027" y="302118"/>
                    <a:pt x="925797" y="364390"/>
                  </a:cubicBezTo>
                  <a:cubicBezTo>
                    <a:pt x="927417" y="365374"/>
                    <a:pt x="928387" y="367154"/>
                    <a:pt x="928339" y="369049"/>
                  </a:cubicBezTo>
                  <a:close/>
                </a:path>
              </a:pathLst>
            </a:custGeom>
            <a:solidFill>
              <a:srgbClr val="000000">
                <a:alpha val="15000"/>
              </a:srgbClr>
            </a:solidFill>
            <a:ln w="21168" cap="flat">
              <a:noFill/>
              <a:prstDash val="solid"/>
              <a:miter/>
            </a:ln>
          </p:spPr>
          <p:txBody>
            <a:bodyPr rtlCol="0" anchor="ctr"/>
            <a:lstStyle/>
            <a:p>
              <a:endParaRPr lang="en-US" sz="1500"/>
            </a:p>
          </p:txBody>
        </p:sp>
        <p:sp>
          <p:nvSpPr>
            <p:cNvPr id="11" name="Freeform: Shape 10">
              <a:extLst>
                <a:ext uri="{FF2B5EF4-FFF2-40B4-BE49-F238E27FC236}">
                  <a16:creationId xmlns:a16="http://schemas.microsoft.com/office/drawing/2014/main" id="{FC69F868-3D9F-4C5D-A0BF-E62A03BEE047}"/>
                </a:ext>
              </a:extLst>
            </p:cNvPr>
            <p:cNvSpPr/>
            <p:nvPr/>
          </p:nvSpPr>
          <p:spPr>
            <a:xfrm>
              <a:off x="316543" y="636211"/>
              <a:ext cx="1224434" cy="812842"/>
            </a:xfrm>
            <a:custGeom>
              <a:avLst/>
              <a:gdLst>
                <a:gd name="connsiteX0" fmla="*/ 99431 w 1224434"/>
                <a:gd name="connsiteY0" fmla="*/ 812849 h 812842"/>
                <a:gd name="connsiteX1" fmla="*/ 48814 w 1224434"/>
                <a:gd name="connsiteY1" fmla="*/ 771762 h 812842"/>
                <a:gd name="connsiteX2" fmla="*/ 314 w 1224434"/>
                <a:gd name="connsiteY2" fmla="*/ 485213 h 812842"/>
                <a:gd name="connsiteX3" fmla="*/ 39495 w 1224434"/>
                <a:gd name="connsiteY3" fmla="*/ 309852 h 812842"/>
                <a:gd name="connsiteX4" fmla="*/ 579131 w 1224434"/>
                <a:gd name="connsiteY4" fmla="*/ 6 h 812842"/>
                <a:gd name="connsiteX5" fmla="*/ 736065 w 1224434"/>
                <a:gd name="connsiteY5" fmla="*/ 16526 h 812842"/>
                <a:gd name="connsiteX6" fmla="*/ 1023885 w 1224434"/>
                <a:gd name="connsiteY6" fmla="*/ 135974 h 812842"/>
                <a:gd name="connsiteX7" fmla="*/ 1221272 w 1224434"/>
                <a:gd name="connsiteY7" fmla="*/ 378260 h 812842"/>
                <a:gd name="connsiteX8" fmla="*/ 1224237 w 1224434"/>
                <a:gd name="connsiteY8" fmla="*/ 393085 h 812842"/>
                <a:gd name="connsiteX9" fmla="*/ 1215553 w 1224434"/>
                <a:gd name="connsiteY9" fmla="*/ 406004 h 812842"/>
                <a:gd name="connsiteX10" fmla="*/ 275850 w 1224434"/>
                <a:gd name="connsiteY10" fmla="*/ 776633 h 812842"/>
                <a:gd name="connsiteX11" fmla="*/ 138612 w 1224434"/>
                <a:gd name="connsiteY11" fmla="*/ 807977 h 812842"/>
                <a:gd name="connsiteX12" fmla="*/ 132046 w 1224434"/>
                <a:gd name="connsiteY12" fmla="*/ 807977 h 812842"/>
                <a:gd name="connsiteX13" fmla="*/ 99431 w 1224434"/>
                <a:gd name="connsiteY13" fmla="*/ 811790 h 812842"/>
                <a:gd name="connsiteX14" fmla="*/ 528937 w 1224434"/>
                <a:gd name="connsiteY14" fmla="*/ 146352 h 812842"/>
                <a:gd name="connsiteX15" fmla="*/ 195159 w 1224434"/>
                <a:gd name="connsiteY15" fmla="*/ 336961 h 812842"/>
                <a:gd name="connsiteX16" fmla="*/ 171227 w 1224434"/>
                <a:gd name="connsiteY16" fmla="*/ 444337 h 812842"/>
                <a:gd name="connsiteX17" fmla="*/ 201724 w 1224434"/>
                <a:gd name="connsiteY17" fmla="*/ 622451 h 812842"/>
                <a:gd name="connsiteX18" fmla="*/ 215914 w 1224434"/>
                <a:gd name="connsiteY18" fmla="*/ 636217 h 812842"/>
                <a:gd name="connsiteX19" fmla="*/ 234128 w 1224434"/>
                <a:gd name="connsiteY19" fmla="*/ 633888 h 812842"/>
                <a:gd name="connsiteX20" fmla="*/ 238364 w 1224434"/>
                <a:gd name="connsiteY20" fmla="*/ 633888 h 812842"/>
                <a:gd name="connsiteX21" fmla="*/ 325409 w 1224434"/>
                <a:gd name="connsiteY21" fmla="*/ 613980 h 812842"/>
                <a:gd name="connsiteX22" fmla="*/ 926675 w 1224434"/>
                <a:gd name="connsiteY22" fmla="*/ 378895 h 812842"/>
                <a:gd name="connsiteX23" fmla="*/ 806803 w 1224434"/>
                <a:gd name="connsiteY23" fmla="*/ 232549 h 812842"/>
                <a:gd name="connsiteX24" fmla="*/ 626783 w 1224434"/>
                <a:gd name="connsiteY24" fmla="*/ 157365 h 812842"/>
                <a:gd name="connsiteX25" fmla="*/ 528937 w 1224434"/>
                <a:gd name="connsiteY25" fmla="*/ 146352 h 81284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Lst>
              <a:rect l="l" t="t" r="r" b="b"/>
              <a:pathLst>
                <a:path w="1224434" h="812842">
                  <a:moveTo>
                    <a:pt x="99431" y="812849"/>
                  </a:moveTo>
                  <a:cubicBezTo>
                    <a:pt x="74440" y="812849"/>
                    <a:pt x="59403" y="800565"/>
                    <a:pt x="48814" y="771762"/>
                  </a:cubicBezTo>
                  <a:cubicBezTo>
                    <a:pt x="14069" y="680335"/>
                    <a:pt x="-2408" y="582980"/>
                    <a:pt x="314" y="485213"/>
                  </a:cubicBezTo>
                  <a:cubicBezTo>
                    <a:pt x="2387" y="424836"/>
                    <a:pt x="15673" y="365370"/>
                    <a:pt x="39495" y="309852"/>
                  </a:cubicBezTo>
                  <a:cubicBezTo>
                    <a:pt x="139459" y="81333"/>
                    <a:pt x="384286" y="6"/>
                    <a:pt x="579131" y="6"/>
                  </a:cubicBezTo>
                  <a:cubicBezTo>
                    <a:pt x="631874" y="44"/>
                    <a:pt x="684470" y="5583"/>
                    <a:pt x="736065" y="16526"/>
                  </a:cubicBezTo>
                  <a:cubicBezTo>
                    <a:pt x="838518" y="38355"/>
                    <a:pt x="936082" y="78846"/>
                    <a:pt x="1023885" y="135974"/>
                  </a:cubicBezTo>
                  <a:cubicBezTo>
                    <a:pt x="1125755" y="202476"/>
                    <a:pt x="1182938" y="300322"/>
                    <a:pt x="1221272" y="378260"/>
                  </a:cubicBezTo>
                  <a:cubicBezTo>
                    <a:pt x="1223913" y="382722"/>
                    <a:pt x="1224957" y="387949"/>
                    <a:pt x="1224237" y="393085"/>
                  </a:cubicBezTo>
                  <a:cubicBezTo>
                    <a:pt x="1222894" y="398252"/>
                    <a:pt x="1219832" y="402808"/>
                    <a:pt x="1215553" y="406004"/>
                  </a:cubicBezTo>
                  <a:cubicBezTo>
                    <a:pt x="1046123" y="541548"/>
                    <a:pt x="401441" y="743594"/>
                    <a:pt x="275850" y="776633"/>
                  </a:cubicBezTo>
                  <a:cubicBezTo>
                    <a:pt x="229469" y="788493"/>
                    <a:pt x="184570" y="800141"/>
                    <a:pt x="138612" y="807977"/>
                  </a:cubicBezTo>
                  <a:lnTo>
                    <a:pt x="132046" y="807977"/>
                  </a:lnTo>
                  <a:cubicBezTo>
                    <a:pt x="121299" y="810148"/>
                    <a:pt x="110389" y="811423"/>
                    <a:pt x="99431" y="811790"/>
                  </a:cubicBezTo>
                  <a:close/>
                  <a:moveTo>
                    <a:pt x="528937" y="146352"/>
                  </a:moveTo>
                  <a:cubicBezTo>
                    <a:pt x="407794" y="146352"/>
                    <a:pt x="256578" y="196122"/>
                    <a:pt x="195159" y="336961"/>
                  </a:cubicBezTo>
                  <a:cubicBezTo>
                    <a:pt x="180596" y="370961"/>
                    <a:pt x="172481" y="407372"/>
                    <a:pt x="171227" y="444337"/>
                  </a:cubicBezTo>
                  <a:cubicBezTo>
                    <a:pt x="169786" y="505123"/>
                    <a:pt x="180143" y="565609"/>
                    <a:pt x="201724" y="622451"/>
                  </a:cubicBezTo>
                  <a:cubicBezTo>
                    <a:pt x="206596" y="636217"/>
                    <a:pt x="210831" y="636217"/>
                    <a:pt x="215914" y="636217"/>
                  </a:cubicBezTo>
                  <a:cubicBezTo>
                    <a:pt x="222037" y="635912"/>
                    <a:pt x="228126" y="635133"/>
                    <a:pt x="234128" y="633888"/>
                  </a:cubicBezTo>
                  <a:lnTo>
                    <a:pt x="238364" y="633888"/>
                  </a:lnTo>
                  <a:cubicBezTo>
                    <a:pt x="267379" y="629017"/>
                    <a:pt x="296817" y="621392"/>
                    <a:pt x="325409" y="613980"/>
                  </a:cubicBezTo>
                  <a:cubicBezTo>
                    <a:pt x="402499" y="593860"/>
                    <a:pt x="816121" y="463822"/>
                    <a:pt x="926675" y="378895"/>
                  </a:cubicBezTo>
                  <a:cubicBezTo>
                    <a:pt x="890882" y="307522"/>
                    <a:pt x="855090" y="263894"/>
                    <a:pt x="806803" y="232549"/>
                  </a:cubicBezTo>
                  <a:cubicBezTo>
                    <a:pt x="751911" y="196666"/>
                    <a:pt x="690891" y="171182"/>
                    <a:pt x="626783" y="157365"/>
                  </a:cubicBezTo>
                  <a:cubicBezTo>
                    <a:pt x="594644" y="150272"/>
                    <a:pt x="561849" y="146580"/>
                    <a:pt x="528937" y="146352"/>
                  </a:cubicBezTo>
                  <a:close/>
                </a:path>
              </a:pathLst>
            </a:custGeom>
            <a:solidFill>
              <a:srgbClr val="63D1E1"/>
            </a:solidFill>
            <a:ln w="21168" cap="flat">
              <a:noFill/>
              <a:prstDash val="solid"/>
              <a:miter/>
            </a:ln>
          </p:spPr>
          <p:txBody>
            <a:bodyPr rtlCol="0" anchor="ctr"/>
            <a:lstStyle/>
            <a:p>
              <a:endParaRPr lang="en-US" sz="1500"/>
            </a:p>
          </p:txBody>
        </p:sp>
        <p:sp>
          <p:nvSpPr>
            <p:cNvPr id="12" name="Freeform: Shape 11">
              <a:extLst>
                <a:ext uri="{FF2B5EF4-FFF2-40B4-BE49-F238E27FC236}">
                  <a16:creationId xmlns:a16="http://schemas.microsoft.com/office/drawing/2014/main" id="{456BC7C2-4C43-4775-8ABB-6F655A9DADC4}"/>
                </a:ext>
              </a:extLst>
            </p:cNvPr>
            <p:cNvSpPr/>
            <p:nvPr/>
          </p:nvSpPr>
          <p:spPr>
            <a:xfrm>
              <a:off x="304495" y="624348"/>
              <a:ext cx="1247416" cy="836777"/>
            </a:xfrm>
            <a:custGeom>
              <a:avLst/>
              <a:gdLst>
                <a:gd name="connsiteX0" fmla="*/ 591179 w 1247416"/>
                <a:gd name="connsiteY0" fmla="*/ 23941 h 836777"/>
                <a:gd name="connsiteX1" fmla="*/ 745572 w 1247416"/>
                <a:gd name="connsiteY1" fmla="*/ 40249 h 836777"/>
                <a:gd name="connsiteX2" fmla="*/ 1027886 w 1247416"/>
                <a:gd name="connsiteY2" fmla="*/ 157791 h 836777"/>
                <a:gd name="connsiteX3" fmla="*/ 1221036 w 1247416"/>
                <a:gd name="connsiteY3" fmla="*/ 395417 h 836777"/>
                <a:gd name="connsiteX4" fmla="*/ 1222942 w 1247416"/>
                <a:gd name="connsiteY4" fmla="*/ 402830 h 836777"/>
                <a:gd name="connsiteX5" fmla="*/ 1218283 w 1247416"/>
                <a:gd name="connsiteY5" fmla="*/ 408760 h 836777"/>
                <a:gd name="connsiteX6" fmla="*/ 283875 w 1247416"/>
                <a:gd name="connsiteY6" fmla="*/ 776847 h 836777"/>
                <a:gd name="connsiteX7" fmla="*/ 148542 w 1247416"/>
                <a:gd name="connsiteY7" fmla="*/ 807980 h 836777"/>
                <a:gd name="connsiteX8" fmla="*/ 111479 w 1247416"/>
                <a:gd name="connsiteY8" fmla="*/ 812639 h 836777"/>
                <a:gd name="connsiteX9" fmla="*/ 72298 w 1247416"/>
                <a:gd name="connsiteY9" fmla="*/ 779601 h 836777"/>
                <a:gd name="connsiteX10" fmla="*/ 24434 w 1247416"/>
                <a:gd name="connsiteY10" fmla="*/ 497711 h 836777"/>
                <a:gd name="connsiteX11" fmla="*/ 61709 w 1247416"/>
                <a:gd name="connsiteY11" fmla="*/ 326374 h 836777"/>
                <a:gd name="connsiteX12" fmla="*/ 591179 w 1247416"/>
                <a:gd name="connsiteY12" fmla="*/ 23941 h 836777"/>
                <a:gd name="connsiteX13" fmla="*/ 227963 w 1247416"/>
                <a:gd name="connsiteY13" fmla="*/ 659940 h 836777"/>
                <a:gd name="connsiteX14" fmla="*/ 252318 w 1247416"/>
                <a:gd name="connsiteY14" fmla="*/ 656764 h 836777"/>
                <a:gd name="connsiteX15" fmla="*/ 340422 w 1247416"/>
                <a:gd name="connsiteY15" fmla="*/ 636644 h 836777"/>
                <a:gd name="connsiteX16" fmla="*/ 949524 w 1247416"/>
                <a:gd name="connsiteY16" fmla="*/ 396688 h 836777"/>
                <a:gd name="connsiteX17" fmla="*/ 952489 w 1247416"/>
                <a:gd name="connsiteY17" fmla="*/ 392876 h 836777"/>
                <a:gd name="connsiteX18" fmla="*/ 951430 w 1247416"/>
                <a:gd name="connsiteY18" fmla="*/ 388216 h 836777"/>
                <a:gd name="connsiteX19" fmla="*/ 825416 w 1247416"/>
                <a:gd name="connsiteY19" fmla="*/ 233399 h 836777"/>
                <a:gd name="connsiteX20" fmla="*/ 641373 w 1247416"/>
                <a:gd name="connsiteY20" fmla="*/ 156732 h 836777"/>
                <a:gd name="connsiteX21" fmla="*/ 540985 w 1247416"/>
                <a:gd name="connsiteY21" fmla="*/ 146143 h 836777"/>
                <a:gd name="connsiteX22" fmla="*/ 196194 w 1247416"/>
                <a:gd name="connsiteY22" fmla="*/ 343106 h 836777"/>
                <a:gd name="connsiteX23" fmla="*/ 171415 w 1247416"/>
                <a:gd name="connsiteY23" fmla="*/ 454718 h 836777"/>
                <a:gd name="connsiteX24" fmla="*/ 202548 w 1247416"/>
                <a:gd name="connsiteY24" fmla="*/ 638550 h 836777"/>
                <a:gd name="connsiteX25" fmla="*/ 227963 w 1247416"/>
                <a:gd name="connsiteY25" fmla="*/ 659729 h 836777"/>
                <a:gd name="connsiteX26" fmla="*/ 591179 w 1247416"/>
                <a:gd name="connsiteY26" fmla="*/ 9 h 836777"/>
                <a:gd name="connsiteX27" fmla="*/ 40530 w 1247416"/>
                <a:gd name="connsiteY27" fmla="*/ 317691 h 836777"/>
                <a:gd name="connsiteX28" fmla="*/ 291 w 1247416"/>
                <a:gd name="connsiteY28" fmla="*/ 497499 h 836777"/>
                <a:gd name="connsiteX29" fmla="*/ 49637 w 1247416"/>
                <a:gd name="connsiteY29" fmla="*/ 787860 h 836777"/>
                <a:gd name="connsiteX30" fmla="*/ 111479 w 1247416"/>
                <a:gd name="connsiteY30" fmla="*/ 836783 h 836777"/>
                <a:gd name="connsiteX31" fmla="*/ 146424 w 1247416"/>
                <a:gd name="connsiteY31" fmla="*/ 832759 h 836777"/>
                <a:gd name="connsiteX32" fmla="*/ 152778 w 1247416"/>
                <a:gd name="connsiteY32" fmla="*/ 831700 h 836777"/>
                <a:gd name="connsiteX33" fmla="*/ 290228 w 1247416"/>
                <a:gd name="connsiteY33" fmla="*/ 800144 h 836777"/>
                <a:gd name="connsiteX34" fmla="*/ 1234167 w 1247416"/>
                <a:gd name="connsiteY34" fmla="*/ 427397 h 836777"/>
                <a:gd name="connsiteX35" fmla="*/ 1247086 w 1247416"/>
                <a:gd name="connsiteY35" fmla="*/ 408336 h 836777"/>
                <a:gd name="connsiteX36" fmla="*/ 1247086 w 1247416"/>
                <a:gd name="connsiteY36" fmla="*/ 407065 h 836777"/>
                <a:gd name="connsiteX37" fmla="*/ 1243062 w 1247416"/>
                <a:gd name="connsiteY37" fmla="*/ 384404 h 836777"/>
                <a:gd name="connsiteX38" fmla="*/ 1041652 w 1247416"/>
                <a:gd name="connsiteY38" fmla="*/ 137671 h 836777"/>
                <a:gd name="connsiteX39" fmla="*/ 751291 w 1247416"/>
                <a:gd name="connsiteY39" fmla="*/ 16740 h 836777"/>
                <a:gd name="connsiteX40" fmla="*/ 591179 w 1247416"/>
                <a:gd name="connsiteY40" fmla="*/ 9 h 836777"/>
                <a:gd name="connsiteX41" fmla="*/ 226904 w 1247416"/>
                <a:gd name="connsiteY41" fmla="*/ 635373 h 836777"/>
                <a:gd name="connsiteX42" fmla="*/ 224362 w 1247416"/>
                <a:gd name="connsiteY42" fmla="*/ 629655 h 836777"/>
                <a:gd name="connsiteX43" fmla="*/ 194712 w 1247416"/>
                <a:gd name="connsiteY43" fmla="*/ 455141 h 836777"/>
                <a:gd name="connsiteX44" fmla="*/ 218220 w 1247416"/>
                <a:gd name="connsiteY44" fmla="*/ 352848 h 836777"/>
                <a:gd name="connsiteX45" fmla="*/ 540985 w 1247416"/>
                <a:gd name="connsiteY45" fmla="*/ 170075 h 836777"/>
                <a:gd name="connsiteX46" fmla="*/ 636290 w 1247416"/>
                <a:gd name="connsiteY46" fmla="*/ 180241 h 836777"/>
                <a:gd name="connsiteX47" fmla="*/ 812497 w 1247416"/>
                <a:gd name="connsiteY47" fmla="*/ 253519 h 836777"/>
                <a:gd name="connsiteX48" fmla="*/ 923474 w 1247416"/>
                <a:gd name="connsiteY48" fmla="*/ 386098 h 836777"/>
                <a:gd name="connsiteX49" fmla="*/ 334280 w 1247416"/>
                <a:gd name="connsiteY49" fmla="*/ 613559 h 836777"/>
                <a:gd name="connsiteX50" fmla="*/ 248294 w 1247416"/>
                <a:gd name="connsiteY50" fmla="*/ 633043 h 836777"/>
                <a:gd name="connsiteX51" fmla="*/ 244270 w 1247416"/>
                <a:gd name="connsiteY51" fmla="*/ 633043 h 836777"/>
                <a:gd name="connsiteX52" fmla="*/ 227963 w 1247416"/>
                <a:gd name="connsiteY52" fmla="*/ 635161 h 83677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Lst>
              <a:rect l="l" t="t" r="r" b="b"/>
              <a:pathLst>
                <a:path w="1247416" h="836777">
                  <a:moveTo>
                    <a:pt x="591179" y="23941"/>
                  </a:moveTo>
                  <a:cubicBezTo>
                    <a:pt x="643075" y="23899"/>
                    <a:pt x="694830" y="29365"/>
                    <a:pt x="745572" y="40249"/>
                  </a:cubicBezTo>
                  <a:cubicBezTo>
                    <a:pt x="846028" y="61980"/>
                    <a:pt x="941690" y="101809"/>
                    <a:pt x="1027886" y="157791"/>
                  </a:cubicBezTo>
                  <a:cubicBezTo>
                    <a:pt x="1118319" y="216880"/>
                    <a:pt x="1174231" y="300536"/>
                    <a:pt x="1221036" y="395417"/>
                  </a:cubicBezTo>
                  <a:cubicBezTo>
                    <a:pt x="1222474" y="397609"/>
                    <a:pt x="1223144" y="400216"/>
                    <a:pt x="1222942" y="402830"/>
                  </a:cubicBezTo>
                  <a:cubicBezTo>
                    <a:pt x="1222025" y="405231"/>
                    <a:pt x="1220401" y="407301"/>
                    <a:pt x="1218283" y="408760"/>
                  </a:cubicBezTo>
                  <a:cubicBezTo>
                    <a:pt x="1053936" y="541127"/>
                    <a:pt x="407559" y="744232"/>
                    <a:pt x="283875" y="776847"/>
                  </a:cubicBezTo>
                  <a:cubicBezTo>
                    <a:pt x="239399" y="788707"/>
                    <a:pt x="194288" y="800356"/>
                    <a:pt x="148542" y="807980"/>
                  </a:cubicBezTo>
                  <a:cubicBezTo>
                    <a:pt x="136312" y="810399"/>
                    <a:pt x="123927" y="811955"/>
                    <a:pt x="111479" y="812639"/>
                  </a:cubicBezTo>
                  <a:cubicBezTo>
                    <a:pt x="93689" y="812639"/>
                    <a:pt x="81829" y="805650"/>
                    <a:pt x="72298" y="779601"/>
                  </a:cubicBezTo>
                  <a:cubicBezTo>
                    <a:pt x="38043" y="689678"/>
                    <a:pt x="21780" y="593901"/>
                    <a:pt x="24434" y="497711"/>
                  </a:cubicBezTo>
                  <a:cubicBezTo>
                    <a:pt x="26179" y="438787"/>
                    <a:pt x="38816" y="380696"/>
                    <a:pt x="61709" y="326374"/>
                  </a:cubicBezTo>
                  <a:cubicBezTo>
                    <a:pt x="152990" y="118187"/>
                    <a:pt x="374520" y="23941"/>
                    <a:pt x="591179" y="23941"/>
                  </a:cubicBezTo>
                  <a:moveTo>
                    <a:pt x="227963" y="659940"/>
                  </a:moveTo>
                  <a:cubicBezTo>
                    <a:pt x="236153" y="659532"/>
                    <a:pt x="244297" y="658468"/>
                    <a:pt x="252318" y="656764"/>
                  </a:cubicBezTo>
                  <a:cubicBezTo>
                    <a:pt x="281969" y="651892"/>
                    <a:pt x="311195" y="644268"/>
                    <a:pt x="340422" y="636644"/>
                  </a:cubicBezTo>
                  <a:cubicBezTo>
                    <a:pt x="420901" y="615465"/>
                    <a:pt x="841936" y="483097"/>
                    <a:pt x="949524" y="396688"/>
                  </a:cubicBezTo>
                  <a:cubicBezTo>
                    <a:pt x="950947" y="395824"/>
                    <a:pt x="952002" y="394468"/>
                    <a:pt x="952489" y="392876"/>
                  </a:cubicBezTo>
                  <a:cubicBezTo>
                    <a:pt x="952644" y="391249"/>
                    <a:pt x="952273" y="389616"/>
                    <a:pt x="951430" y="388216"/>
                  </a:cubicBezTo>
                  <a:cubicBezTo>
                    <a:pt x="924508" y="325976"/>
                    <a:pt x="880894" y="272396"/>
                    <a:pt x="825416" y="233399"/>
                  </a:cubicBezTo>
                  <a:cubicBezTo>
                    <a:pt x="769229" y="196887"/>
                    <a:pt x="706864" y="170907"/>
                    <a:pt x="641373" y="156732"/>
                  </a:cubicBezTo>
                  <a:cubicBezTo>
                    <a:pt x="608378" y="149667"/>
                    <a:pt x="574727" y="146117"/>
                    <a:pt x="540985" y="146143"/>
                  </a:cubicBezTo>
                  <a:cubicBezTo>
                    <a:pt x="400570" y="146143"/>
                    <a:pt x="255707" y="207349"/>
                    <a:pt x="196194" y="343106"/>
                  </a:cubicBezTo>
                  <a:cubicBezTo>
                    <a:pt x="181031" y="378434"/>
                    <a:pt x="172626" y="416291"/>
                    <a:pt x="171415" y="454718"/>
                  </a:cubicBezTo>
                  <a:cubicBezTo>
                    <a:pt x="169642" y="517443"/>
                    <a:pt x="180221" y="579906"/>
                    <a:pt x="202548" y="638550"/>
                  </a:cubicBezTo>
                  <a:cubicBezTo>
                    <a:pt x="208690" y="655493"/>
                    <a:pt x="216314" y="659729"/>
                    <a:pt x="227963" y="659729"/>
                  </a:cubicBezTo>
                  <a:moveTo>
                    <a:pt x="591179" y="9"/>
                  </a:moveTo>
                  <a:cubicBezTo>
                    <a:pt x="391886" y="9"/>
                    <a:pt x="142188" y="83242"/>
                    <a:pt x="40530" y="317691"/>
                  </a:cubicBezTo>
                  <a:cubicBezTo>
                    <a:pt x="16146" y="374634"/>
                    <a:pt x="2504" y="435595"/>
                    <a:pt x="291" y="497499"/>
                  </a:cubicBezTo>
                  <a:cubicBezTo>
                    <a:pt x="-2331" y="596576"/>
                    <a:pt x="14431" y="695212"/>
                    <a:pt x="49637" y="787860"/>
                  </a:cubicBezTo>
                  <a:cubicBezTo>
                    <a:pt x="56414" y="816534"/>
                    <a:pt x="82015" y="836788"/>
                    <a:pt x="111479" y="836783"/>
                  </a:cubicBezTo>
                  <a:cubicBezTo>
                    <a:pt x="123216" y="836370"/>
                    <a:pt x="134901" y="835023"/>
                    <a:pt x="146424" y="832759"/>
                  </a:cubicBezTo>
                  <a:lnTo>
                    <a:pt x="152778" y="831700"/>
                  </a:lnTo>
                  <a:cubicBezTo>
                    <a:pt x="199371" y="823864"/>
                    <a:pt x="244270" y="812216"/>
                    <a:pt x="290228" y="800144"/>
                  </a:cubicBezTo>
                  <a:cubicBezTo>
                    <a:pt x="417301" y="766893"/>
                    <a:pt x="1064313" y="564000"/>
                    <a:pt x="1234167" y="427397"/>
                  </a:cubicBezTo>
                  <a:cubicBezTo>
                    <a:pt x="1240517" y="422698"/>
                    <a:pt x="1245072" y="415973"/>
                    <a:pt x="1247086" y="408336"/>
                  </a:cubicBezTo>
                  <a:lnTo>
                    <a:pt x="1247086" y="407065"/>
                  </a:lnTo>
                  <a:cubicBezTo>
                    <a:pt x="1248168" y="399276"/>
                    <a:pt x="1246760" y="391344"/>
                    <a:pt x="1243062" y="384404"/>
                  </a:cubicBezTo>
                  <a:cubicBezTo>
                    <a:pt x="1205364" y="305407"/>
                    <a:pt x="1146063" y="205867"/>
                    <a:pt x="1041652" y="137671"/>
                  </a:cubicBezTo>
                  <a:cubicBezTo>
                    <a:pt x="953046" y="79995"/>
                    <a:pt x="854641" y="39012"/>
                    <a:pt x="751291" y="16740"/>
                  </a:cubicBezTo>
                  <a:cubicBezTo>
                    <a:pt x="698670" y="5473"/>
                    <a:pt x="644994" y="-135"/>
                    <a:pt x="591179" y="9"/>
                  </a:cubicBezTo>
                  <a:close/>
                  <a:moveTo>
                    <a:pt x="226904" y="635373"/>
                  </a:moveTo>
                  <a:cubicBezTo>
                    <a:pt x="226904" y="634314"/>
                    <a:pt x="225421" y="632620"/>
                    <a:pt x="224362" y="629655"/>
                  </a:cubicBezTo>
                  <a:cubicBezTo>
                    <a:pt x="203258" y="573957"/>
                    <a:pt x="193188" y="514686"/>
                    <a:pt x="194712" y="455141"/>
                  </a:cubicBezTo>
                  <a:cubicBezTo>
                    <a:pt x="196120" y="419879"/>
                    <a:pt x="204092" y="385188"/>
                    <a:pt x="218220" y="352848"/>
                  </a:cubicBezTo>
                  <a:cubicBezTo>
                    <a:pt x="277309" y="218151"/>
                    <a:pt x="423655" y="170075"/>
                    <a:pt x="540985" y="170075"/>
                  </a:cubicBezTo>
                  <a:cubicBezTo>
                    <a:pt x="573027" y="170020"/>
                    <a:pt x="604981" y="173429"/>
                    <a:pt x="636290" y="180241"/>
                  </a:cubicBezTo>
                  <a:cubicBezTo>
                    <a:pt x="698979" y="193793"/>
                    <a:pt x="758684" y="218623"/>
                    <a:pt x="812497" y="253519"/>
                  </a:cubicBezTo>
                  <a:cubicBezTo>
                    <a:pt x="860793" y="286869"/>
                    <a:pt x="899146" y="332688"/>
                    <a:pt x="923474" y="386098"/>
                  </a:cubicBezTo>
                  <a:cubicBezTo>
                    <a:pt x="802543" y="470814"/>
                    <a:pt x="409253" y="593651"/>
                    <a:pt x="334280" y="613559"/>
                  </a:cubicBezTo>
                  <a:cubicBezTo>
                    <a:pt x="306112" y="620760"/>
                    <a:pt x="277097" y="628384"/>
                    <a:pt x="248294" y="633043"/>
                  </a:cubicBezTo>
                  <a:lnTo>
                    <a:pt x="244270" y="633043"/>
                  </a:lnTo>
                  <a:cubicBezTo>
                    <a:pt x="238882" y="634073"/>
                    <a:pt x="233436" y="634780"/>
                    <a:pt x="227963" y="635161"/>
                  </a:cubicBezTo>
                  <a:close/>
                </a:path>
              </a:pathLst>
            </a:custGeom>
            <a:solidFill>
              <a:srgbClr val="190B0B"/>
            </a:solidFill>
            <a:ln w="21168" cap="flat">
              <a:noFill/>
              <a:prstDash val="solid"/>
              <a:miter/>
            </a:ln>
          </p:spPr>
          <p:txBody>
            <a:bodyPr rtlCol="0" anchor="ctr"/>
            <a:lstStyle/>
            <a:p>
              <a:endParaRPr lang="en-US" sz="1500"/>
            </a:p>
          </p:txBody>
        </p:sp>
        <p:sp>
          <p:nvSpPr>
            <p:cNvPr id="13" name="Freeform: Shape 12">
              <a:extLst>
                <a:ext uri="{FF2B5EF4-FFF2-40B4-BE49-F238E27FC236}">
                  <a16:creationId xmlns:a16="http://schemas.microsoft.com/office/drawing/2014/main" id="{B307332F-6BF6-4FAA-951A-437F1F709254}"/>
                </a:ext>
              </a:extLst>
            </p:cNvPr>
            <p:cNvSpPr/>
            <p:nvPr/>
          </p:nvSpPr>
          <p:spPr>
            <a:xfrm>
              <a:off x="440365" y="660990"/>
              <a:ext cx="1087718" cy="773186"/>
            </a:xfrm>
            <a:custGeom>
              <a:avLst/>
              <a:gdLst>
                <a:gd name="connsiteX0" fmla="*/ 1085802 w 1087718"/>
                <a:gd name="connsiteY0" fmla="*/ 358775 h 773186"/>
                <a:gd name="connsiteX1" fmla="*/ 892651 w 1087718"/>
                <a:gd name="connsiteY1" fmla="*/ 121149 h 773186"/>
                <a:gd name="connsiteX2" fmla="*/ 610338 w 1087718"/>
                <a:gd name="connsiteY2" fmla="*/ 3607 h 773186"/>
                <a:gd name="connsiteX3" fmla="*/ 592971 w 1087718"/>
                <a:gd name="connsiteY3" fmla="*/ 6 h 773186"/>
                <a:gd name="connsiteX4" fmla="*/ 808571 w 1087718"/>
                <a:gd name="connsiteY4" fmla="*/ 100606 h 773186"/>
                <a:gd name="connsiteX5" fmla="*/ 1001934 w 1087718"/>
                <a:gd name="connsiteY5" fmla="*/ 338020 h 773186"/>
                <a:gd name="connsiteX6" fmla="*/ 1003840 w 1087718"/>
                <a:gd name="connsiteY6" fmla="*/ 345432 h 773186"/>
                <a:gd name="connsiteX7" fmla="*/ 999181 w 1087718"/>
                <a:gd name="connsiteY7" fmla="*/ 351574 h 773186"/>
                <a:gd name="connsiteX8" fmla="*/ 72820 w 1087718"/>
                <a:gd name="connsiteY8" fmla="*/ 756301 h 773186"/>
                <a:gd name="connsiteX9" fmla="*/ 12672 w 1087718"/>
                <a:gd name="connsiteY9" fmla="*/ 771338 h 773186"/>
                <a:gd name="connsiteX10" fmla="*/ 148005 w 1087718"/>
                <a:gd name="connsiteY10" fmla="*/ 740205 h 773186"/>
                <a:gd name="connsiteX11" fmla="*/ 1083049 w 1087718"/>
                <a:gd name="connsiteY11" fmla="*/ 372118 h 773186"/>
                <a:gd name="connsiteX12" fmla="*/ 1087708 w 1087718"/>
                <a:gd name="connsiteY12" fmla="*/ 366188 h 773186"/>
                <a:gd name="connsiteX13" fmla="*/ 1085802 w 1087718"/>
                <a:gd name="connsiteY13" fmla="*/ 358775 h 7731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087718" h="773186">
                  <a:moveTo>
                    <a:pt x="1085802" y="358775"/>
                  </a:moveTo>
                  <a:cubicBezTo>
                    <a:pt x="1038997" y="263894"/>
                    <a:pt x="983085" y="180238"/>
                    <a:pt x="892651" y="121149"/>
                  </a:cubicBezTo>
                  <a:cubicBezTo>
                    <a:pt x="806456" y="65167"/>
                    <a:pt x="710793" y="25338"/>
                    <a:pt x="610338" y="3607"/>
                  </a:cubicBezTo>
                  <a:lnTo>
                    <a:pt x="592971" y="6"/>
                  </a:lnTo>
                  <a:cubicBezTo>
                    <a:pt x="669192" y="23286"/>
                    <a:pt x="741765" y="57149"/>
                    <a:pt x="808571" y="100606"/>
                  </a:cubicBezTo>
                  <a:cubicBezTo>
                    <a:pt x="900064" y="159483"/>
                    <a:pt x="955129" y="243139"/>
                    <a:pt x="1001934" y="338020"/>
                  </a:cubicBezTo>
                  <a:cubicBezTo>
                    <a:pt x="1003342" y="340225"/>
                    <a:pt x="1004009" y="342821"/>
                    <a:pt x="1003840" y="345432"/>
                  </a:cubicBezTo>
                  <a:cubicBezTo>
                    <a:pt x="1002914" y="347887"/>
                    <a:pt x="1001296" y="350022"/>
                    <a:pt x="999181" y="351574"/>
                  </a:cubicBezTo>
                  <a:cubicBezTo>
                    <a:pt x="833986" y="483942"/>
                    <a:pt x="196504" y="723898"/>
                    <a:pt x="72820" y="756301"/>
                  </a:cubicBezTo>
                  <a:cubicBezTo>
                    <a:pt x="31521" y="767314"/>
                    <a:pt x="-25661" y="777480"/>
                    <a:pt x="12672" y="771338"/>
                  </a:cubicBezTo>
                  <a:cubicBezTo>
                    <a:pt x="58419" y="763714"/>
                    <a:pt x="103529" y="752065"/>
                    <a:pt x="148005" y="740205"/>
                  </a:cubicBezTo>
                  <a:cubicBezTo>
                    <a:pt x="271689" y="707590"/>
                    <a:pt x="918066" y="504485"/>
                    <a:pt x="1083049" y="372118"/>
                  </a:cubicBezTo>
                  <a:cubicBezTo>
                    <a:pt x="1085167" y="370659"/>
                    <a:pt x="1086791" y="368589"/>
                    <a:pt x="1087708" y="366188"/>
                  </a:cubicBezTo>
                  <a:cubicBezTo>
                    <a:pt x="1087909" y="363574"/>
                    <a:pt x="1087240" y="360967"/>
                    <a:pt x="1085802" y="358775"/>
                  </a:cubicBezTo>
                  <a:close/>
                </a:path>
              </a:pathLst>
            </a:custGeom>
            <a:solidFill>
              <a:srgbClr val="1EBAC6"/>
            </a:solidFill>
            <a:ln w="21168" cap="flat">
              <a:noFill/>
              <a:prstDash val="solid"/>
              <a:miter/>
            </a:ln>
          </p:spPr>
          <p:txBody>
            <a:bodyPr rtlCol="0" anchor="ctr"/>
            <a:lstStyle/>
            <a:p>
              <a:endParaRPr lang="en-US" sz="1500"/>
            </a:p>
          </p:txBody>
        </p:sp>
        <p:sp>
          <p:nvSpPr>
            <p:cNvPr id="14" name="Freeform: Shape 13">
              <a:extLst>
                <a:ext uri="{FF2B5EF4-FFF2-40B4-BE49-F238E27FC236}">
                  <a16:creationId xmlns:a16="http://schemas.microsoft.com/office/drawing/2014/main" id="{0C78C996-31DE-4E98-9085-AC3856771EEF}"/>
                </a:ext>
              </a:extLst>
            </p:cNvPr>
            <p:cNvSpPr/>
            <p:nvPr/>
          </p:nvSpPr>
          <p:spPr>
            <a:xfrm>
              <a:off x="377405" y="1014887"/>
              <a:ext cx="1176270" cy="494524"/>
            </a:xfrm>
            <a:custGeom>
              <a:avLst/>
              <a:gdLst>
                <a:gd name="connsiteX0" fmla="*/ 1155116 w 1176270"/>
                <a:gd name="connsiteY0" fmla="*/ 6 h 494524"/>
                <a:gd name="connsiteX1" fmla="*/ 1176295 w 1176270"/>
                <a:gd name="connsiteY1" fmla="*/ 84721 h 494524"/>
                <a:gd name="connsiteX2" fmla="*/ 1159140 w 1176270"/>
                <a:gd name="connsiteY2" fmla="*/ 100182 h 494524"/>
                <a:gd name="connsiteX3" fmla="*/ 1086285 w 1176270"/>
                <a:gd name="connsiteY3" fmla="*/ 139151 h 494524"/>
                <a:gd name="connsiteX4" fmla="*/ 163313 w 1176270"/>
                <a:gd name="connsiteY4" fmla="*/ 483730 h 494524"/>
                <a:gd name="connsiteX5" fmla="*/ 113966 w 1176270"/>
                <a:gd name="connsiteY5" fmla="*/ 494531 h 494524"/>
                <a:gd name="connsiteX6" fmla="*/ 24 w 1176270"/>
                <a:gd name="connsiteY6" fmla="*/ 409816 h 4945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176270" h="494524">
                  <a:moveTo>
                    <a:pt x="1155116" y="6"/>
                  </a:moveTo>
                  <a:cubicBezTo>
                    <a:pt x="1166982" y="26821"/>
                    <a:pt x="1174147" y="55478"/>
                    <a:pt x="1176295" y="84721"/>
                  </a:cubicBezTo>
                  <a:cubicBezTo>
                    <a:pt x="1172607" y="91759"/>
                    <a:pt x="1166521" y="97244"/>
                    <a:pt x="1159140" y="100182"/>
                  </a:cubicBezTo>
                  <a:cubicBezTo>
                    <a:pt x="1134996" y="113313"/>
                    <a:pt x="1110852" y="126444"/>
                    <a:pt x="1086285" y="139151"/>
                  </a:cubicBezTo>
                  <a:cubicBezTo>
                    <a:pt x="794653" y="291426"/>
                    <a:pt x="475912" y="382495"/>
                    <a:pt x="163313" y="483730"/>
                  </a:cubicBezTo>
                  <a:cubicBezTo>
                    <a:pt x="147513" y="489832"/>
                    <a:pt x="130871" y="493474"/>
                    <a:pt x="113966" y="494531"/>
                  </a:cubicBezTo>
                  <a:cubicBezTo>
                    <a:pt x="62521" y="491456"/>
                    <a:pt x="17785" y="458197"/>
                    <a:pt x="24" y="409816"/>
                  </a:cubicBezTo>
                </a:path>
              </a:pathLst>
            </a:custGeom>
            <a:noFill/>
            <a:ln w="24132" cap="flat">
              <a:solidFill>
                <a:srgbClr val="190B0B"/>
              </a:solidFill>
              <a:prstDash val="solid"/>
              <a:miter/>
            </a:ln>
          </p:spPr>
          <p:txBody>
            <a:bodyPr rtlCol="0" anchor="ctr"/>
            <a:lstStyle/>
            <a:p>
              <a:endParaRPr lang="en-US" sz="1500"/>
            </a:p>
          </p:txBody>
        </p:sp>
        <p:sp>
          <p:nvSpPr>
            <p:cNvPr id="15" name="Freeform: Shape 14">
              <a:extLst>
                <a:ext uri="{FF2B5EF4-FFF2-40B4-BE49-F238E27FC236}">
                  <a16:creationId xmlns:a16="http://schemas.microsoft.com/office/drawing/2014/main" id="{D89233EC-F970-4FEC-BFD5-A44571266F4F}"/>
                </a:ext>
              </a:extLst>
            </p:cNvPr>
            <p:cNvSpPr/>
            <p:nvPr/>
          </p:nvSpPr>
          <p:spPr>
            <a:xfrm>
              <a:off x="519726" y="1437193"/>
              <a:ext cx="23720" cy="49981"/>
            </a:xfrm>
            <a:custGeom>
              <a:avLst/>
              <a:gdLst>
                <a:gd name="connsiteX0" fmla="*/ 24 w 23720"/>
                <a:gd name="connsiteY0" fmla="*/ 6 h 49981"/>
                <a:gd name="connsiteX1" fmla="*/ 23745 w 23720"/>
                <a:gd name="connsiteY1" fmla="*/ 49988 h 49981"/>
              </a:gdLst>
              <a:ahLst/>
              <a:cxnLst>
                <a:cxn ang="0">
                  <a:pos x="connsiteX0" y="connsiteY0"/>
                </a:cxn>
                <a:cxn ang="0">
                  <a:pos x="connsiteX1" y="connsiteY1"/>
                </a:cxn>
              </a:cxnLst>
              <a:rect l="l" t="t" r="r" b="b"/>
              <a:pathLst>
                <a:path w="23720" h="49981">
                  <a:moveTo>
                    <a:pt x="24" y="6"/>
                  </a:moveTo>
                  <a:cubicBezTo>
                    <a:pt x="7437" y="16949"/>
                    <a:pt x="15273" y="33681"/>
                    <a:pt x="23745" y="49988"/>
                  </a:cubicBezTo>
                </a:path>
              </a:pathLst>
            </a:custGeom>
            <a:noFill/>
            <a:ln w="24132" cap="rnd">
              <a:solidFill>
                <a:srgbClr val="190B0B"/>
              </a:solidFill>
              <a:prstDash val="solid"/>
              <a:miter/>
            </a:ln>
          </p:spPr>
          <p:txBody>
            <a:bodyPr rtlCol="0" anchor="ctr"/>
            <a:lstStyle/>
            <a:p>
              <a:endParaRPr lang="en-US" sz="1500"/>
            </a:p>
          </p:txBody>
        </p:sp>
        <p:sp>
          <p:nvSpPr>
            <p:cNvPr id="16" name="Freeform: Shape 15">
              <a:extLst>
                <a:ext uri="{FF2B5EF4-FFF2-40B4-BE49-F238E27FC236}">
                  <a16:creationId xmlns:a16="http://schemas.microsoft.com/office/drawing/2014/main" id="{277A5446-9C95-466E-9E21-20C8F852FD73}"/>
                </a:ext>
              </a:extLst>
            </p:cNvPr>
            <p:cNvSpPr/>
            <p:nvPr/>
          </p:nvSpPr>
          <p:spPr>
            <a:xfrm>
              <a:off x="606136" y="1412625"/>
              <a:ext cx="23720" cy="49981"/>
            </a:xfrm>
            <a:custGeom>
              <a:avLst/>
              <a:gdLst>
                <a:gd name="connsiteX0" fmla="*/ 24 w 23720"/>
                <a:gd name="connsiteY0" fmla="*/ 6 h 49981"/>
                <a:gd name="connsiteX1" fmla="*/ 23745 w 23720"/>
                <a:gd name="connsiteY1" fmla="*/ 49988 h 49981"/>
              </a:gdLst>
              <a:ahLst/>
              <a:cxnLst>
                <a:cxn ang="0">
                  <a:pos x="connsiteX0" y="connsiteY0"/>
                </a:cxn>
                <a:cxn ang="0">
                  <a:pos x="connsiteX1" y="connsiteY1"/>
                </a:cxn>
              </a:cxnLst>
              <a:rect l="l" t="t" r="r" b="b"/>
              <a:pathLst>
                <a:path w="23720" h="49981">
                  <a:moveTo>
                    <a:pt x="24" y="6"/>
                  </a:moveTo>
                  <a:cubicBezTo>
                    <a:pt x="7225" y="16949"/>
                    <a:pt x="15273" y="33681"/>
                    <a:pt x="23745" y="49988"/>
                  </a:cubicBezTo>
                </a:path>
              </a:pathLst>
            </a:custGeom>
            <a:noFill/>
            <a:ln w="24132" cap="rnd">
              <a:solidFill>
                <a:srgbClr val="190B0B"/>
              </a:solidFill>
              <a:prstDash val="solid"/>
              <a:miter/>
            </a:ln>
          </p:spPr>
          <p:txBody>
            <a:bodyPr rtlCol="0" anchor="ctr"/>
            <a:lstStyle/>
            <a:p>
              <a:endParaRPr lang="en-US" sz="1500"/>
            </a:p>
          </p:txBody>
        </p:sp>
        <p:sp>
          <p:nvSpPr>
            <p:cNvPr id="17" name="Freeform: Shape 16">
              <a:extLst>
                <a:ext uri="{FF2B5EF4-FFF2-40B4-BE49-F238E27FC236}">
                  <a16:creationId xmlns:a16="http://schemas.microsoft.com/office/drawing/2014/main" id="{59A00CD4-C9B2-4E72-987E-FEEEBD9AEF7E}"/>
                </a:ext>
              </a:extLst>
            </p:cNvPr>
            <p:cNvSpPr/>
            <p:nvPr/>
          </p:nvSpPr>
          <p:spPr>
            <a:xfrm>
              <a:off x="694239" y="1387634"/>
              <a:ext cx="23932" cy="50193"/>
            </a:xfrm>
            <a:custGeom>
              <a:avLst/>
              <a:gdLst>
                <a:gd name="connsiteX0" fmla="*/ 24 w 23932"/>
                <a:gd name="connsiteY0" fmla="*/ 6 h 50193"/>
                <a:gd name="connsiteX1" fmla="*/ 23956 w 23932"/>
                <a:gd name="connsiteY1" fmla="*/ 50200 h 50193"/>
              </a:gdLst>
              <a:ahLst/>
              <a:cxnLst>
                <a:cxn ang="0">
                  <a:pos x="connsiteX0" y="connsiteY0"/>
                </a:cxn>
                <a:cxn ang="0">
                  <a:pos x="connsiteX1" y="connsiteY1"/>
                </a:cxn>
              </a:cxnLst>
              <a:rect l="l" t="t" r="r" b="b"/>
              <a:pathLst>
                <a:path w="23932" h="50193">
                  <a:moveTo>
                    <a:pt x="24" y="6"/>
                  </a:moveTo>
                  <a:cubicBezTo>
                    <a:pt x="7437" y="16949"/>
                    <a:pt x="15485" y="33681"/>
                    <a:pt x="23956" y="50200"/>
                  </a:cubicBezTo>
                </a:path>
              </a:pathLst>
            </a:custGeom>
            <a:noFill/>
            <a:ln w="24132" cap="rnd">
              <a:solidFill>
                <a:srgbClr val="190B0B"/>
              </a:solidFill>
              <a:prstDash val="solid"/>
              <a:miter/>
            </a:ln>
          </p:spPr>
          <p:txBody>
            <a:bodyPr rtlCol="0" anchor="ctr"/>
            <a:lstStyle/>
            <a:p>
              <a:endParaRPr lang="en-US" sz="1500"/>
            </a:p>
          </p:txBody>
        </p:sp>
        <p:sp>
          <p:nvSpPr>
            <p:cNvPr id="18" name="Freeform: Shape 17">
              <a:extLst>
                <a:ext uri="{FF2B5EF4-FFF2-40B4-BE49-F238E27FC236}">
                  <a16:creationId xmlns:a16="http://schemas.microsoft.com/office/drawing/2014/main" id="{5AE28CFC-497E-4A28-86B2-E9FDF00169E2}"/>
                </a:ext>
              </a:extLst>
            </p:cNvPr>
            <p:cNvSpPr/>
            <p:nvPr/>
          </p:nvSpPr>
          <p:spPr>
            <a:xfrm>
              <a:off x="778743" y="1359678"/>
              <a:ext cx="23720" cy="49981"/>
            </a:xfrm>
            <a:custGeom>
              <a:avLst/>
              <a:gdLst>
                <a:gd name="connsiteX0" fmla="*/ 24 w 23720"/>
                <a:gd name="connsiteY0" fmla="*/ 6 h 49981"/>
                <a:gd name="connsiteX1" fmla="*/ 23745 w 23720"/>
                <a:gd name="connsiteY1" fmla="*/ 49988 h 49981"/>
              </a:gdLst>
              <a:ahLst/>
              <a:cxnLst>
                <a:cxn ang="0">
                  <a:pos x="connsiteX0" y="connsiteY0"/>
                </a:cxn>
                <a:cxn ang="0">
                  <a:pos x="connsiteX1" y="connsiteY1"/>
                </a:cxn>
              </a:cxnLst>
              <a:rect l="l" t="t" r="r" b="b"/>
              <a:pathLst>
                <a:path w="23720" h="49981">
                  <a:moveTo>
                    <a:pt x="24" y="6"/>
                  </a:moveTo>
                  <a:cubicBezTo>
                    <a:pt x="7437" y="16949"/>
                    <a:pt x="15273" y="33681"/>
                    <a:pt x="23745" y="49988"/>
                  </a:cubicBezTo>
                </a:path>
              </a:pathLst>
            </a:custGeom>
            <a:noFill/>
            <a:ln w="24132" cap="rnd">
              <a:solidFill>
                <a:srgbClr val="190B0B"/>
              </a:solidFill>
              <a:prstDash val="solid"/>
              <a:miter/>
            </a:ln>
          </p:spPr>
          <p:txBody>
            <a:bodyPr rtlCol="0" anchor="ctr"/>
            <a:lstStyle/>
            <a:p>
              <a:endParaRPr lang="en-US" sz="1500"/>
            </a:p>
          </p:txBody>
        </p:sp>
        <p:sp>
          <p:nvSpPr>
            <p:cNvPr id="19" name="Freeform: Shape 18">
              <a:extLst>
                <a:ext uri="{FF2B5EF4-FFF2-40B4-BE49-F238E27FC236}">
                  <a16:creationId xmlns:a16="http://schemas.microsoft.com/office/drawing/2014/main" id="{E112BD8F-FA74-4EBB-AE71-73D13D5597CA}"/>
                </a:ext>
              </a:extLst>
            </p:cNvPr>
            <p:cNvSpPr/>
            <p:nvPr/>
          </p:nvSpPr>
          <p:spPr>
            <a:xfrm>
              <a:off x="863246" y="1332146"/>
              <a:ext cx="23932" cy="50193"/>
            </a:xfrm>
            <a:custGeom>
              <a:avLst/>
              <a:gdLst>
                <a:gd name="connsiteX0" fmla="*/ 24 w 23932"/>
                <a:gd name="connsiteY0" fmla="*/ 6 h 50193"/>
                <a:gd name="connsiteX1" fmla="*/ 23956 w 23932"/>
                <a:gd name="connsiteY1" fmla="*/ 50200 h 50193"/>
              </a:gdLst>
              <a:ahLst/>
              <a:cxnLst>
                <a:cxn ang="0">
                  <a:pos x="connsiteX0" y="connsiteY0"/>
                </a:cxn>
                <a:cxn ang="0">
                  <a:pos x="connsiteX1" y="connsiteY1"/>
                </a:cxn>
              </a:cxnLst>
              <a:rect l="l" t="t" r="r" b="b"/>
              <a:pathLst>
                <a:path w="23932" h="50193">
                  <a:moveTo>
                    <a:pt x="24" y="6"/>
                  </a:moveTo>
                  <a:cubicBezTo>
                    <a:pt x="7437" y="16949"/>
                    <a:pt x="15273" y="33681"/>
                    <a:pt x="23956" y="50200"/>
                  </a:cubicBezTo>
                </a:path>
              </a:pathLst>
            </a:custGeom>
            <a:noFill/>
            <a:ln w="24132" cap="rnd">
              <a:solidFill>
                <a:srgbClr val="190B0B"/>
              </a:solidFill>
              <a:prstDash val="solid"/>
              <a:miter/>
            </a:ln>
          </p:spPr>
          <p:txBody>
            <a:bodyPr rtlCol="0" anchor="ctr"/>
            <a:lstStyle/>
            <a:p>
              <a:endParaRPr lang="en-US" sz="1500"/>
            </a:p>
          </p:txBody>
        </p:sp>
        <p:sp>
          <p:nvSpPr>
            <p:cNvPr id="20" name="Freeform: Shape 19">
              <a:extLst>
                <a:ext uri="{FF2B5EF4-FFF2-40B4-BE49-F238E27FC236}">
                  <a16:creationId xmlns:a16="http://schemas.microsoft.com/office/drawing/2014/main" id="{9553B768-FD8F-4652-8436-FF6B3F67F43D}"/>
                </a:ext>
              </a:extLst>
            </p:cNvPr>
            <p:cNvSpPr/>
            <p:nvPr/>
          </p:nvSpPr>
          <p:spPr>
            <a:xfrm>
              <a:off x="950503" y="1301648"/>
              <a:ext cx="23720" cy="50193"/>
            </a:xfrm>
            <a:custGeom>
              <a:avLst/>
              <a:gdLst>
                <a:gd name="connsiteX0" fmla="*/ 24 w 23720"/>
                <a:gd name="connsiteY0" fmla="*/ 6 h 50193"/>
                <a:gd name="connsiteX1" fmla="*/ 23745 w 23720"/>
                <a:gd name="connsiteY1" fmla="*/ 50200 h 50193"/>
              </a:gdLst>
              <a:ahLst/>
              <a:cxnLst>
                <a:cxn ang="0">
                  <a:pos x="connsiteX0" y="connsiteY0"/>
                </a:cxn>
                <a:cxn ang="0">
                  <a:pos x="connsiteX1" y="connsiteY1"/>
                </a:cxn>
              </a:cxnLst>
              <a:rect l="l" t="t" r="r" b="b"/>
              <a:pathLst>
                <a:path w="23720" h="50193">
                  <a:moveTo>
                    <a:pt x="24" y="6"/>
                  </a:moveTo>
                  <a:cubicBezTo>
                    <a:pt x="7437" y="16949"/>
                    <a:pt x="15273" y="33681"/>
                    <a:pt x="23745" y="50200"/>
                  </a:cubicBezTo>
                </a:path>
              </a:pathLst>
            </a:custGeom>
            <a:noFill/>
            <a:ln w="24132" cap="rnd">
              <a:solidFill>
                <a:srgbClr val="190B0B"/>
              </a:solidFill>
              <a:prstDash val="solid"/>
              <a:miter/>
            </a:ln>
          </p:spPr>
          <p:txBody>
            <a:bodyPr rtlCol="0" anchor="ctr"/>
            <a:lstStyle/>
            <a:p>
              <a:endParaRPr lang="en-US" sz="1500"/>
            </a:p>
          </p:txBody>
        </p:sp>
        <p:sp>
          <p:nvSpPr>
            <p:cNvPr id="21" name="Freeform: Shape 20">
              <a:extLst>
                <a:ext uri="{FF2B5EF4-FFF2-40B4-BE49-F238E27FC236}">
                  <a16:creationId xmlns:a16="http://schemas.microsoft.com/office/drawing/2014/main" id="{6B687CF9-8403-43F3-986A-C3A4E8C96672}"/>
                </a:ext>
              </a:extLst>
            </p:cNvPr>
            <p:cNvSpPr/>
            <p:nvPr/>
          </p:nvSpPr>
          <p:spPr>
            <a:xfrm>
              <a:off x="1030347" y="1269880"/>
              <a:ext cx="23932" cy="50193"/>
            </a:xfrm>
            <a:custGeom>
              <a:avLst/>
              <a:gdLst>
                <a:gd name="connsiteX0" fmla="*/ 24 w 23932"/>
                <a:gd name="connsiteY0" fmla="*/ 6 h 50193"/>
                <a:gd name="connsiteX1" fmla="*/ 23956 w 23932"/>
                <a:gd name="connsiteY1" fmla="*/ 50200 h 50193"/>
              </a:gdLst>
              <a:ahLst/>
              <a:cxnLst>
                <a:cxn ang="0">
                  <a:pos x="connsiteX0" y="connsiteY0"/>
                </a:cxn>
                <a:cxn ang="0">
                  <a:pos x="connsiteX1" y="connsiteY1"/>
                </a:cxn>
              </a:cxnLst>
              <a:rect l="l" t="t" r="r" b="b"/>
              <a:pathLst>
                <a:path w="23932" h="50193">
                  <a:moveTo>
                    <a:pt x="24" y="6"/>
                  </a:moveTo>
                  <a:cubicBezTo>
                    <a:pt x="7437" y="17161"/>
                    <a:pt x="15273" y="33681"/>
                    <a:pt x="23956" y="50200"/>
                  </a:cubicBezTo>
                </a:path>
              </a:pathLst>
            </a:custGeom>
            <a:noFill/>
            <a:ln w="24132" cap="rnd">
              <a:solidFill>
                <a:srgbClr val="190B0B"/>
              </a:solidFill>
              <a:prstDash val="solid"/>
              <a:miter/>
            </a:ln>
          </p:spPr>
          <p:txBody>
            <a:bodyPr rtlCol="0" anchor="ctr"/>
            <a:lstStyle/>
            <a:p>
              <a:endParaRPr lang="en-US" sz="1500"/>
            </a:p>
          </p:txBody>
        </p:sp>
        <p:sp>
          <p:nvSpPr>
            <p:cNvPr id="22" name="Freeform: Shape 21">
              <a:extLst>
                <a:ext uri="{FF2B5EF4-FFF2-40B4-BE49-F238E27FC236}">
                  <a16:creationId xmlns:a16="http://schemas.microsoft.com/office/drawing/2014/main" id="{FBF9A7C7-AC1E-4801-80B5-4E70A1B6B526}"/>
                </a:ext>
              </a:extLst>
            </p:cNvPr>
            <p:cNvSpPr/>
            <p:nvPr/>
          </p:nvSpPr>
          <p:spPr>
            <a:xfrm>
              <a:off x="1114427" y="1236629"/>
              <a:ext cx="23932" cy="49981"/>
            </a:xfrm>
            <a:custGeom>
              <a:avLst/>
              <a:gdLst>
                <a:gd name="connsiteX0" fmla="*/ 24 w 23932"/>
                <a:gd name="connsiteY0" fmla="*/ 6 h 49981"/>
                <a:gd name="connsiteX1" fmla="*/ 23956 w 23932"/>
                <a:gd name="connsiteY1" fmla="*/ 49988 h 49981"/>
              </a:gdLst>
              <a:ahLst/>
              <a:cxnLst>
                <a:cxn ang="0">
                  <a:pos x="connsiteX0" y="connsiteY0"/>
                </a:cxn>
                <a:cxn ang="0">
                  <a:pos x="connsiteX1" y="connsiteY1"/>
                </a:cxn>
              </a:cxnLst>
              <a:rect l="l" t="t" r="r" b="b"/>
              <a:pathLst>
                <a:path w="23932" h="49981">
                  <a:moveTo>
                    <a:pt x="24" y="6"/>
                  </a:moveTo>
                  <a:cubicBezTo>
                    <a:pt x="7437" y="16949"/>
                    <a:pt x="15485" y="33681"/>
                    <a:pt x="23956" y="49988"/>
                  </a:cubicBezTo>
                </a:path>
              </a:pathLst>
            </a:custGeom>
            <a:noFill/>
            <a:ln w="24132" cap="rnd">
              <a:solidFill>
                <a:srgbClr val="190B0B"/>
              </a:solidFill>
              <a:prstDash val="solid"/>
              <a:miter/>
            </a:ln>
          </p:spPr>
          <p:txBody>
            <a:bodyPr rtlCol="0" anchor="ctr"/>
            <a:lstStyle/>
            <a:p>
              <a:endParaRPr lang="en-US" sz="1500"/>
            </a:p>
          </p:txBody>
        </p:sp>
        <p:sp>
          <p:nvSpPr>
            <p:cNvPr id="23" name="Freeform: Shape 22">
              <a:extLst>
                <a:ext uri="{FF2B5EF4-FFF2-40B4-BE49-F238E27FC236}">
                  <a16:creationId xmlns:a16="http://schemas.microsoft.com/office/drawing/2014/main" id="{62488448-1727-4B4A-8F64-460D649609A1}"/>
                </a:ext>
              </a:extLst>
            </p:cNvPr>
            <p:cNvSpPr/>
            <p:nvPr/>
          </p:nvSpPr>
          <p:spPr>
            <a:xfrm>
              <a:off x="1195541" y="1203591"/>
              <a:ext cx="23932" cy="50193"/>
            </a:xfrm>
            <a:custGeom>
              <a:avLst/>
              <a:gdLst>
                <a:gd name="connsiteX0" fmla="*/ 24 w 23932"/>
                <a:gd name="connsiteY0" fmla="*/ 6 h 50193"/>
                <a:gd name="connsiteX1" fmla="*/ 23956 w 23932"/>
                <a:gd name="connsiteY1" fmla="*/ 50200 h 50193"/>
              </a:gdLst>
              <a:ahLst/>
              <a:cxnLst>
                <a:cxn ang="0">
                  <a:pos x="connsiteX0" y="connsiteY0"/>
                </a:cxn>
                <a:cxn ang="0">
                  <a:pos x="connsiteX1" y="connsiteY1"/>
                </a:cxn>
              </a:cxnLst>
              <a:rect l="l" t="t" r="r" b="b"/>
              <a:pathLst>
                <a:path w="23932" h="50193">
                  <a:moveTo>
                    <a:pt x="24" y="6"/>
                  </a:moveTo>
                  <a:cubicBezTo>
                    <a:pt x="7437" y="16949"/>
                    <a:pt x="15485" y="33681"/>
                    <a:pt x="23956" y="50200"/>
                  </a:cubicBezTo>
                </a:path>
              </a:pathLst>
            </a:custGeom>
            <a:noFill/>
            <a:ln w="24132" cap="rnd">
              <a:solidFill>
                <a:srgbClr val="190B0B"/>
              </a:solidFill>
              <a:prstDash val="solid"/>
              <a:miter/>
            </a:ln>
          </p:spPr>
          <p:txBody>
            <a:bodyPr rtlCol="0" anchor="ctr"/>
            <a:lstStyle/>
            <a:p>
              <a:endParaRPr lang="en-US" sz="1500"/>
            </a:p>
          </p:txBody>
        </p:sp>
        <p:sp>
          <p:nvSpPr>
            <p:cNvPr id="24" name="Freeform: Shape 23">
              <a:extLst>
                <a:ext uri="{FF2B5EF4-FFF2-40B4-BE49-F238E27FC236}">
                  <a16:creationId xmlns:a16="http://schemas.microsoft.com/office/drawing/2014/main" id="{DF3A2FD4-ECBE-432D-B8A9-A88A2ABC6D94}"/>
                </a:ext>
              </a:extLst>
            </p:cNvPr>
            <p:cNvSpPr/>
            <p:nvPr/>
          </p:nvSpPr>
          <p:spPr>
            <a:xfrm>
              <a:off x="1284069" y="1167587"/>
              <a:ext cx="23932" cy="49981"/>
            </a:xfrm>
            <a:custGeom>
              <a:avLst/>
              <a:gdLst>
                <a:gd name="connsiteX0" fmla="*/ 24 w 23932"/>
                <a:gd name="connsiteY0" fmla="*/ 6 h 49981"/>
                <a:gd name="connsiteX1" fmla="*/ 23956 w 23932"/>
                <a:gd name="connsiteY1" fmla="*/ 49988 h 49981"/>
              </a:gdLst>
              <a:ahLst/>
              <a:cxnLst>
                <a:cxn ang="0">
                  <a:pos x="connsiteX0" y="connsiteY0"/>
                </a:cxn>
                <a:cxn ang="0">
                  <a:pos x="connsiteX1" y="connsiteY1"/>
                </a:cxn>
              </a:cxnLst>
              <a:rect l="l" t="t" r="r" b="b"/>
              <a:pathLst>
                <a:path w="23932" h="49981">
                  <a:moveTo>
                    <a:pt x="24" y="6"/>
                  </a:moveTo>
                  <a:cubicBezTo>
                    <a:pt x="7437" y="16949"/>
                    <a:pt x="15485" y="33681"/>
                    <a:pt x="23956" y="49988"/>
                  </a:cubicBezTo>
                </a:path>
              </a:pathLst>
            </a:custGeom>
            <a:noFill/>
            <a:ln w="24132" cap="rnd">
              <a:solidFill>
                <a:srgbClr val="190B0B"/>
              </a:solidFill>
              <a:prstDash val="solid"/>
              <a:miter/>
            </a:ln>
          </p:spPr>
          <p:txBody>
            <a:bodyPr rtlCol="0" anchor="ctr"/>
            <a:lstStyle/>
            <a:p>
              <a:endParaRPr lang="en-US" sz="1500"/>
            </a:p>
          </p:txBody>
        </p:sp>
        <p:sp>
          <p:nvSpPr>
            <p:cNvPr id="25" name="Freeform: Shape 24">
              <a:extLst>
                <a:ext uri="{FF2B5EF4-FFF2-40B4-BE49-F238E27FC236}">
                  <a16:creationId xmlns:a16="http://schemas.microsoft.com/office/drawing/2014/main" id="{AA57315E-B7DB-445B-A102-C51B914359F8}"/>
                </a:ext>
              </a:extLst>
            </p:cNvPr>
            <p:cNvSpPr/>
            <p:nvPr/>
          </p:nvSpPr>
          <p:spPr>
            <a:xfrm>
              <a:off x="1369208" y="1134759"/>
              <a:ext cx="23720" cy="50193"/>
            </a:xfrm>
            <a:custGeom>
              <a:avLst/>
              <a:gdLst>
                <a:gd name="connsiteX0" fmla="*/ 24 w 23720"/>
                <a:gd name="connsiteY0" fmla="*/ 6 h 50193"/>
                <a:gd name="connsiteX1" fmla="*/ 23745 w 23720"/>
                <a:gd name="connsiteY1" fmla="*/ 50200 h 50193"/>
              </a:gdLst>
              <a:ahLst/>
              <a:cxnLst>
                <a:cxn ang="0">
                  <a:pos x="connsiteX0" y="connsiteY0"/>
                </a:cxn>
                <a:cxn ang="0">
                  <a:pos x="connsiteX1" y="connsiteY1"/>
                </a:cxn>
              </a:cxnLst>
              <a:rect l="l" t="t" r="r" b="b"/>
              <a:pathLst>
                <a:path w="23720" h="50193">
                  <a:moveTo>
                    <a:pt x="24" y="6"/>
                  </a:moveTo>
                  <a:cubicBezTo>
                    <a:pt x="7437" y="17161"/>
                    <a:pt x="15273" y="33681"/>
                    <a:pt x="23745" y="50200"/>
                  </a:cubicBezTo>
                </a:path>
              </a:pathLst>
            </a:custGeom>
            <a:noFill/>
            <a:ln w="24132" cap="rnd">
              <a:solidFill>
                <a:srgbClr val="190B0B"/>
              </a:solidFill>
              <a:prstDash val="solid"/>
              <a:miter/>
            </a:ln>
          </p:spPr>
          <p:txBody>
            <a:bodyPr rtlCol="0" anchor="ctr"/>
            <a:lstStyle/>
            <a:p>
              <a:endParaRPr lang="en-US" sz="1500"/>
            </a:p>
          </p:txBody>
        </p:sp>
        <p:sp>
          <p:nvSpPr>
            <p:cNvPr id="26" name="Freeform: Shape 25">
              <a:extLst>
                <a:ext uri="{FF2B5EF4-FFF2-40B4-BE49-F238E27FC236}">
                  <a16:creationId xmlns:a16="http://schemas.microsoft.com/office/drawing/2014/main" id="{6A377CE5-0BC3-4162-B1AF-50784697C36C}"/>
                </a:ext>
              </a:extLst>
            </p:cNvPr>
            <p:cNvSpPr/>
            <p:nvPr/>
          </p:nvSpPr>
          <p:spPr>
            <a:xfrm>
              <a:off x="1446934" y="1090708"/>
              <a:ext cx="23720" cy="50193"/>
            </a:xfrm>
            <a:custGeom>
              <a:avLst/>
              <a:gdLst>
                <a:gd name="connsiteX0" fmla="*/ 23745 w 23720"/>
                <a:gd name="connsiteY0" fmla="*/ 50200 h 50193"/>
                <a:gd name="connsiteX1" fmla="*/ 24 w 23720"/>
                <a:gd name="connsiteY1" fmla="*/ 6 h 50193"/>
              </a:gdLst>
              <a:ahLst/>
              <a:cxnLst>
                <a:cxn ang="0">
                  <a:pos x="connsiteX0" y="connsiteY0"/>
                </a:cxn>
                <a:cxn ang="0">
                  <a:pos x="connsiteX1" y="connsiteY1"/>
                </a:cxn>
              </a:cxnLst>
              <a:rect l="l" t="t" r="r" b="b"/>
              <a:pathLst>
                <a:path w="23720" h="50193">
                  <a:moveTo>
                    <a:pt x="23745" y="50200"/>
                  </a:moveTo>
                  <a:cubicBezTo>
                    <a:pt x="15273" y="33681"/>
                    <a:pt x="7437" y="16949"/>
                    <a:pt x="24" y="6"/>
                  </a:cubicBezTo>
                </a:path>
              </a:pathLst>
            </a:custGeom>
            <a:solidFill>
              <a:srgbClr val="009B93"/>
            </a:solidFill>
            <a:ln w="21168" cap="flat">
              <a:noFill/>
              <a:prstDash val="solid"/>
              <a:miter/>
            </a:ln>
          </p:spPr>
          <p:txBody>
            <a:bodyPr rtlCol="0" anchor="ctr"/>
            <a:lstStyle/>
            <a:p>
              <a:endParaRPr lang="en-US" sz="1500"/>
            </a:p>
          </p:txBody>
        </p:sp>
        <p:sp>
          <p:nvSpPr>
            <p:cNvPr id="27" name="Freeform: Shape 26">
              <a:extLst>
                <a:ext uri="{FF2B5EF4-FFF2-40B4-BE49-F238E27FC236}">
                  <a16:creationId xmlns:a16="http://schemas.microsoft.com/office/drawing/2014/main" id="{67BA2D66-D9DB-4266-9680-FBB2E49F6518}"/>
                </a:ext>
              </a:extLst>
            </p:cNvPr>
            <p:cNvSpPr/>
            <p:nvPr/>
          </p:nvSpPr>
          <p:spPr>
            <a:xfrm>
              <a:off x="365681" y="1004859"/>
              <a:ext cx="370796" cy="383124"/>
            </a:xfrm>
            <a:custGeom>
              <a:avLst/>
              <a:gdLst>
                <a:gd name="connsiteX0" fmla="*/ 58553 w 370796"/>
                <a:gd name="connsiteY0" fmla="*/ 175653 h 383124"/>
                <a:gd name="connsiteX1" fmla="*/ 76767 w 370796"/>
                <a:gd name="connsiteY1" fmla="*/ 256556 h 383124"/>
                <a:gd name="connsiteX2" fmla="*/ 123996 w 370796"/>
                <a:gd name="connsiteY2" fmla="*/ 312468 h 383124"/>
                <a:gd name="connsiteX3" fmla="*/ 179696 w 370796"/>
                <a:gd name="connsiteY3" fmla="*/ 315009 h 383124"/>
                <a:gd name="connsiteX4" fmla="*/ 370305 w 370796"/>
                <a:gd name="connsiteY4" fmla="*/ 282182 h 383124"/>
                <a:gd name="connsiteX5" fmla="*/ 349126 w 370796"/>
                <a:gd name="connsiteY5" fmla="*/ 323269 h 383124"/>
                <a:gd name="connsiteX6" fmla="*/ 302956 w 370796"/>
                <a:gd name="connsiteY6" fmla="*/ 335129 h 383124"/>
                <a:gd name="connsiteX7" fmla="*/ 107052 w 370796"/>
                <a:gd name="connsiteY7" fmla="*/ 381299 h 383124"/>
                <a:gd name="connsiteX8" fmla="*/ 72955 w 370796"/>
                <a:gd name="connsiteY8" fmla="*/ 378546 h 383124"/>
                <a:gd name="connsiteX9" fmla="*/ 56647 w 370796"/>
                <a:gd name="connsiteY9" fmla="*/ 357367 h 383124"/>
                <a:gd name="connsiteX10" fmla="*/ 523 w 370796"/>
                <a:gd name="connsiteY10" fmla="*/ 102162 h 383124"/>
                <a:gd name="connsiteX11" fmla="*/ 62365 w 370796"/>
                <a:gd name="connsiteY11" fmla="*/ 8975 h 383124"/>
                <a:gd name="connsiteX12" fmla="*/ 58765 w 370796"/>
                <a:gd name="connsiteY12" fmla="*/ 82042 h 383124"/>
                <a:gd name="connsiteX13" fmla="*/ 58553 w 370796"/>
                <a:gd name="connsiteY13" fmla="*/ 175653 h 3831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370796" h="383124">
                  <a:moveTo>
                    <a:pt x="58553" y="175653"/>
                  </a:moveTo>
                  <a:cubicBezTo>
                    <a:pt x="60943" y="203318"/>
                    <a:pt x="67071" y="230533"/>
                    <a:pt x="76767" y="256556"/>
                  </a:cubicBezTo>
                  <a:cubicBezTo>
                    <a:pt x="84204" y="280867"/>
                    <a:pt x="101270" y="301071"/>
                    <a:pt x="123996" y="312468"/>
                  </a:cubicBezTo>
                  <a:cubicBezTo>
                    <a:pt x="142073" y="317870"/>
                    <a:pt x="161202" y="318743"/>
                    <a:pt x="179696" y="315009"/>
                  </a:cubicBezTo>
                  <a:cubicBezTo>
                    <a:pt x="243938" y="306961"/>
                    <a:pt x="307474" y="296018"/>
                    <a:pt x="370305" y="282182"/>
                  </a:cubicBezTo>
                  <a:cubicBezTo>
                    <a:pt x="373079" y="299049"/>
                    <a:pt x="364474" y="315742"/>
                    <a:pt x="349126" y="323269"/>
                  </a:cubicBezTo>
                  <a:cubicBezTo>
                    <a:pt x="334607" y="330057"/>
                    <a:pt x="318949" y="334079"/>
                    <a:pt x="302956" y="335129"/>
                  </a:cubicBezTo>
                  <a:cubicBezTo>
                    <a:pt x="236667" y="345507"/>
                    <a:pt x="173130" y="370074"/>
                    <a:pt x="107052" y="381299"/>
                  </a:cubicBezTo>
                  <a:cubicBezTo>
                    <a:pt x="95722" y="384476"/>
                    <a:pt x="83629" y="383499"/>
                    <a:pt x="72955" y="378546"/>
                  </a:cubicBezTo>
                  <a:cubicBezTo>
                    <a:pt x="65776" y="373018"/>
                    <a:pt x="60157" y="365720"/>
                    <a:pt x="56647" y="357367"/>
                  </a:cubicBezTo>
                  <a:cubicBezTo>
                    <a:pt x="15944" y="278671"/>
                    <a:pt x="-3407" y="190675"/>
                    <a:pt x="523" y="102162"/>
                  </a:cubicBezTo>
                  <a:cubicBezTo>
                    <a:pt x="523" y="84796"/>
                    <a:pt x="21702" y="-32959"/>
                    <a:pt x="62365" y="8975"/>
                  </a:cubicBezTo>
                  <a:cubicBezTo>
                    <a:pt x="75708" y="22530"/>
                    <a:pt x="60247" y="64464"/>
                    <a:pt x="58765" y="82042"/>
                  </a:cubicBezTo>
                  <a:cubicBezTo>
                    <a:pt x="55770" y="113171"/>
                    <a:pt x="55699" y="144511"/>
                    <a:pt x="58553" y="175653"/>
                  </a:cubicBezTo>
                  <a:close/>
                </a:path>
              </a:pathLst>
            </a:custGeom>
            <a:solidFill>
              <a:srgbClr val="87F1F9"/>
            </a:solidFill>
            <a:ln w="21168" cap="flat">
              <a:noFill/>
              <a:prstDash val="solid"/>
              <a:miter/>
            </a:ln>
          </p:spPr>
          <p:txBody>
            <a:bodyPr rtlCol="0" anchor="ctr"/>
            <a:lstStyle/>
            <a:p>
              <a:endParaRPr lang="en-US" sz="1500"/>
            </a:p>
          </p:txBody>
        </p:sp>
      </p:grpSp>
      <p:grpSp>
        <p:nvGrpSpPr>
          <p:cNvPr id="28" name="Group 27">
            <a:extLst>
              <a:ext uri="{FF2B5EF4-FFF2-40B4-BE49-F238E27FC236}">
                <a16:creationId xmlns:a16="http://schemas.microsoft.com/office/drawing/2014/main" id="{6D8504AB-566D-4BED-929B-8E04266FF61A}"/>
              </a:ext>
            </a:extLst>
          </p:cNvPr>
          <p:cNvGrpSpPr/>
          <p:nvPr/>
        </p:nvGrpSpPr>
        <p:grpSpPr>
          <a:xfrm>
            <a:off x="683984" y="353111"/>
            <a:ext cx="710262" cy="364139"/>
            <a:chOff x="772158" y="169853"/>
            <a:chExt cx="801825" cy="411081"/>
          </a:xfrm>
        </p:grpSpPr>
        <p:sp>
          <p:nvSpPr>
            <p:cNvPr id="29" name="Freeform: Shape 28">
              <a:extLst>
                <a:ext uri="{FF2B5EF4-FFF2-40B4-BE49-F238E27FC236}">
                  <a16:creationId xmlns:a16="http://schemas.microsoft.com/office/drawing/2014/main" id="{241450A2-300D-4806-823D-6F7C9A92B77C}"/>
                </a:ext>
              </a:extLst>
            </p:cNvPr>
            <p:cNvSpPr/>
            <p:nvPr/>
          </p:nvSpPr>
          <p:spPr>
            <a:xfrm>
              <a:off x="950079" y="174936"/>
              <a:ext cx="536247" cy="390748"/>
            </a:xfrm>
            <a:custGeom>
              <a:avLst/>
              <a:gdLst>
                <a:gd name="connsiteX0" fmla="*/ 449650 w 536247"/>
                <a:gd name="connsiteY0" fmla="*/ 390755 h 390748"/>
                <a:gd name="connsiteX1" fmla="*/ 24 w 536247"/>
                <a:gd name="connsiteY1" fmla="*/ 254152 h 390748"/>
                <a:gd name="connsiteX2" fmla="*/ 58478 w 536247"/>
                <a:gd name="connsiteY2" fmla="*/ 6 h 390748"/>
                <a:gd name="connsiteX3" fmla="*/ 536271 w 536247"/>
                <a:gd name="connsiteY3" fmla="*/ 159483 h 390748"/>
                <a:gd name="connsiteX4" fmla="*/ 451556 w 536247"/>
                <a:gd name="connsiteY4" fmla="*/ 386308 h 39074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36247" h="390748">
                  <a:moveTo>
                    <a:pt x="449650" y="390755"/>
                  </a:moveTo>
                  <a:cubicBezTo>
                    <a:pt x="311776" y="354751"/>
                    <a:pt x="55089" y="269612"/>
                    <a:pt x="24" y="254152"/>
                  </a:cubicBezTo>
                  <a:cubicBezTo>
                    <a:pt x="8708" y="90440"/>
                    <a:pt x="58478" y="6"/>
                    <a:pt x="58478" y="6"/>
                  </a:cubicBezTo>
                  <a:cubicBezTo>
                    <a:pt x="220366" y="44955"/>
                    <a:pt x="379841" y="98184"/>
                    <a:pt x="536271" y="159483"/>
                  </a:cubicBezTo>
                  <a:cubicBezTo>
                    <a:pt x="498402" y="231137"/>
                    <a:pt x="469929" y="307372"/>
                    <a:pt x="451556" y="386308"/>
                  </a:cubicBezTo>
                  <a:close/>
                </a:path>
              </a:pathLst>
            </a:custGeom>
            <a:solidFill>
              <a:srgbClr val="FFC93C"/>
            </a:solidFill>
            <a:ln w="21168" cap="flat">
              <a:noFill/>
              <a:prstDash val="solid"/>
              <a:miter/>
            </a:ln>
          </p:spPr>
          <p:txBody>
            <a:bodyPr rtlCol="0" anchor="ctr"/>
            <a:lstStyle/>
            <a:p>
              <a:endParaRPr lang="en-US" sz="1500"/>
            </a:p>
          </p:txBody>
        </p:sp>
        <p:sp>
          <p:nvSpPr>
            <p:cNvPr id="30" name="Freeform: Shape 29">
              <a:extLst>
                <a:ext uri="{FF2B5EF4-FFF2-40B4-BE49-F238E27FC236}">
                  <a16:creationId xmlns:a16="http://schemas.microsoft.com/office/drawing/2014/main" id="{36C665A3-B4E9-456C-A105-691DBF4C5B9C}"/>
                </a:ext>
              </a:extLst>
            </p:cNvPr>
            <p:cNvSpPr/>
            <p:nvPr/>
          </p:nvSpPr>
          <p:spPr>
            <a:xfrm>
              <a:off x="1399705" y="334413"/>
              <a:ext cx="173854" cy="246521"/>
            </a:xfrm>
            <a:custGeom>
              <a:avLst/>
              <a:gdLst>
                <a:gd name="connsiteX0" fmla="*/ 24 w 173854"/>
                <a:gd name="connsiteY0" fmla="*/ 231279 h 246521"/>
                <a:gd name="connsiteX1" fmla="*/ 1295 w 173854"/>
                <a:gd name="connsiteY1" fmla="*/ 226831 h 246521"/>
                <a:gd name="connsiteX2" fmla="*/ 86010 w 173854"/>
                <a:gd name="connsiteY2" fmla="*/ 6 h 246521"/>
                <a:gd name="connsiteX3" fmla="*/ 158442 w 173854"/>
                <a:gd name="connsiteY3" fmla="*/ 36222 h 246521"/>
                <a:gd name="connsiteX4" fmla="*/ 84951 w 173854"/>
                <a:gd name="connsiteY4" fmla="*/ 246527 h 246521"/>
                <a:gd name="connsiteX5" fmla="*/ 24 w 173854"/>
                <a:gd name="connsiteY5" fmla="*/ 231279 h 24652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3854" h="246521">
                  <a:moveTo>
                    <a:pt x="24" y="231279"/>
                  </a:moveTo>
                  <a:lnTo>
                    <a:pt x="1295" y="226831"/>
                  </a:lnTo>
                  <a:cubicBezTo>
                    <a:pt x="19668" y="147896"/>
                    <a:pt x="48140" y="71660"/>
                    <a:pt x="86010" y="6"/>
                  </a:cubicBezTo>
                  <a:cubicBezTo>
                    <a:pt x="111808" y="8442"/>
                    <a:pt x="136215" y="20645"/>
                    <a:pt x="158442" y="36222"/>
                  </a:cubicBezTo>
                  <a:cubicBezTo>
                    <a:pt x="208212" y="104418"/>
                    <a:pt x="125191" y="235303"/>
                    <a:pt x="84951" y="246527"/>
                  </a:cubicBezTo>
                  <a:cubicBezTo>
                    <a:pt x="56057" y="245555"/>
                    <a:pt x="27453" y="240419"/>
                    <a:pt x="24" y="231279"/>
                  </a:cubicBezTo>
                  <a:close/>
                </a:path>
              </a:pathLst>
            </a:custGeom>
            <a:solidFill>
              <a:srgbClr val="EB871E"/>
            </a:solidFill>
            <a:ln w="21168" cap="flat">
              <a:noFill/>
              <a:prstDash val="solid"/>
              <a:miter/>
            </a:ln>
          </p:spPr>
          <p:txBody>
            <a:bodyPr rtlCol="0" anchor="ctr"/>
            <a:lstStyle/>
            <a:p>
              <a:endParaRPr lang="en-US" sz="1500"/>
            </a:p>
          </p:txBody>
        </p:sp>
        <p:sp>
          <p:nvSpPr>
            <p:cNvPr id="31" name="Freeform: Shape 30">
              <a:extLst>
                <a:ext uri="{FF2B5EF4-FFF2-40B4-BE49-F238E27FC236}">
                  <a16:creationId xmlns:a16="http://schemas.microsoft.com/office/drawing/2014/main" id="{812218A9-9367-49F5-808D-DFA1AD6440A8}"/>
                </a:ext>
              </a:extLst>
            </p:cNvPr>
            <p:cNvSpPr/>
            <p:nvPr/>
          </p:nvSpPr>
          <p:spPr>
            <a:xfrm>
              <a:off x="772473" y="169853"/>
              <a:ext cx="236060" cy="259440"/>
            </a:xfrm>
            <a:custGeom>
              <a:avLst/>
              <a:gdLst>
                <a:gd name="connsiteX0" fmla="*/ 168524 w 236060"/>
                <a:gd name="connsiteY0" fmla="*/ 256905 h 259440"/>
                <a:gd name="connsiteX1" fmla="*/ 4600 w 236060"/>
                <a:gd name="connsiteY1" fmla="*/ 117337 h 259440"/>
                <a:gd name="connsiteX2" fmla="*/ 16037 w 236060"/>
                <a:gd name="connsiteY2" fmla="*/ 54859 h 259440"/>
                <a:gd name="connsiteX3" fmla="*/ 210882 w 236060"/>
                <a:gd name="connsiteY3" fmla="*/ 6 h 259440"/>
                <a:gd name="connsiteX4" fmla="*/ 236084 w 236060"/>
                <a:gd name="connsiteY4" fmla="*/ 4030 h 259440"/>
                <a:gd name="connsiteX5" fmla="*/ 177631 w 236060"/>
                <a:gd name="connsiteY5" fmla="*/ 259447 h 259440"/>
                <a:gd name="connsiteX6" fmla="*/ 168524 w 236060"/>
                <a:gd name="connsiteY6" fmla="*/ 256905 h 2594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36060" h="259440">
                  <a:moveTo>
                    <a:pt x="168524" y="256905"/>
                  </a:moveTo>
                  <a:cubicBezTo>
                    <a:pt x="138874" y="251610"/>
                    <a:pt x="15189" y="135339"/>
                    <a:pt x="4600" y="117337"/>
                  </a:cubicBezTo>
                  <a:cubicBezTo>
                    <a:pt x="-4392" y="96094"/>
                    <a:pt x="102" y="71539"/>
                    <a:pt x="16037" y="54859"/>
                  </a:cubicBezTo>
                  <a:cubicBezTo>
                    <a:pt x="37215" y="36222"/>
                    <a:pt x="178266" y="5089"/>
                    <a:pt x="210882" y="6"/>
                  </a:cubicBezTo>
                  <a:cubicBezTo>
                    <a:pt x="219425" y="219"/>
                    <a:pt x="227901" y="1572"/>
                    <a:pt x="236084" y="4030"/>
                  </a:cubicBezTo>
                  <a:cubicBezTo>
                    <a:pt x="236084" y="4030"/>
                    <a:pt x="186738" y="95523"/>
                    <a:pt x="177631" y="259447"/>
                  </a:cubicBezTo>
                  <a:cubicBezTo>
                    <a:pt x="174647" y="258424"/>
                    <a:pt x="171605" y="257574"/>
                    <a:pt x="168524" y="256905"/>
                  </a:cubicBezTo>
                  <a:close/>
                </a:path>
              </a:pathLst>
            </a:custGeom>
            <a:solidFill>
              <a:srgbClr val="EB871E"/>
            </a:solidFill>
            <a:ln w="21168" cap="flat">
              <a:noFill/>
              <a:prstDash val="solid"/>
              <a:miter/>
            </a:ln>
          </p:spPr>
          <p:txBody>
            <a:bodyPr rtlCol="0" anchor="ctr"/>
            <a:lstStyle/>
            <a:p>
              <a:endParaRPr lang="en-US" sz="1500"/>
            </a:p>
          </p:txBody>
        </p:sp>
        <p:sp>
          <p:nvSpPr>
            <p:cNvPr id="32" name="Freeform: Shape 31">
              <a:extLst>
                <a:ext uri="{FF2B5EF4-FFF2-40B4-BE49-F238E27FC236}">
                  <a16:creationId xmlns:a16="http://schemas.microsoft.com/office/drawing/2014/main" id="{E79A4EDE-922E-4643-9C01-FCA1BC144CED}"/>
                </a:ext>
              </a:extLst>
            </p:cNvPr>
            <p:cNvSpPr/>
            <p:nvPr/>
          </p:nvSpPr>
          <p:spPr>
            <a:xfrm>
              <a:off x="1353651" y="313758"/>
              <a:ext cx="101118" cy="251279"/>
            </a:xfrm>
            <a:custGeom>
              <a:avLst/>
              <a:gdLst>
                <a:gd name="connsiteX0" fmla="*/ 2238 w 101118"/>
                <a:gd name="connsiteY0" fmla="*/ 233932 h 251279"/>
                <a:gd name="connsiteX1" fmla="*/ 7533 w 101118"/>
                <a:gd name="connsiteY1" fmla="*/ 229484 h 251279"/>
                <a:gd name="connsiteX2" fmla="*/ 7533 w 101118"/>
                <a:gd name="connsiteY2" fmla="*/ 233085 h 251279"/>
                <a:gd name="connsiteX3" fmla="*/ 17275 w 101118"/>
                <a:gd name="connsiteY3" fmla="*/ 250663 h 251279"/>
                <a:gd name="connsiteX4" fmla="*/ 24963 w 101118"/>
                <a:gd name="connsiteY4" fmla="*/ 248155 h 251279"/>
                <a:gd name="connsiteX5" fmla="*/ 25323 w 101118"/>
                <a:gd name="connsiteY5" fmla="*/ 247274 h 251279"/>
                <a:gd name="connsiteX6" fmla="*/ 56667 w 101118"/>
                <a:gd name="connsiteY6" fmla="*/ 130791 h 251279"/>
                <a:gd name="connsiteX7" fmla="*/ 101143 w 101118"/>
                <a:gd name="connsiteY7" fmla="*/ 17484 h 251279"/>
                <a:gd name="connsiteX8" fmla="*/ 98178 w 101118"/>
                <a:gd name="connsiteY8" fmla="*/ 14308 h 251279"/>
                <a:gd name="connsiteX9" fmla="*/ 71493 w 101118"/>
                <a:gd name="connsiteY9" fmla="*/ 61536 h 251279"/>
                <a:gd name="connsiteX10" fmla="*/ 49043 w 101118"/>
                <a:gd name="connsiteY10" fmla="*/ 121261 h 251279"/>
                <a:gd name="connsiteX11" fmla="*/ 31253 w 101118"/>
                <a:gd name="connsiteY11" fmla="*/ 177596 h 251279"/>
                <a:gd name="connsiteX12" fmla="*/ 48619 w 101118"/>
                <a:gd name="connsiteY12" fmla="*/ 115754 h 251279"/>
                <a:gd name="connsiteX13" fmla="*/ 73187 w 101118"/>
                <a:gd name="connsiteY13" fmla="*/ 48617 h 251279"/>
                <a:gd name="connsiteX14" fmla="*/ 81658 w 101118"/>
                <a:gd name="connsiteY14" fmla="*/ 541 h 251279"/>
                <a:gd name="connsiteX15" fmla="*/ 75517 w 101118"/>
                <a:gd name="connsiteY15" fmla="*/ 2236 h 251279"/>
                <a:gd name="connsiteX16" fmla="*/ 27441 w 101118"/>
                <a:gd name="connsiteY16" fmla="*/ 135239 h 251279"/>
                <a:gd name="connsiteX17" fmla="*/ 9439 w 101118"/>
                <a:gd name="connsiteY17" fmla="*/ 205129 h 251279"/>
                <a:gd name="connsiteX18" fmla="*/ 7956 w 101118"/>
                <a:gd name="connsiteY18" fmla="*/ 221436 h 251279"/>
                <a:gd name="connsiteX19" fmla="*/ 967 w 101118"/>
                <a:gd name="connsiteY19" fmla="*/ 232026 h 251279"/>
                <a:gd name="connsiteX20" fmla="*/ 2238 w 101118"/>
                <a:gd name="connsiteY20" fmla="*/ 233932 h 251279"/>
                <a:gd name="connsiteX21" fmla="*/ 26382 w 101118"/>
                <a:gd name="connsiteY21" fmla="*/ 192845 h 251279"/>
                <a:gd name="connsiteX22" fmla="*/ 16428 w 101118"/>
                <a:gd name="connsiteY22" fmla="*/ 237320 h 251279"/>
                <a:gd name="connsiteX23" fmla="*/ 12827 w 101118"/>
                <a:gd name="connsiteY23" fmla="*/ 228425 h 251279"/>
                <a:gd name="connsiteX24" fmla="*/ 12827 w 101118"/>
                <a:gd name="connsiteY24" fmla="*/ 223131 h 251279"/>
                <a:gd name="connsiteX25" fmla="*/ 26382 w 101118"/>
                <a:gd name="connsiteY25" fmla="*/ 192845 h 251279"/>
                <a:gd name="connsiteX26" fmla="*/ 76576 w 101118"/>
                <a:gd name="connsiteY26" fmla="*/ 20873 h 251279"/>
                <a:gd name="connsiteX27" fmla="*/ 72763 w 101118"/>
                <a:gd name="connsiteY27" fmla="*/ 27862 h 251279"/>
                <a:gd name="connsiteX28" fmla="*/ 66198 w 101118"/>
                <a:gd name="connsiteY28" fmla="*/ 41205 h 251279"/>
                <a:gd name="connsiteX29" fmla="*/ 60480 w 101118"/>
                <a:gd name="connsiteY29" fmla="*/ 54336 h 251279"/>
                <a:gd name="connsiteX30" fmla="*/ 78058 w 101118"/>
                <a:gd name="connsiteY30" fmla="*/ 15578 h 251279"/>
                <a:gd name="connsiteX31" fmla="*/ 76576 w 101118"/>
                <a:gd name="connsiteY31" fmla="*/ 20873 h 2512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01118" h="251279">
                  <a:moveTo>
                    <a:pt x="2238" y="233932"/>
                  </a:moveTo>
                  <a:cubicBezTo>
                    <a:pt x="4097" y="232566"/>
                    <a:pt x="5866" y="231079"/>
                    <a:pt x="7533" y="229484"/>
                  </a:cubicBezTo>
                  <a:cubicBezTo>
                    <a:pt x="7431" y="230683"/>
                    <a:pt x="7431" y="231886"/>
                    <a:pt x="7533" y="233085"/>
                  </a:cubicBezTo>
                  <a:cubicBezTo>
                    <a:pt x="9227" y="239226"/>
                    <a:pt x="10921" y="247698"/>
                    <a:pt x="17275" y="250663"/>
                  </a:cubicBezTo>
                  <a:cubicBezTo>
                    <a:pt x="20089" y="252095"/>
                    <a:pt x="23533" y="250972"/>
                    <a:pt x="24963" y="248155"/>
                  </a:cubicBezTo>
                  <a:cubicBezTo>
                    <a:pt x="25107" y="247874"/>
                    <a:pt x="25227" y="247577"/>
                    <a:pt x="25323" y="247274"/>
                  </a:cubicBezTo>
                  <a:cubicBezTo>
                    <a:pt x="35700" y="208305"/>
                    <a:pt x="43960" y="169336"/>
                    <a:pt x="56667" y="130791"/>
                  </a:cubicBezTo>
                  <a:cubicBezTo>
                    <a:pt x="68282" y="91839"/>
                    <a:pt x="83160" y="53935"/>
                    <a:pt x="101143" y="17484"/>
                  </a:cubicBezTo>
                  <a:cubicBezTo>
                    <a:pt x="101143" y="15578"/>
                    <a:pt x="101143" y="13037"/>
                    <a:pt x="98178" y="14308"/>
                  </a:cubicBezTo>
                  <a:cubicBezTo>
                    <a:pt x="85072" y="27270"/>
                    <a:pt x="75834" y="43623"/>
                    <a:pt x="71493" y="61536"/>
                  </a:cubicBezTo>
                  <a:cubicBezTo>
                    <a:pt x="63233" y="81233"/>
                    <a:pt x="55820" y="101141"/>
                    <a:pt x="49043" y="121261"/>
                  </a:cubicBezTo>
                  <a:cubicBezTo>
                    <a:pt x="42266" y="141380"/>
                    <a:pt x="36759" y="158535"/>
                    <a:pt x="31253" y="177596"/>
                  </a:cubicBezTo>
                  <a:cubicBezTo>
                    <a:pt x="36971" y="156417"/>
                    <a:pt x="42266" y="136298"/>
                    <a:pt x="48619" y="115754"/>
                  </a:cubicBezTo>
                  <a:cubicBezTo>
                    <a:pt x="55191" y="92815"/>
                    <a:pt x="63402" y="70381"/>
                    <a:pt x="73187" y="48617"/>
                  </a:cubicBezTo>
                  <a:cubicBezTo>
                    <a:pt x="79329" y="35486"/>
                    <a:pt x="98390" y="12613"/>
                    <a:pt x="81658" y="541"/>
                  </a:cubicBezTo>
                  <a:cubicBezTo>
                    <a:pt x="79485" y="-601"/>
                    <a:pt x="76798" y="141"/>
                    <a:pt x="75517" y="2236"/>
                  </a:cubicBezTo>
                  <a:cubicBezTo>
                    <a:pt x="54655" y="44670"/>
                    <a:pt x="38534" y="89274"/>
                    <a:pt x="27441" y="135239"/>
                  </a:cubicBezTo>
                  <a:cubicBezTo>
                    <a:pt x="20051" y="158156"/>
                    <a:pt x="14041" y="181493"/>
                    <a:pt x="9439" y="205129"/>
                  </a:cubicBezTo>
                  <a:cubicBezTo>
                    <a:pt x="8481" y="210512"/>
                    <a:pt x="7984" y="215968"/>
                    <a:pt x="7956" y="221436"/>
                  </a:cubicBezTo>
                  <a:cubicBezTo>
                    <a:pt x="5826" y="225094"/>
                    <a:pt x="3492" y="228629"/>
                    <a:pt x="967" y="232026"/>
                  </a:cubicBezTo>
                  <a:cubicBezTo>
                    <a:pt x="-939" y="232661"/>
                    <a:pt x="332" y="235202"/>
                    <a:pt x="2238" y="233932"/>
                  </a:cubicBezTo>
                  <a:close/>
                  <a:moveTo>
                    <a:pt x="26382" y="192845"/>
                  </a:moveTo>
                  <a:cubicBezTo>
                    <a:pt x="22358" y="207670"/>
                    <a:pt x="19181" y="222495"/>
                    <a:pt x="16428" y="237320"/>
                  </a:cubicBezTo>
                  <a:cubicBezTo>
                    <a:pt x="14005" y="235010"/>
                    <a:pt x="12694" y="231769"/>
                    <a:pt x="12827" y="228425"/>
                  </a:cubicBezTo>
                  <a:cubicBezTo>
                    <a:pt x="12724" y="226661"/>
                    <a:pt x="12724" y="224895"/>
                    <a:pt x="12827" y="223131"/>
                  </a:cubicBezTo>
                  <a:cubicBezTo>
                    <a:pt x="19094" y="213911"/>
                    <a:pt x="23681" y="203659"/>
                    <a:pt x="26382" y="192845"/>
                  </a:cubicBezTo>
                  <a:close/>
                  <a:moveTo>
                    <a:pt x="76576" y="20873"/>
                  </a:moveTo>
                  <a:lnTo>
                    <a:pt x="72763" y="27862"/>
                  </a:lnTo>
                  <a:cubicBezTo>
                    <a:pt x="70434" y="32310"/>
                    <a:pt x="68316" y="36757"/>
                    <a:pt x="66198" y="41205"/>
                  </a:cubicBezTo>
                  <a:cubicBezTo>
                    <a:pt x="64080" y="45652"/>
                    <a:pt x="62386" y="50100"/>
                    <a:pt x="60480" y="54336"/>
                  </a:cubicBezTo>
                  <a:cubicBezTo>
                    <a:pt x="65601" y="41095"/>
                    <a:pt x="71469" y="28154"/>
                    <a:pt x="78058" y="15578"/>
                  </a:cubicBezTo>
                  <a:cubicBezTo>
                    <a:pt x="77848" y="17411"/>
                    <a:pt x="77349" y="19198"/>
                    <a:pt x="76576" y="20873"/>
                  </a:cubicBezTo>
                  <a:close/>
                </a:path>
              </a:pathLst>
            </a:custGeom>
            <a:solidFill>
              <a:srgbClr val="000000"/>
            </a:solidFill>
            <a:ln w="21168" cap="flat">
              <a:noFill/>
              <a:prstDash val="solid"/>
              <a:miter/>
            </a:ln>
          </p:spPr>
          <p:txBody>
            <a:bodyPr rtlCol="0" anchor="ctr"/>
            <a:lstStyle/>
            <a:p>
              <a:endParaRPr lang="en-US" sz="1500"/>
            </a:p>
          </p:txBody>
        </p:sp>
        <p:sp>
          <p:nvSpPr>
            <p:cNvPr id="33" name="Freeform: Shape 32">
              <a:extLst>
                <a:ext uri="{FF2B5EF4-FFF2-40B4-BE49-F238E27FC236}">
                  <a16:creationId xmlns:a16="http://schemas.microsoft.com/office/drawing/2014/main" id="{F8F300FE-95A8-42D7-8422-96E8B84748CE}"/>
                </a:ext>
              </a:extLst>
            </p:cNvPr>
            <p:cNvSpPr/>
            <p:nvPr/>
          </p:nvSpPr>
          <p:spPr>
            <a:xfrm>
              <a:off x="1343458" y="309509"/>
              <a:ext cx="81918" cy="247235"/>
            </a:xfrm>
            <a:custGeom>
              <a:avLst/>
              <a:gdLst>
                <a:gd name="connsiteX0" fmla="*/ 18149 w 81918"/>
                <a:gd name="connsiteY0" fmla="*/ 246864 h 247235"/>
                <a:gd name="connsiteX1" fmla="*/ 23232 w 81918"/>
                <a:gd name="connsiteY1" fmla="*/ 241146 h 247235"/>
                <a:gd name="connsiteX2" fmla="*/ 27885 w 81918"/>
                <a:gd name="connsiteY2" fmla="*/ 238420 h 247235"/>
                <a:gd name="connsiteX3" fmla="*/ 27892 w 81918"/>
                <a:gd name="connsiteY3" fmla="*/ 238393 h 247235"/>
                <a:gd name="connsiteX4" fmla="*/ 30857 w 81918"/>
                <a:gd name="connsiteY4" fmla="*/ 215096 h 247235"/>
                <a:gd name="connsiteX5" fmla="*/ 27212 w 81918"/>
                <a:gd name="connsiteY5" fmla="*/ 213022 h 247235"/>
                <a:gd name="connsiteX6" fmla="*/ 25138 w 81918"/>
                <a:gd name="connsiteY6" fmla="*/ 215096 h 247235"/>
                <a:gd name="connsiteX7" fmla="*/ 18785 w 81918"/>
                <a:gd name="connsiteY7" fmla="*/ 228438 h 247235"/>
                <a:gd name="connsiteX8" fmla="*/ 14761 w 81918"/>
                <a:gd name="connsiteY8" fmla="*/ 233310 h 247235"/>
                <a:gd name="connsiteX9" fmla="*/ 35940 w 81918"/>
                <a:gd name="connsiteY9" fmla="*/ 114497 h 247235"/>
                <a:gd name="connsiteX10" fmla="*/ 55848 w 81918"/>
                <a:gd name="connsiteY10" fmla="*/ 59220 h 247235"/>
                <a:gd name="connsiteX11" fmla="*/ 68343 w 81918"/>
                <a:gd name="connsiteY11" fmla="*/ 30417 h 247235"/>
                <a:gd name="connsiteX12" fmla="*/ 81686 w 81918"/>
                <a:gd name="connsiteY12" fmla="*/ 4579 h 247235"/>
                <a:gd name="connsiteX13" fmla="*/ 75332 w 81918"/>
                <a:gd name="connsiteY13" fmla="*/ 978 h 247235"/>
                <a:gd name="connsiteX14" fmla="*/ 56907 w 81918"/>
                <a:gd name="connsiteY14" fmla="*/ 30840 h 247235"/>
                <a:gd name="connsiteX15" fmla="*/ 45046 w 81918"/>
                <a:gd name="connsiteY15" fmla="*/ 61126 h 247235"/>
                <a:gd name="connsiteX16" fmla="*/ 21114 w 81918"/>
                <a:gd name="connsiteY16" fmla="*/ 131651 h 247235"/>
                <a:gd name="connsiteX17" fmla="*/ 3536 w 81918"/>
                <a:gd name="connsiteY17" fmla="*/ 202177 h 247235"/>
                <a:gd name="connsiteX18" fmla="*/ 18149 w 81918"/>
                <a:gd name="connsiteY18" fmla="*/ 246864 h 24723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81918" h="247235">
                  <a:moveTo>
                    <a:pt x="18149" y="246864"/>
                  </a:moveTo>
                  <a:cubicBezTo>
                    <a:pt x="20894" y="246243"/>
                    <a:pt x="22938" y="243943"/>
                    <a:pt x="23232" y="241146"/>
                  </a:cubicBezTo>
                  <a:cubicBezTo>
                    <a:pt x="25270" y="241677"/>
                    <a:pt x="27352" y="240457"/>
                    <a:pt x="27885" y="238420"/>
                  </a:cubicBezTo>
                  <a:cubicBezTo>
                    <a:pt x="27887" y="238412"/>
                    <a:pt x="27890" y="238401"/>
                    <a:pt x="27892" y="238393"/>
                  </a:cubicBezTo>
                  <a:cubicBezTo>
                    <a:pt x="30355" y="230887"/>
                    <a:pt x="31361" y="222979"/>
                    <a:pt x="30857" y="215096"/>
                  </a:cubicBezTo>
                  <a:cubicBezTo>
                    <a:pt x="30422" y="213516"/>
                    <a:pt x="28792" y="212588"/>
                    <a:pt x="27212" y="213022"/>
                  </a:cubicBezTo>
                  <a:cubicBezTo>
                    <a:pt x="26204" y="213300"/>
                    <a:pt x="25416" y="214088"/>
                    <a:pt x="25138" y="215096"/>
                  </a:cubicBezTo>
                  <a:cubicBezTo>
                    <a:pt x="23453" y="219736"/>
                    <a:pt x="21324" y="224205"/>
                    <a:pt x="18785" y="228438"/>
                  </a:cubicBezTo>
                  <a:cubicBezTo>
                    <a:pt x="17624" y="230205"/>
                    <a:pt x="16275" y="231838"/>
                    <a:pt x="14761" y="233310"/>
                  </a:cubicBezTo>
                  <a:cubicBezTo>
                    <a:pt x="6713" y="221026"/>
                    <a:pt x="33398" y="125510"/>
                    <a:pt x="35940" y="114497"/>
                  </a:cubicBezTo>
                  <a:cubicBezTo>
                    <a:pt x="41870" y="95859"/>
                    <a:pt x="48647" y="77434"/>
                    <a:pt x="55848" y="59220"/>
                  </a:cubicBezTo>
                  <a:cubicBezTo>
                    <a:pt x="59660" y="49478"/>
                    <a:pt x="63684" y="39735"/>
                    <a:pt x="68343" y="30417"/>
                  </a:cubicBezTo>
                  <a:cubicBezTo>
                    <a:pt x="73002" y="21098"/>
                    <a:pt x="78509" y="13897"/>
                    <a:pt x="81686" y="4579"/>
                  </a:cubicBezTo>
                  <a:cubicBezTo>
                    <a:pt x="83168" y="766"/>
                    <a:pt x="77874" y="-1351"/>
                    <a:pt x="75332" y="978"/>
                  </a:cubicBezTo>
                  <a:cubicBezTo>
                    <a:pt x="67068" y="9456"/>
                    <a:pt x="60778" y="19652"/>
                    <a:pt x="56907" y="30840"/>
                  </a:cubicBezTo>
                  <a:cubicBezTo>
                    <a:pt x="52459" y="40794"/>
                    <a:pt x="48647" y="50960"/>
                    <a:pt x="45046" y="61126"/>
                  </a:cubicBezTo>
                  <a:cubicBezTo>
                    <a:pt x="36575" y="84423"/>
                    <a:pt x="28315" y="107931"/>
                    <a:pt x="21114" y="131651"/>
                  </a:cubicBezTo>
                  <a:cubicBezTo>
                    <a:pt x="14013" y="154834"/>
                    <a:pt x="8145" y="178374"/>
                    <a:pt x="3536" y="202177"/>
                  </a:cubicBezTo>
                  <a:cubicBezTo>
                    <a:pt x="1206" y="215308"/>
                    <a:pt x="-8112" y="251312"/>
                    <a:pt x="18149" y="246864"/>
                  </a:cubicBezTo>
                  <a:close/>
                </a:path>
              </a:pathLst>
            </a:custGeom>
            <a:solidFill>
              <a:srgbClr val="000000"/>
            </a:solidFill>
            <a:ln w="21168" cap="flat">
              <a:noFill/>
              <a:prstDash val="solid"/>
              <a:miter/>
            </a:ln>
          </p:spPr>
          <p:txBody>
            <a:bodyPr rtlCol="0" anchor="ctr"/>
            <a:lstStyle/>
            <a:p>
              <a:endParaRPr lang="en-US" sz="1500"/>
            </a:p>
          </p:txBody>
        </p:sp>
        <p:sp>
          <p:nvSpPr>
            <p:cNvPr id="34" name="Freeform: Shape 33">
              <a:extLst>
                <a:ext uri="{FF2B5EF4-FFF2-40B4-BE49-F238E27FC236}">
                  <a16:creationId xmlns:a16="http://schemas.microsoft.com/office/drawing/2014/main" id="{22068551-C829-424F-8DCA-BF38E306F4C2}"/>
                </a:ext>
              </a:extLst>
            </p:cNvPr>
            <p:cNvSpPr/>
            <p:nvPr/>
          </p:nvSpPr>
          <p:spPr>
            <a:xfrm>
              <a:off x="1001544" y="191485"/>
              <a:ext cx="75396" cy="256975"/>
            </a:xfrm>
            <a:custGeom>
              <a:avLst/>
              <a:gdLst>
                <a:gd name="connsiteX0" fmla="*/ 12308 w 75396"/>
                <a:gd name="connsiteY0" fmla="*/ 250945 h 256975"/>
                <a:gd name="connsiteX1" fmla="*/ 34546 w 75396"/>
                <a:gd name="connsiteY1" fmla="*/ 121966 h 256975"/>
                <a:gd name="connsiteX2" fmla="*/ 53818 w 75396"/>
                <a:gd name="connsiteY2" fmla="*/ 60972 h 256975"/>
                <a:gd name="connsiteX3" fmla="*/ 65255 w 75396"/>
                <a:gd name="connsiteY3" fmla="*/ 31109 h 256975"/>
                <a:gd name="connsiteX4" fmla="*/ 75421 w 75396"/>
                <a:gd name="connsiteY4" fmla="*/ 2094 h 256975"/>
                <a:gd name="connsiteX5" fmla="*/ 73273 w 75396"/>
                <a:gd name="connsiteY5" fmla="*/ 6 h 256975"/>
                <a:gd name="connsiteX6" fmla="*/ 71820 w 75396"/>
                <a:gd name="connsiteY6" fmla="*/ 612 h 256975"/>
                <a:gd name="connsiteX7" fmla="*/ 57419 w 75396"/>
                <a:gd name="connsiteY7" fmla="*/ 27721 h 256975"/>
                <a:gd name="connsiteX8" fmla="*/ 45770 w 75396"/>
                <a:gd name="connsiteY8" fmla="*/ 56948 h 256975"/>
                <a:gd name="connsiteX9" fmla="*/ 24592 w 75396"/>
                <a:gd name="connsiteY9" fmla="*/ 120484 h 256975"/>
                <a:gd name="connsiteX10" fmla="*/ 24 w 75396"/>
                <a:gd name="connsiteY10" fmla="*/ 250945 h 256975"/>
                <a:gd name="connsiteX11" fmla="*/ 12308 w 75396"/>
                <a:gd name="connsiteY11" fmla="*/ 250945 h 2569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75396" h="256975">
                  <a:moveTo>
                    <a:pt x="12308" y="250945"/>
                  </a:moveTo>
                  <a:cubicBezTo>
                    <a:pt x="16019" y="207395"/>
                    <a:pt x="23459" y="164244"/>
                    <a:pt x="34546" y="121966"/>
                  </a:cubicBezTo>
                  <a:cubicBezTo>
                    <a:pt x="40052" y="100788"/>
                    <a:pt x="46618" y="81091"/>
                    <a:pt x="53818" y="60972"/>
                  </a:cubicBezTo>
                  <a:cubicBezTo>
                    <a:pt x="57419" y="50806"/>
                    <a:pt x="61231" y="41063"/>
                    <a:pt x="65255" y="31109"/>
                  </a:cubicBezTo>
                  <a:cubicBezTo>
                    <a:pt x="69859" y="21908"/>
                    <a:pt x="73275" y="12158"/>
                    <a:pt x="75421" y="2094"/>
                  </a:cubicBezTo>
                  <a:cubicBezTo>
                    <a:pt x="75404" y="925"/>
                    <a:pt x="74442" y="-10"/>
                    <a:pt x="73273" y="6"/>
                  </a:cubicBezTo>
                  <a:cubicBezTo>
                    <a:pt x="72729" y="14"/>
                    <a:pt x="72208" y="231"/>
                    <a:pt x="71820" y="612"/>
                  </a:cubicBezTo>
                  <a:cubicBezTo>
                    <a:pt x="65547" y="8786"/>
                    <a:pt x="60680" y="17947"/>
                    <a:pt x="57419" y="27721"/>
                  </a:cubicBezTo>
                  <a:cubicBezTo>
                    <a:pt x="53183" y="37463"/>
                    <a:pt x="49371" y="47205"/>
                    <a:pt x="45770" y="56948"/>
                  </a:cubicBezTo>
                  <a:cubicBezTo>
                    <a:pt x="37934" y="78126"/>
                    <a:pt x="30945" y="99305"/>
                    <a:pt x="24592" y="120484"/>
                  </a:cubicBezTo>
                  <a:cubicBezTo>
                    <a:pt x="12579" y="163163"/>
                    <a:pt x="4357" y="206819"/>
                    <a:pt x="24" y="250945"/>
                  </a:cubicBezTo>
                  <a:cubicBezTo>
                    <a:pt x="24" y="258993"/>
                    <a:pt x="11461" y="258993"/>
                    <a:pt x="12308" y="250945"/>
                  </a:cubicBezTo>
                  <a:close/>
                </a:path>
              </a:pathLst>
            </a:custGeom>
            <a:solidFill>
              <a:srgbClr val="000000"/>
            </a:solidFill>
            <a:ln w="21168" cap="flat">
              <a:noFill/>
              <a:prstDash val="solid"/>
              <a:miter/>
            </a:ln>
          </p:spPr>
          <p:txBody>
            <a:bodyPr rtlCol="0" anchor="ctr"/>
            <a:lstStyle/>
            <a:p>
              <a:endParaRPr lang="en-US" sz="1500"/>
            </a:p>
          </p:txBody>
        </p:sp>
        <p:sp>
          <p:nvSpPr>
            <p:cNvPr id="35" name="Freeform: Shape 34">
              <a:extLst>
                <a:ext uri="{FF2B5EF4-FFF2-40B4-BE49-F238E27FC236}">
                  <a16:creationId xmlns:a16="http://schemas.microsoft.com/office/drawing/2014/main" id="{327F9DD7-9F38-4BDC-93DB-176C035ED861}"/>
                </a:ext>
              </a:extLst>
            </p:cNvPr>
            <p:cNvSpPr/>
            <p:nvPr/>
          </p:nvSpPr>
          <p:spPr>
            <a:xfrm>
              <a:off x="980362" y="183872"/>
              <a:ext cx="69635" cy="254317"/>
            </a:xfrm>
            <a:custGeom>
              <a:avLst/>
              <a:gdLst>
                <a:gd name="connsiteX0" fmla="*/ 5110 w 69635"/>
                <a:gd name="connsiteY0" fmla="*/ 253053 h 254317"/>
                <a:gd name="connsiteX1" fmla="*/ 24171 w 69635"/>
                <a:gd name="connsiteY1" fmla="*/ 124498 h 254317"/>
                <a:gd name="connsiteX2" fmla="*/ 41326 w 69635"/>
                <a:gd name="connsiteY2" fmla="*/ 63503 h 254317"/>
                <a:gd name="connsiteX3" fmla="*/ 69070 w 69635"/>
                <a:gd name="connsiteY3" fmla="*/ 3778 h 254317"/>
                <a:gd name="connsiteX4" fmla="*/ 66529 w 69635"/>
                <a:gd name="connsiteY4" fmla="*/ 390 h 254317"/>
                <a:gd name="connsiteX5" fmla="*/ 36243 w 69635"/>
                <a:gd name="connsiteY5" fmla="*/ 50372 h 254317"/>
                <a:gd name="connsiteX6" fmla="*/ 16123 w 69635"/>
                <a:gd name="connsiteY6" fmla="*/ 117085 h 254317"/>
                <a:gd name="connsiteX7" fmla="*/ 27 w 69635"/>
                <a:gd name="connsiteY7" fmla="*/ 253053 h 254317"/>
                <a:gd name="connsiteX8" fmla="*/ 4475 w 69635"/>
                <a:gd name="connsiteY8" fmla="*/ 253688 h 254317"/>
                <a:gd name="connsiteX9" fmla="*/ 5110 w 69635"/>
                <a:gd name="connsiteY9" fmla="*/ 253053 h 254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69635" h="254317">
                  <a:moveTo>
                    <a:pt x="5110" y="253053"/>
                  </a:moveTo>
                  <a:cubicBezTo>
                    <a:pt x="8270" y="209789"/>
                    <a:pt x="14641" y="166817"/>
                    <a:pt x="24171" y="124498"/>
                  </a:cubicBezTo>
                  <a:cubicBezTo>
                    <a:pt x="28830" y="103319"/>
                    <a:pt x="34760" y="83622"/>
                    <a:pt x="41326" y="63503"/>
                  </a:cubicBezTo>
                  <a:cubicBezTo>
                    <a:pt x="46981" y="42115"/>
                    <a:pt x="56373" y="21895"/>
                    <a:pt x="69070" y="3778"/>
                  </a:cubicBezTo>
                  <a:cubicBezTo>
                    <a:pt x="70553" y="2084"/>
                    <a:pt x="69070" y="-1093"/>
                    <a:pt x="66529" y="390"/>
                  </a:cubicBezTo>
                  <a:cubicBezTo>
                    <a:pt x="51460" y="13477"/>
                    <a:pt x="40868" y="30956"/>
                    <a:pt x="36243" y="50372"/>
                  </a:cubicBezTo>
                  <a:cubicBezTo>
                    <a:pt x="28415" y="72256"/>
                    <a:pt x="21700" y="94522"/>
                    <a:pt x="16123" y="117085"/>
                  </a:cubicBezTo>
                  <a:cubicBezTo>
                    <a:pt x="5282" y="161590"/>
                    <a:pt x="-121" y="207247"/>
                    <a:pt x="27" y="253053"/>
                  </a:cubicBezTo>
                  <a:cubicBezTo>
                    <a:pt x="1080" y="254457"/>
                    <a:pt x="3071" y="254741"/>
                    <a:pt x="4475" y="253688"/>
                  </a:cubicBezTo>
                  <a:cubicBezTo>
                    <a:pt x="4716" y="253508"/>
                    <a:pt x="4930" y="253294"/>
                    <a:pt x="5110" y="253053"/>
                  </a:cubicBezTo>
                  <a:close/>
                </a:path>
              </a:pathLst>
            </a:custGeom>
            <a:solidFill>
              <a:srgbClr val="000000"/>
            </a:solidFill>
            <a:ln w="21168" cap="flat">
              <a:noFill/>
              <a:prstDash val="solid"/>
              <a:miter/>
            </a:ln>
          </p:spPr>
          <p:txBody>
            <a:bodyPr rtlCol="0" anchor="ctr"/>
            <a:lstStyle/>
            <a:p>
              <a:endParaRPr lang="en-US" sz="1500"/>
            </a:p>
          </p:txBody>
        </p:sp>
        <p:sp>
          <p:nvSpPr>
            <p:cNvPr id="36" name="Freeform: Shape 35">
              <a:extLst>
                <a:ext uri="{FF2B5EF4-FFF2-40B4-BE49-F238E27FC236}">
                  <a16:creationId xmlns:a16="http://schemas.microsoft.com/office/drawing/2014/main" id="{FDE1CC9D-063B-42DE-A6C6-63D2AFD12C25}"/>
                </a:ext>
              </a:extLst>
            </p:cNvPr>
            <p:cNvSpPr/>
            <p:nvPr/>
          </p:nvSpPr>
          <p:spPr>
            <a:xfrm>
              <a:off x="992618" y="191910"/>
              <a:ext cx="74579" cy="257000"/>
            </a:xfrm>
            <a:custGeom>
              <a:avLst/>
              <a:gdLst>
                <a:gd name="connsiteX0" fmla="*/ 8950 w 74579"/>
                <a:gd name="connsiteY0" fmla="*/ 252427 h 257000"/>
                <a:gd name="connsiteX1" fmla="*/ 74604 w 74579"/>
                <a:gd name="connsiteY1" fmla="*/ 2517 h 257000"/>
                <a:gd name="connsiteX2" fmla="*/ 70792 w 74579"/>
                <a:gd name="connsiteY2" fmla="*/ 1034 h 257000"/>
                <a:gd name="connsiteX3" fmla="*/ 55 w 74579"/>
                <a:gd name="connsiteY3" fmla="*/ 252215 h 257000"/>
                <a:gd name="connsiteX4" fmla="*/ 8950 w 74579"/>
                <a:gd name="connsiteY4" fmla="*/ 252427 h 2570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74579" h="257000">
                  <a:moveTo>
                    <a:pt x="8950" y="252427"/>
                  </a:moveTo>
                  <a:cubicBezTo>
                    <a:pt x="16578" y="166015"/>
                    <a:pt x="38776" y="81520"/>
                    <a:pt x="74604" y="2517"/>
                  </a:cubicBezTo>
                  <a:cubicBezTo>
                    <a:pt x="74604" y="399"/>
                    <a:pt x="71851" y="-1083"/>
                    <a:pt x="70792" y="1034"/>
                  </a:cubicBezTo>
                  <a:cubicBezTo>
                    <a:pt x="31450" y="79500"/>
                    <a:pt x="7442" y="164751"/>
                    <a:pt x="55" y="252215"/>
                  </a:cubicBezTo>
                  <a:cubicBezTo>
                    <a:pt x="-581" y="258569"/>
                    <a:pt x="8950" y="258569"/>
                    <a:pt x="8950" y="252427"/>
                  </a:cubicBezTo>
                  <a:close/>
                </a:path>
              </a:pathLst>
            </a:custGeom>
            <a:solidFill>
              <a:srgbClr val="000000"/>
            </a:solidFill>
            <a:ln w="21168" cap="flat">
              <a:noFill/>
              <a:prstDash val="solid"/>
              <a:miter/>
            </a:ln>
          </p:spPr>
          <p:txBody>
            <a:bodyPr rtlCol="0" anchor="ctr"/>
            <a:lstStyle/>
            <a:p>
              <a:endParaRPr lang="en-US" sz="1500"/>
            </a:p>
          </p:txBody>
        </p:sp>
        <p:sp>
          <p:nvSpPr>
            <p:cNvPr id="37" name="Freeform: Shape 36">
              <a:extLst>
                <a:ext uri="{FF2B5EF4-FFF2-40B4-BE49-F238E27FC236}">
                  <a16:creationId xmlns:a16="http://schemas.microsoft.com/office/drawing/2014/main" id="{F62AA9AA-159D-4E78-93B7-B73A5E8771EF}"/>
                </a:ext>
              </a:extLst>
            </p:cNvPr>
            <p:cNvSpPr/>
            <p:nvPr/>
          </p:nvSpPr>
          <p:spPr>
            <a:xfrm>
              <a:off x="982479" y="191698"/>
              <a:ext cx="73493" cy="252870"/>
            </a:xfrm>
            <a:custGeom>
              <a:avLst/>
              <a:gdLst>
                <a:gd name="connsiteX0" fmla="*/ 9982 w 73493"/>
                <a:gd name="connsiteY0" fmla="*/ 248615 h 252870"/>
                <a:gd name="connsiteX1" fmla="*/ 73518 w 73493"/>
                <a:gd name="connsiteY1" fmla="*/ 2517 h 252870"/>
                <a:gd name="connsiteX2" fmla="*/ 69918 w 73493"/>
                <a:gd name="connsiteY2" fmla="*/ 1034 h 252870"/>
                <a:gd name="connsiteX3" fmla="*/ 28 w 73493"/>
                <a:gd name="connsiteY3" fmla="*/ 248403 h 252870"/>
                <a:gd name="connsiteX4" fmla="*/ 9982 w 73493"/>
                <a:gd name="connsiteY4" fmla="*/ 248615 h 25287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73493" h="252870">
                  <a:moveTo>
                    <a:pt x="9982" y="248615"/>
                  </a:moveTo>
                  <a:cubicBezTo>
                    <a:pt x="21372" y="164361"/>
                    <a:pt x="42699" y="81754"/>
                    <a:pt x="73518" y="2517"/>
                  </a:cubicBezTo>
                  <a:cubicBezTo>
                    <a:pt x="73518" y="399"/>
                    <a:pt x="70765" y="-1083"/>
                    <a:pt x="69918" y="1034"/>
                  </a:cubicBezTo>
                  <a:cubicBezTo>
                    <a:pt x="34174" y="79456"/>
                    <a:pt x="10607" y="162872"/>
                    <a:pt x="28" y="248403"/>
                  </a:cubicBezTo>
                  <a:cubicBezTo>
                    <a:pt x="-184" y="254333"/>
                    <a:pt x="9135" y="254333"/>
                    <a:pt x="9982" y="248615"/>
                  </a:cubicBezTo>
                  <a:close/>
                </a:path>
              </a:pathLst>
            </a:custGeom>
            <a:solidFill>
              <a:srgbClr val="000000"/>
            </a:solidFill>
            <a:ln w="21168" cap="flat">
              <a:noFill/>
              <a:prstDash val="solid"/>
              <a:miter/>
            </a:ln>
          </p:spPr>
          <p:txBody>
            <a:bodyPr rtlCol="0" anchor="ctr"/>
            <a:lstStyle/>
            <a:p>
              <a:endParaRPr lang="en-US" sz="1500"/>
            </a:p>
          </p:txBody>
        </p:sp>
        <p:sp>
          <p:nvSpPr>
            <p:cNvPr id="38" name="Freeform: Shape 37">
              <a:extLst>
                <a:ext uri="{FF2B5EF4-FFF2-40B4-BE49-F238E27FC236}">
                  <a16:creationId xmlns:a16="http://schemas.microsoft.com/office/drawing/2014/main" id="{04237BE9-1A54-4364-ACF5-22F6B492D944}"/>
                </a:ext>
              </a:extLst>
            </p:cNvPr>
            <p:cNvSpPr/>
            <p:nvPr/>
          </p:nvSpPr>
          <p:spPr>
            <a:xfrm>
              <a:off x="1006626" y="183054"/>
              <a:ext cx="47229" cy="161524"/>
            </a:xfrm>
            <a:custGeom>
              <a:avLst/>
              <a:gdLst>
                <a:gd name="connsiteX0" fmla="*/ 4684 w 47229"/>
                <a:gd name="connsiteY0" fmla="*/ 159201 h 161524"/>
                <a:gd name="connsiteX1" fmla="*/ 16121 w 47229"/>
                <a:gd name="connsiteY1" fmla="*/ 78722 h 161524"/>
                <a:gd name="connsiteX2" fmla="*/ 29887 w 47229"/>
                <a:gd name="connsiteY2" fmla="*/ 40388 h 161524"/>
                <a:gd name="connsiteX3" fmla="*/ 38994 w 47229"/>
                <a:gd name="connsiteY3" fmla="*/ 23445 h 161524"/>
                <a:gd name="connsiteX4" fmla="*/ 47253 w 47229"/>
                <a:gd name="connsiteY4" fmla="*/ 5232 h 161524"/>
                <a:gd name="connsiteX5" fmla="*/ 41889 w 47229"/>
                <a:gd name="connsiteY5" fmla="*/ 7 h 161524"/>
                <a:gd name="connsiteX6" fmla="*/ 38358 w 47229"/>
                <a:gd name="connsiteY6" fmla="*/ 1419 h 161524"/>
                <a:gd name="connsiteX7" fmla="*/ 29463 w 47229"/>
                <a:gd name="connsiteY7" fmla="*/ 19421 h 161524"/>
                <a:gd name="connsiteX8" fmla="*/ 23957 w 47229"/>
                <a:gd name="connsiteY8" fmla="*/ 38906 h 161524"/>
                <a:gd name="connsiteX9" fmla="*/ 12308 w 47229"/>
                <a:gd name="connsiteY9" fmla="*/ 78722 h 161524"/>
                <a:gd name="connsiteX10" fmla="*/ 25 w 47229"/>
                <a:gd name="connsiteY10" fmla="*/ 159201 h 161524"/>
                <a:gd name="connsiteX11" fmla="*/ 2354 w 47229"/>
                <a:gd name="connsiteY11" fmla="*/ 161531 h 161524"/>
                <a:gd name="connsiteX12" fmla="*/ 4684 w 47229"/>
                <a:gd name="connsiteY12" fmla="*/ 159201 h 1615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47229" h="161524">
                  <a:moveTo>
                    <a:pt x="4684" y="159201"/>
                  </a:moveTo>
                  <a:cubicBezTo>
                    <a:pt x="6912" y="132173"/>
                    <a:pt x="10731" y="105300"/>
                    <a:pt x="16121" y="78722"/>
                  </a:cubicBezTo>
                  <a:cubicBezTo>
                    <a:pt x="18618" y="65287"/>
                    <a:pt x="23266" y="52343"/>
                    <a:pt x="29887" y="40388"/>
                  </a:cubicBezTo>
                  <a:cubicBezTo>
                    <a:pt x="33064" y="34882"/>
                    <a:pt x="36029" y="29164"/>
                    <a:pt x="38994" y="23445"/>
                  </a:cubicBezTo>
                  <a:cubicBezTo>
                    <a:pt x="41959" y="17727"/>
                    <a:pt x="47253" y="11373"/>
                    <a:pt x="47253" y="5232"/>
                  </a:cubicBezTo>
                  <a:cubicBezTo>
                    <a:pt x="47215" y="2308"/>
                    <a:pt x="44814" y="-32"/>
                    <a:pt x="41889" y="7"/>
                  </a:cubicBezTo>
                  <a:cubicBezTo>
                    <a:pt x="40578" y="24"/>
                    <a:pt x="39320" y="527"/>
                    <a:pt x="38358" y="1419"/>
                  </a:cubicBezTo>
                  <a:cubicBezTo>
                    <a:pt x="33993" y="6620"/>
                    <a:pt x="30941" y="12794"/>
                    <a:pt x="29463" y="19421"/>
                  </a:cubicBezTo>
                  <a:cubicBezTo>
                    <a:pt x="26987" y="25718"/>
                    <a:pt x="25143" y="32245"/>
                    <a:pt x="23957" y="38906"/>
                  </a:cubicBezTo>
                  <a:cubicBezTo>
                    <a:pt x="21415" y="52460"/>
                    <a:pt x="16121" y="65379"/>
                    <a:pt x="12308" y="78722"/>
                  </a:cubicBezTo>
                  <a:cubicBezTo>
                    <a:pt x="4121" y="104762"/>
                    <a:pt x="-22" y="131904"/>
                    <a:pt x="25" y="159201"/>
                  </a:cubicBezTo>
                  <a:cubicBezTo>
                    <a:pt x="25" y="160488"/>
                    <a:pt x="1067" y="161531"/>
                    <a:pt x="2354" y="161531"/>
                  </a:cubicBezTo>
                  <a:cubicBezTo>
                    <a:pt x="3642" y="161531"/>
                    <a:pt x="4684" y="160488"/>
                    <a:pt x="4684" y="159201"/>
                  </a:cubicBezTo>
                  <a:close/>
                </a:path>
              </a:pathLst>
            </a:custGeom>
            <a:solidFill>
              <a:srgbClr val="000000"/>
            </a:solidFill>
            <a:ln w="21168" cap="flat">
              <a:noFill/>
              <a:prstDash val="solid"/>
              <a:miter/>
            </a:ln>
          </p:spPr>
          <p:txBody>
            <a:bodyPr rtlCol="0" anchor="ctr"/>
            <a:lstStyle/>
            <a:p>
              <a:endParaRPr lang="en-US" sz="1500"/>
            </a:p>
          </p:txBody>
        </p:sp>
        <p:sp>
          <p:nvSpPr>
            <p:cNvPr id="39" name="Freeform: Shape 38">
              <a:extLst>
                <a:ext uri="{FF2B5EF4-FFF2-40B4-BE49-F238E27FC236}">
                  <a16:creationId xmlns:a16="http://schemas.microsoft.com/office/drawing/2014/main" id="{CBC81A1A-8080-4C4E-9671-B2E54EFA445D}"/>
                </a:ext>
              </a:extLst>
            </p:cNvPr>
            <p:cNvSpPr/>
            <p:nvPr/>
          </p:nvSpPr>
          <p:spPr>
            <a:xfrm>
              <a:off x="1071686" y="299417"/>
              <a:ext cx="268304" cy="157650"/>
            </a:xfrm>
            <a:custGeom>
              <a:avLst/>
              <a:gdLst>
                <a:gd name="connsiteX0" fmla="*/ 14597 w 268304"/>
                <a:gd name="connsiteY0" fmla="*/ 70159 h 157650"/>
                <a:gd name="connsiteX1" fmla="*/ 84276 w 268304"/>
                <a:gd name="connsiteY1" fmla="*/ 124589 h 157650"/>
                <a:gd name="connsiteX2" fmla="*/ 192499 w 268304"/>
                <a:gd name="connsiteY2" fmla="*/ 157627 h 157650"/>
                <a:gd name="connsiteX3" fmla="*/ 245023 w 268304"/>
                <a:gd name="connsiteY3" fmla="*/ 147250 h 157650"/>
                <a:gd name="connsiteX4" fmla="*/ 254553 w 268304"/>
                <a:gd name="connsiteY4" fmla="*/ 141955 h 157650"/>
                <a:gd name="connsiteX5" fmla="*/ 267684 w 268304"/>
                <a:gd name="connsiteY5" fmla="*/ 126706 h 157650"/>
                <a:gd name="connsiteX6" fmla="*/ 266413 w 268304"/>
                <a:gd name="connsiteY6" fmla="*/ 108281 h 157650"/>
                <a:gd name="connsiteX7" fmla="*/ 249894 w 268304"/>
                <a:gd name="connsiteY7" fmla="*/ 80113 h 157650"/>
                <a:gd name="connsiteX8" fmla="*/ 216220 w 268304"/>
                <a:gd name="connsiteY8" fmla="*/ 52157 h 157650"/>
                <a:gd name="connsiteX9" fmla="*/ 173862 w 268304"/>
                <a:gd name="connsiteY9" fmla="*/ 29072 h 157650"/>
                <a:gd name="connsiteX10" fmla="*/ 131504 w 268304"/>
                <a:gd name="connsiteY10" fmla="*/ 11706 h 157650"/>
                <a:gd name="connsiteX11" fmla="*/ 82581 w 268304"/>
                <a:gd name="connsiteY11" fmla="*/ 2810 h 157650"/>
                <a:gd name="connsiteX12" fmla="*/ 35776 w 268304"/>
                <a:gd name="connsiteY12" fmla="*/ 1116 h 157650"/>
                <a:gd name="connsiteX13" fmla="*/ 11632 w 268304"/>
                <a:gd name="connsiteY13" fmla="*/ 13400 h 157650"/>
                <a:gd name="connsiteX14" fmla="*/ 6338 w 268304"/>
                <a:gd name="connsiteY14" fmla="*/ 18483 h 157650"/>
                <a:gd name="connsiteX15" fmla="*/ 3373 w 268304"/>
                <a:gd name="connsiteY15" fmla="*/ 53216 h 157650"/>
                <a:gd name="connsiteX16" fmla="*/ 14597 w 268304"/>
                <a:gd name="connsiteY16" fmla="*/ 70159 h 157650"/>
                <a:gd name="connsiteX17" fmla="*/ 145059 w 268304"/>
                <a:gd name="connsiteY17" fmla="*/ 111246 h 157650"/>
                <a:gd name="connsiteX18" fmla="*/ 78134 w 268304"/>
                <a:gd name="connsiteY18" fmla="*/ 84772 h 157650"/>
                <a:gd name="connsiteX19" fmla="*/ 47636 w 268304"/>
                <a:gd name="connsiteY19" fmla="*/ 63594 h 157650"/>
                <a:gd name="connsiteX20" fmla="*/ 37471 w 268304"/>
                <a:gd name="connsiteY20" fmla="*/ 55757 h 157650"/>
                <a:gd name="connsiteX21" fmla="*/ 82370 w 268304"/>
                <a:gd name="connsiteY21" fmla="*/ 83078 h 157650"/>
                <a:gd name="connsiteX22" fmla="*/ 148024 w 268304"/>
                <a:gd name="connsiteY22" fmla="*/ 111246 h 157650"/>
                <a:gd name="connsiteX23" fmla="*/ 192288 w 268304"/>
                <a:gd name="connsiteY23" fmla="*/ 111246 h 157650"/>
                <a:gd name="connsiteX24" fmla="*/ 191017 w 268304"/>
                <a:gd name="connsiteY24" fmla="*/ 107857 h 157650"/>
                <a:gd name="connsiteX25" fmla="*/ 159037 w 268304"/>
                <a:gd name="connsiteY25" fmla="*/ 88585 h 157650"/>
                <a:gd name="connsiteX26" fmla="*/ 120068 w 268304"/>
                <a:gd name="connsiteY26" fmla="*/ 70794 h 157650"/>
                <a:gd name="connsiteX27" fmla="*/ 105454 w 268304"/>
                <a:gd name="connsiteY27" fmla="*/ 66347 h 157650"/>
                <a:gd name="connsiteX28" fmla="*/ 188052 w 268304"/>
                <a:gd name="connsiteY28" fmla="*/ 104469 h 157650"/>
                <a:gd name="connsiteX29" fmla="*/ 194829 w 268304"/>
                <a:gd name="connsiteY29" fmla="*/ 109552 h 157650"/>
                <a:gd name="connsiteX30" fmla="*/ 191440 w 268304"/>
                <a:gd name="connsiteY30" fmla="*/ 111881 h 157650"/>
                <a:gd name="connsiteX31" fmla="*/ 209019 w 268304"/>
                <a:gd name="connsiteY31" fmla="*/ 117811 h 157650"/>
                <a:gd name="connsiteX32" fmla="*/ 206477 w 268304"/>
                <a:gd name="connsiteY32" fmla="*/ 117811 h 157650"/>
                <a:gd name="connsiteX33" fmla="*/ 209231 w 268304"/>
                <a:gd name="connsiteY33" fmla="*/ 111881 h 157650"/>
                <a:gd name="connsiteX34" fmla="*/ 185299 w 268304"/>
                <a:gd name="connsiteY34" fmla="*/ 85408 h 157650"/>
                <a:gd name="connsiteX35" fmla="*/ 94442 w 268304"/>
                <a:gd name="connsiteY35" fmla="*/ 47710 h 157650"/>
                <a:gd name="connsiteX36" fmla="*/ 56955 w 268304"/>
                <a:gd name="connsiteY36" fmla="*/ 43050 h 157650"/>
                <a:gd name="connsiteX37" fmla="*/ 55684 w 268304"/>
                <a:gd name="connsiteY37" fmla="*/ 43050 h 157650"/>
                <a:gd name="connsiteX38" fmla="*/ 131504 w 268304"/>
                <a:gd name="connsiteY38" fmla="*/ 58723 h 157650"/>
                <a:gd name="connsiteX39" fmla="*/ 195041 w 268304"/>
                <a:gd name="connsiteY39" fmla="*/ 84984 h 157650"/>
                <a:gd name="connsiteX40" fmla="*/ 213678 w 268304"/>
                <a:gd name="connsiteY40" fmla="*/ 107434 h 157650"/>
                <a:gd name="connsiteX41" fmla="*/ 208172 w 268304"/>
                <a:gd name="connsiteY41" fmla="*/ 118447 h 157650"/>
                <a:gd name="connsiteX42" fmla="*/ 232315 w 268304"/>
                <a:gd name="connsiteY42" fmla="*/ 124377 h 157650"/>
                <a:gd name="connsiteX43" fmla="*/ 224056 w 268304"/>
                <a:gd name="connsiteY43" fmla="*/ 126071 h 157650"/>
                <a:gd name="connsiteX44" fmla="*/ 228927 w 268304"/>
                <a:gd name="connsiteY44" fmla="*/ 109763 h 157650"/>
                <a:gd name="connsiteX45" fmla="*/ 236763 w 268304"/>
                <a:gd name="connsiteY45" fmla="*/ 118659 h 157650"/>
                <a:gd name="connsiteX46" fmla="*/ 238881 w 268304"/>
                <a:gd name="connsiteY46" fmla="*/ 121412 h 157650"/>
                <a:gd name="connsiteX47" fmla="*/ 231468 w 268304"/>
                <a:gd name="connsiteY47" fmla="*/ 125012 h 157650"/>
                <a:gd name="connsiteX48" fmla="*/ 214949 w 268304"/>
                <a:gd name="connsiteY48" fmla="*/ 82019 h 157650"/>
                <a:gd name="connsiteX49" fmla="*/ 197582 w 268304"/>
                <a:gd name="connsiteY49" fmla="*/ 68253 h 157650"/>
                <a:gd name="connsiteX50" fmla="*/ 106937 w 268304"/>
                <a:gd name="connsiteY50" fmla="*/ 29284 h 157650"/>
                <a:gd name="connsiteX51" fmla="*/ 56955 w 268304"/>
                <a:gd name="connsiteY51" fmla="*/ 21236 h 157650"/>
                <a:gd name="connsiteX52" fmla="*/ 56955 w 268304"/>
                <a:gd name="connsiteY52" fmla="*/ 21236 h 157650"/>
                <a:gd name="connsiteX53" fmla="*/ 64368 w 268304"/>
                <a:gd name="connsiteY53" fmla="*/ 21236 h 157650"/>
                <a:gd name="connsiteX54" fmla="*/ 65638 w 268304"/>
                <a:gd name="connsiteY54" fmla="*/ 21236 h 157650"/>
                <a:gd name="connsiteX55" fmla="*/ 72839 w 268304"/>
                <a:gd name="connsiteY55" fmla="*/ 21236 h 157650"/>
                <a:gd name="connsiteX56" fmla="*/ 97830 w 268304"/>
                <a:gd name="connsiteY56" fmla="*/ 23989 h 157650"/>
                <a:gd name="connsiteX57" fmla="*/ 115832 w 268304"/>
                <a:gd name="connsiteY57" fmla="*/ 29496 h 157650"/>
                <a:gd name="connsiteX58" fmla="*/ 194617 w 268304"/>
                <a:gd name="connsiteY58" fmla="*/ 63170 h 157650"/>
                <a:gd name="connsiteX59" fmla="*/ 235492 w 268304"/>
                <a:gd name="connsiteY59" fmla="*/ 96844 h 157650"/>
                <a:gd name="connsiteX60" fmla="*/ 239516 w 268304"/>
                <a:gd name="connsiteY60" fmla="*/ 101927 h 157650"/>
                <a:gd name="connsiteX61" fmla="*/ 214102 w 268304"/>
                <a:gd name="connsiteY61" fmla="*/ 81596 h 1576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Lst>
              <a:rect l="l" t="t" r="r" b="b"/>
              <a:pathLst>
                <a:path w="268304" h="157650">
                  <a:moveTo>
                    <a:pt x="14597" y="70159"/>
                  </a:moveTo>
                  <a:cubicBezTo>
                    <a:pt x="32485" y="94258"/>
                    <a:pt x="56563" y="113067"/>
                    <a:pt x="84276" y="124589"/>
                  </a:cubicBezTo>
                  <a:cubicBezTo>
                    <a:pt x="117461" y="143476"/>
                    <a:pt x="154424" y="154760"/>
                    <a:pt x="192499" y="157627"/>
                  </a:cubicBezTo>
                  <a:cubicBezTo>
                    <a:pt x="210552" y="158017"/>
                    <a:pt x="228474" y="154476"/>
                    <a:pt x="245023" y="147250"/>
                  </a:cubicBezTo>
                  <a:cubicBezTo>
                    <a:pt x="248413" y="145903"/>
                    <a:pt x="251618" y="144124"/>
                    <a:pt x="254553" y="141955"/>
                  </a:cubicBezTo>
                  <a:cubicBezTo>
                    <a:pt x="262178" y="141955"/>
                    <a:pt x="266413" y="133484"/>
                    <a:pt x="267684" y="126706"/>
                  </a:cubicBezTo>
                  <a:cubicBezTo>
                    <a:pt x="268859" y="120558"/>
                    <a:pt x="268423" y="114209"/>
                    <a:pt x="266413" y="108281"/>
                  </a:cubicBezTo>
                  <a:cubicBezTo>
                    <a:pt x="263558" y="97569"/>
                    <a:pt x="257849" y="87833"/>
                    <a:pt x="249894" y="80113"/>
                  </a:cubicBezTo>
                  <a:cubicBezTo>
                    <a:pt x="239910" y="69392"/>
                    <a:pt x="228592" y="59997"/>
                    <a:pt x="216220" y="52157"/>
                  </a:cubicBezTo>
                  <a:cubicBezTo>
                    <a:pt x="202693" y="43422"/>
                    <a:pt x="188535" y="35706"/>
                    <a:pt x="173862" y="29072"/>
                  </a:cubicBezTo>
                  <a:cubicBezTo>
                    <a:pt x="160166" y="22300"/>
                    <a:pt x="146012" y="16497"/>
                    <a:pt x="131504" y="11706"/>
                  </a:cubicBezTo>
                  <a:cubicBezTo>
                    <a:pt x="115514" y="7204"/>
                    <a:pt x="99133" y="4225"/>
                    <a:pt x="82581" y="2810"/>
                  </a:cubicBezTo>
                  <a:cubicBezTo>
                    <a:pt x="67167" y="-231"/>
                    <a:pt x="51370" y="-803"/>
                    <a:pt x="35776" y="1116"/>
                  </a:cubicBezTo>
                  <a:cubicBezTo>
                    <a:pt x="26729" y="2846"/>
                    <a:pt x="18357" y="7105"/>
                    <a:pt x="11632" y="13400"/>
                  </a:cubicBezTo>
                  <a:cubicBezTo>
                    <a:pt x="9716" y="14928"/>
                    <a:pt x="7943" y="16629"/>
                    <a:pt x="6338" y="18483"/>
                  </a:cubicBezTo>
                  <a:cubicBezTo>
                    <a:pt x="-852" y="28675"/>
                    <a:pt x="-1986" y="41953"/>
                    <a:pt x="3373" y="53216"/>
                  </a:cubicBezTo>
                  <a:cubicBezTo>
                    <a:pt x="6287" y="59371"/>
                    <a:pt x="10067" y="65076"/>
                    <a:pt x="14597" y="70159"/>
                  </a:cubicBezTo>
                  <a:close/>
                  <a:moveTo>
                    <a:pt x="145059" y="111246"/>
                  </a:moveTo>
                  <a:cubicBezTo>
                    <a:pt x="121625" y="105589"/>
                    <a:pt x="99097" y="96679"/>
                    <a:pt x="78134" y="84772"/>
                  </a:cubicBezTo>
                  <a:cubicBezTo>
                    <a:pt x="67498" y="78415"/>
                    <a:pt x="57309" y="71339"/>
                    <a:pt x="47636" y="63594"/>
                  </a:cubicBezTo>
                  <a:cubicBezTo>
                    <a:pt x="45095" y="61688"/>
                    <a:pt x="41283" y="58934"/>
                    <a:pt x="37471" y="55757"/>
                  </a:cubicBezTo>
                  <a:cubicBezTo>
                    <a:pt x="51826" y="65832"/>
                    <a:pt x="66824" y="74960"/>
                    <a:pt x="82370" y="83078"/>
                  </a:cubicBezTo>
                  <a:cubicBezTo>
                    <a:pt x="103451" y="94241"/>
                    <a:pt x="125409" y="103662"/>
                    <a:pt x="148024" y="111246"/>
                  </a:cubicBezTo>
                  <a:close/>
                  <a:moveTo>
                    <a:pt x="192288" y="111246"/>
                  </a:moveTo>
                  <a:cubicBezTo>
                    <a:pt x="192275" y="110003"/>
                    <a:pt x="191826" y="108802"/>
                    <a:pt x="191017" y="107857"/>
                  </a:cubicBezTo>
                  <a:cubicBezTo>
                    <a:pt x="181488" y="99718"/>
                    <a:pt x="170683" y="93206"/>
                    <a:pt x="159037" y="88585"/>
                  </a:cubicBezTo>
                  <a:cubicBezTo>
                    <a:pt x="146118" y="82443"/>
                    <a:pt x="132987" y="76724"/>
                    <a:pt x="120068" y="70794"/>
                  </a:cubicBezTo>
                  <a:lnTo>
                    <a:pt x="105454" y="66347"/>
                  </a:lnTo>
                  <a:cubicBezTo>
                    <a:pt x="134785" y="74729"/>
                    <a:pt x="162644" y="87589"/>
                    <a:pt x="188052" y="104469"/>
                  </a:cubicBezTo>
                  <a:cubicBezTo>
                    <a:pt x="189323" y="104469"/>
                    <a:pt x="194617" y="108069"/>
                    <a:pt x="194829" y="109552"/>
                  </a:cubicBezTo>
                  <a:cubicBezTo>
                    <a:pt x="195041" y="111034"/>
                    <a:pt x="193558" y="112093"/>
                    <a:pt x="191440" y="111881"/>
                  </a:cubicBezTo>
                  <a:close/>
                  <a:moveTo>
                    <a:pt x="209019" y="117811"/>
                  </a:moveTo>
                  <a:lnTo>
                    <a:pt x="206477" y="117811"/>
                  </a:lnTo>
                  <a:cubicBezTo>
                    <a:pt x="207932" y="116132"/>
                    <a:pt x="208888" y="114078"/>
                    <a:pt x="209231" y="111881"/>
                  </a:cubicBezTo>
                  <a:cubicBezTo>
                    <a:pt x="211348" y="99174"/>
                    <a:pt x="194194" y="90702"/>
                    <a:pt x="185299" y="85408"/>
                  </a:cubicBezTo>
                  <a:cubicBezTo>
                    <a:pt x="157311" y="67895"/>
                    <a:pt x="126606" y="55156"/>
                    <a:pt x="94442" y="47710"/>
                  </a:cubicBezTo>
                  <a:cubicBezTo>
                    <a:pt x="82050" y="45414"/>
                    <a:pt x="69531" y="43858"/>
                    <a:pt x="56955" y="43050"/>
                  </a:cubicBezTo>
                  <a:lnTo>
                    <a:pt x="55684" y="43050"/>
                  </a:lnTo>
                  <a:cubicBezTo>
                    <a:pt x="81794" y="42740"/>
                    <a:pt x="107659" y="48087"/>
                    <a:pt x="131504" y="58723"/>
                  </a:cubicBezTo>
                  <a:cubicBezTo>
                    <a:pt x="153433" y="65538"/>
                    <a:pt x="174699" y="74329"/>
                    <a:pt x="195041" y="84984"/>
                  </a:cubicBezTo>
                  <a:cubicBezTo>
                    <a:pt x="203716" y="90025"/>
                    <a:pt x="210321" y="97980"/>
                    <a:pt x="213678" y="107434"/>
                  </a:cubicBezTo>
                  <a:cubicBezTo>
                    <a:pt x="212831" y="111034"/>
                    <a:pt x="213678" y="115905"/>
                    <a:pt x="208172" y="118447"/>
                  </a:cubicBezTo>
                  <a:close/>
                  <a:moveTo>
                    <a:pt x="232315" y="124377"/>
                  </a:moveTo>
                  <a:lnTo>
                    <a:pt x="224056" y="126071"/>
                  </a:lnTo>
                  <a:cubicBezTo>
                    <a:pt x="227588" y="121397"/>
                    <a:pt x="229317" y="115609"/>
                    <a:pt x="228927" y="109763"/>
                  </a:cubicBezTo>
                  <a:cubicBezTo>
                    <a:pt x="231680" y="112517"/>
                    <a:pt x="234222" y="115693"/>
                    <a:pt x="236763" y="118659"/>
                  </a:cubicBezTo>
                  <a:cubicBezTo>
                    <a:pt x="237386" y="119639"/>
                    <a:pt x="238093" y="120560"/>
                    <a:pt x="238881" y="121412"/>
                  </a:cubicBezTo>
                  <a:cubicBezTo>
                    <a:pt x="236606" y="122979"/>
                    <a:pt x="234107" y="124195"/>
                    <a:pt x="231468" y="125012"/>
                  </a:cubicBezTo>
                  <a:close/>
                  <a:moveTo>
                    <a:pt x="214949" y="82019"/>
                  </a:moveTo>
                  <a:cubicBezTo>
                    <a:pt x="209703" y="76784"/>
                    <a:pt x="203877" y="72165"/>
                    <a:pt x="197582" y="68253"/>
                  </a:cubicBezTo>
                  <a:cubicBezTo>
                    <a:pt x="169662" y="50469"/>
                    <a:pt x="139053" y="37310"/>
                    <a:pt x="106937" y="29284"/>
                  </a:cubicBezTo>
                  <a:cubicBezTo>
                    <a:pt x="90551" y="25114"/>
                    <a:pt x="73822" y="22421"/>
                    <a:pt x="56955" y="21236"/>
                  </a:cubicBezTo>
                  <a:lnTo>
                    <a:pt x="56955" y="21236"/>
                  </a:lnTo>
                  <a:lnTo>
                    <a:pt x="64368" y="21236"/>
                  </a:lnTo>
                  <a:lnTo>
                    <a:pt x="65638" y="21236"/>
                  </a:lnTo>
                  <a:lnTo>
                    <a:pt x="72839" y="21236"/>
                  </a:lnTo>
                  <a:lnTo>
                    <a:pt x="97830" y="23989"/>
                  </a:lnTo>
                  <a:cubicBezTo>
                    <a:pt x="103972" y="25684"/>
                    <a:pt x="109902" y="27378"/>
                    <a:pt x="115832" y="29496"/>
                  </a:cubicBezTo>
                  <a:cubicBezTo>
                    <a:pt x="142899" y="38735"/>
                    <a:pt x="169234" y="49990"/>
                    <a:pt x="194617" y="63170"/>
                  </a:cubicBezTo>
                  <a:cubicBezTo>
                    <a:pt x="209466" y="72821"/>
                    <a:pt x="223177" y="84118"/>
                    <a:pt x="235492" y="96844"/>
                  </a:cubicBezTo>
                  <a:cubicBezTo>
                    <a:pt x="236962" y="98433"/>
                    <a:pt x="238307" y="100133"/>
                    <a:pt x="239516" y="101927"/>
                  </a:cubicBezTo>
                  <a:cubicBezTo>
                    <a:pt x="231864" y="94184"/>
                    <a:pt x="223336" y="87360"/>
                    <a:pt x="214102" y="81596"/>
                  </a:cubicBezTo>
                  <a:close/>
                </a:path>
              </a:pathLst>
            </a:custGeom>
            <a:solidFill>
              <a:srgbClr val="000000"/>
            </a:solidFill>
            <a:ln w="21168" cap="flat">
              <a:noFill/>
              <a:prstDash val="solid"/>
              <a:miter/>
            </a:ln>
          </p:spPr>
          <p:txBody>
            <a:bodyPr rtlCol="0" anchor="ctr"/>
            <a:lstStyle/>
            <a:p>
              <a:endParaRPr lang="en-US" sz="1500"/>
            </a:p>
          </p:txBody>
        </p:sp>
        <p:sp>
          <p:nvSpPr>
            <p:cNvPr id="40" name="Freeform: Shape 39">
              <a:extLst>
                <a:ext uri="{FF2B5EF4-FFF2-40B4-BE49-F238E27FC236}">
                  <a16:creationId xmlns:a16="http://schemas.microsoft.com/office/drawing/2014/main" id="{AC7EE9A7-7F64-4D9D-B2E4-2B1340803FEF}"/>
                </a:ext>
              </a:extLst>
            </p:cNvPr>
            <p:cNvSpPr/>
            <p:nvPr/>
          </p:nvSpPr>
          <p:spPr>
            <a:xfrm>
              <a:off x="772158" y="170701"/>
              <a:ext cx="801825" cy="409809"/>
            </a:xfrm>
            <a:custGeom>
              <a:avLst/>
              <a:gdLst>
                <a:gd name="connsiteX0" fmla="*/ 168839 w 801825"/>
                <a:gd name="connsiteY0" fmla="*/ 256058 h 409809"/>
                <a:gd name="connsiteX1" fmla="*/ 177946 w 801825"/>
                <a:gd name="connsiteY1" fmla="*/ 258388 h 409809"/>
                <a:gd name="connsiteX2" fmla="*/ 207596 w 801825"/>
                <a:gd name="connsiteY2" fmla="*/ 267283 h 409809"/>
                <a:gd name="connsiteX3" fmla="*/ 210985 w 801825"/>
                <a:gd name="connsiteY3" fmla="*/ 268977 h 409809"/>
                <a:gd name="connsiteX4" fmla="*/ 210985 w 801825"/>
                <a:gd name="connsiteY4" fmla="*/ 268977 h 409809"/>
                <a:gd name="connsiteX5" fmla="*/ 219880 w 801825"/>
                <a:gd name="connsiteY5" fmla="*/ 270671 h 409809"/>
                <a:gd name="connsiteX6" fmla="*/ 220939 w 801825"/>
                <a:gd name="connsiteY6" fmla="*/ 270671 h 409809"/>
                <a:gd name="connsiteX7" fmla="*/ 220939 w 801825"/>
                <a:gd name="connsiteY7" fmla="*/ 272789 h 409809"/>
                <a:gd name="connsiteX8" fmla="*/ 229410 w 801825"/>
                <a:gd name="connsiteY8" fmla="*/ 272789 h 409809"/>
                <a:gd name="connsiteX9" fmla="*/ 230681 w 801825"/>
                <a:gd name="connsiteY9" fmla="*/ 272789 h 409809"/>
                <a:gd name="connsiteX10" fmla="*/ 238306 w 801825"/>
                <a:gd name="connsiteY10" fmla="*/ 275331 h 409809"/>
                <a:gd name="connsiteX11" fmla="*/ 574201 w 801825"/>
                <a:gd name="connsiteY11" fmla="*/ 378683 h 409809"/>
                <a:gd name="connsiteX12" fmla="*/ 589450 w 801825"/>
                <a:gd name="connsiteY12" fmla="*/ 385672 h 409809"/>
                <a:gd name="connsiteX13" fmla="*/ 591991 w 801825"/>
                <a:gd name="connsiteY13" fmla="*/ 384401 h 409809"/>
                <a:gd name="connsiteX14" fmla="*/ 593474 w 801825"/>
                <a:gd name="connsiteY14" fmla="*/ 384401 h 409809"/>
                <a:gd name="connsiteX15" fmla="*/ 600251 w 801825"/>
                <a:gd name="connsiteY15" fmla="*/ 392661 h 409809"/>
                <a:gd name="connsiteX16" fmla="*/ 607939 w 801825"/>
                <a:gd name="connsiteY16" fmla="*/ 390154 h 409809"/>
                <a:gd name="connsiteX17" fmla="*/ 608299 w 801825"/>
                <a:gd name="connsiteY17" fmla="*/ 389273 h 409809"/>
                <a:gd name="connsiteX18" fmla="*/ 608299 w 801825"/>
                <a:gd name="connsiteY18" fmla="*/ 389273 h 409809"/>
                <a:gd name="connsiteX19" fmla="*/ 628207 w 801825"/>
                <a:gd name="connsiteY19" fmla="*/ 394567 h 409809"/>
                <a:gd name="connsiteX20" fmla="*/ 712922 w 801825"/>
                <a:gd name="connsiteY20" fmla="*/ 409816 h 409809"/>
                <a:gd name="connsiteX21" fmla="*/ 786413 w 801825"/>
                <a:gd name="connsiteY21" fmla="*/ 199511 h 409809"/>
                <a:gd name="connsiteX22" fmla="*/ 713981 w 801825"/>
                <a:gd name="connsiteY22" fmla="*/ 163295 h 409809"/>
                <a:gd name="connsiteX23" fmla="*/ 304595 w 801825"/>
                <a:gd name="connsiteY23" fmla="*/ 22032 h 409809"/>
                <a:gd name="connsiteX24" fmla="*/ 301630 w 801825"/>
                <a:gd name="connsiteY24" fmla="*/ 22032 h 409809"/>
                <a:gd name="connsiteX25" fmla="*/ 281934 w 801825"/>
                <a:gd name="connsiteY25" fmla="*/ 16102 h 409809"/>
                <a:gd name="connsiteX26" fmla="*/ 275057 w 801825"/>
                <a:gd name="connsiteY26" fmla="*/ 14007 h 409809"/>
                <a:gd name="connsiteX27" fmla="*/ 274733 w 801825"/>
                <a:gd name="connsiteY27" fmla="*/ 14196 h 409809"/>
                <a:gd name="connsiteX28" fmla="*/ 236399 w 801825"/>
                <a:gd name="connsiteY28" fmla="*/ 4030 h 409809"/>
                <a:gd name="connsiteX29" fmla="*/ 211197 w 801825"/>
                <a:gd name="connsiteY29" fmla="*/ 6 h 409809"/>
                <a:gd name="connsiteX30" fmla="*/ 16352 w 801825"/>
                <a:gd name="connsiteY30" fmla="*/ 54012 h 409809"/>
                <a:gd name="connsiteX31" fmla="*/ 4915 w 801825"/>
                <a:gd name="connsiteY31" fmla="*/ 117549 h 409809"/>
                <a:gd name="connsiteX32" fmla="*/ 168839 w 801825"/>
                <a:gd name="connsiteY32" fmla="*/ 256058 h 40980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Lst>
              <a:rect l="l" t="t" r="r" b="b"/>
              <a:pathLst>
                <a:path w="801825" h="409809">
                  <a:moveTo>
                    <a:pt x="168839" y="256058"/>
                  </a:moveTo>
                  <a:cubicBezTo>
                    <a:pt x="171916" y="256657"/>
                    <a:pt x="174958" y="257437"/>
                    <a:pt x="177946" y="258388"/>
                  </a:cubicBezTo>
                  <a:lnTo>
                    <a:pt x="207596" y="267283"/>
                  </a:lnTo>
                  <a:cubicBezTo>
                    <a:pt x="208170" y="268589"/>
                    <a:pt x="209596" y="269301"/>
                    <a:pt x="210985" y="268977"/>
                  </a:cubicBezTo>
                  <a:lnTo>
                    <a:pt x="210985" y="268977"/>
                  </a:lnTo>
                  <a:cubicBezTo>
                    <a:pt x="210985" y="274272"/>
                    <a:pt x="217974" y="274907"/>
                    <a:pt x="219880" y="270671"/>
                  </a:cubicBezTo>
                  <a:lnTo>
                    <a:pt x="220939" y="270671"/>
                  </a:lnTo>
                  <a:cubicBezTo>
                    <a:pt x="220939" y="270671"/>
                    <a:pt x="220939" y="272154"/>
                    <a:pt x="220939" y="272789"/>
                  </a:cubicBezTo>
                  <a:cubicBezTo>
                    <a:pt x="220939" y="278084"/>
                    <a:pt x="228775" y="278296"/>
                    <a:pt x="229410" y="272789"/>
                  </a:cubicBezTo>
                  <a:lnTo>
                    <a:pt x="230681" y="272789"/>
                  </a:lnTo>
                  <a:cubicBezTo>
                    <a:pt x="232098" y="275581"/>
                    <a:pt x="235497" y="276714"/>
                    <a:pt x="238306" y="275331"/>
                  </a:cubicBezTo>
                  <a:cubicBezTo>
                    <a:pt x="323021" y="301804"/>
                    <a:pt x="466401" y="348186"/>
                    <a:pt x="574201" y="378683"/>
                  </a:cubicBezTo>
                  <a:cubicBezTo>
                    <a:pt x="576732" y="384586"/>
                    <a:pt x="583327" y="387608"/>
                    <a:pt x="589450" y="385672"/>
                  </a:cubicBezTo>
                  <a:cubicBezTo>
                    <a:pt x="590435" y="385615"/>
                    <a:pt x="591354" y="385155"/>
                    <a:pt x="591991" y="384401"/>
                  </a:cubicBezTo>
                  <a:lnTo>
                    <a:pt x="593474" y="384401"/>
                  </a:lnTo>
                  <a:cubicBezTo>
                    <a:pt x="594550" y="387943"/>
                    <a:pt x="596988" y="390914"/>
                    <a:pt x="600251" y="392661"/>
                  </a:cubicBezTo>
                  <a:cubicBezTo>
                    <a:pt x="603066" y="394093"/>
                    <a:pt x="606510" y="392970"/>
                    <a:pt x="607939" y="390154"/>
                  </a:cubicBezTo>
                  <a:cubicBezTo>
                    <a:pt x="608083" y="389872"/>
                    <a:pt x="608204" y="389575"/>
                    <a:pt x="608299" y="389273"/>
                  </a:cubicBezTo>
                  <a:lnTo>
                    <a:pt x="608299" y="389273"/>
                  </a:lnTo>
                  <a:lnTo>
                    <a:pt x="628207" y="394567"/>
                  </a:lnTo>
                  <a:cubicBezTo>
                    <a:pt x="655568" y="403689"/>
                    <a:pt x="684098" y="408825"/>
                    <a:pt x="712922" y="409816"/>
                  </a:cubicBezTo>
                  <a:cubicBezTo>
                    <a:pt x="753162" y="398591"/>
                    <a:pt x="836183" y="267706"/>
                    <a:pt x="786413" y="199511"/>
                  </a:cubicBezTo>
                  <a:cubicBezTo>
                    <a:pt x="764186" y="183934"/>
                    <a:pt x="739779" y="171731"/>
                    <a:pt x="713981" y="163295"/>
                  </a:cubicBezTo>
                  <a:cubicBezTo>
                    <a:pt x="610629" y="121149"/>
                    <a:pt x="420020" y="56130"/>
                    <a:pt x="304595" y="22032"/>
                  </a:cubicBezTo>
                  <a:cubicBezTo>
                    <a:pt x="303771" y="21225"/>
                    <a:pt x="302454" y="21225"/>
                    <a:pt x="301630" y="22032"/>
                  </a:cubicBezTo>
                  <a:lnTo>
                    <a:pt x="281934" y="16102"/>
                  </a:lnTo>
                  <a:cubicBezTo>
                    <a:pt x="280614" y="13625"/>
                    <a:pt x="277535" y="12687"/>
                    <a:pt x="275057" y="14007"/>
                  </a:cubicBezTo>
                  <a:cubicBezTo>
                    <a:pt x="274947" y="14066"/>
                    <a:pt x="274839" y="14129"/>
                    <a:pt x="274733" y="14196"/>
                  </a:cubicBezTo>
                  <a:cubicBezTo>
                    <a:pt x="259696" y="9960"/>
                    <a:pt x="246565" y="6360"/>
                    <a:pt x="236399" y="4030"/>
                  </a:cubicBezTo>
                  <a:cubicBezTo>
                    <a:pt x="228216" y="1572"/>
                    <a:pt x="219740" y="219"/>
                    <a:pt x="211197" y="6"/>
                  </a:cubicBezTo>
                  <a:cubicBezTo>
                    <a:pt x="178581" y="4454"/>
                    <a:pt x="36683" y="35375"/>
                    <a:pt x="16352" y="54012"/>
                  </a:cubicBezTo>
                  <a:cubicBezTo>
                    <a:pt x="-30" y="70893"/>
                    <a:pt x="-4552" y="96015"/>
                    <a:pt x="4915" y="117549"/>
                  </a:cubicBezTo>
                  <a:cubicBezTo>
                    <a:pt x="15505" y="134492"/>
                    <a:pt x="139189" y="250763"/>
                    <a:pt x="168839" y="256058"/>
                  </a:cubicBezTo>
                  <a:close/>
                </a:path>
              </a:pathLst>
            </a:custGeom>
            <a:noFill/>
            <a:ln w="18628" cap="rnd">
              <a:solidFill>
                <a:srgbClr val="190B0B"/>
              </a:solidFill>
              <a:prstDash val="solid"/>
              <a:round/>
            </a:ln>
          </p:spPr>
          <p:txBody>
            <a:bodyPr rtlCol="0" anchor="ctr"/>
            <a:lstStyle/>
            <a:p>
              <a:endParaRPr lang="en-US" sz="1500"/>
            </a:p>
          </p:txBody>
        </p:sp>
      </p:grpSp>
      <p:grpSp>
        <p:nvGrpSpPr>
          <p:cNvPr id="41" name="Group 40">
            <a:extLst>
              <a:ext uri="{FF2B5EF4-FFF2-40B4-BE49-F238E27FC236}">
                <a16:creationId xmlns:a16="http://schemas.microsoft.com/office/drawing/2014/main" id="{FFAC42FA-002B-4BF3-BFCD-896AF3719732}"/>
              </a:ext>
            </a:extLst>
          </p:cNvPr>
          <p:cNvGrpSpPr/>
          <p:nvPr/>
        </p:nvGrpSpPr>
        <p:grpSpPr>
          <a:xfrm>
            <a:off x="10376412" y="4140569"/>
            <a:ext cx="194547" cy="238431"/>
            <a:chOff x="11714074" y="4445567"/>
            <a:chExt cx="219627" cy="269168"/>
          </a:xfrm>
        </p:grpSpPr>
        <p:sp>
          <p:nvSpPr>
            <p:cNvPr id="42" name="Freeform: Shape 41">
              <a:extLst>
                <a:ext uri="{FF2B5EF4-FFF2-40B4-BE49-F238E27FC236}">
                  <a16:creationId xmlns:a16="http://schemas.microsoft.com/office/drawing/2014/main" id="{D54E33CD-04E5-48A9-8D87-848CF087706B}"/>
                </a:ext>
              </a:extLst>
            </p:cNvPr>
            <p:cNvSpPr/>
            <p:nvPr/>
          </p:nvSpPr>
          <p:spPr>
            <a:xfrm>
              <a:off x="11718734" y="4454462"/>
              <a:ext cx="214967" cy="260273"/>
            </a:xfrm>
            <a:custGeom>
              <a:avLst/>
              <a:gdLst>
                <a:gd name="connsiteX0" fmla="*/ 150521 w 214967"/>
                <a:gd name="connsiteY0" fmla="*/ 62346 h 260273"/>
                <a:gd name="connsiteX1" fmla="*/ 56275 w 214967"/>
                <a:gd name="connsiteY1" fmla="*/ 179041 h 260273"/>
                <a:gd name="connsiteX2" fmla="*/ 45686 w 214967"/>
                <a:gd name="connsiteY2" fmla="*/ 212503 h 260273"/>
                <a:gd name="connsiteX3" fmla="*/ 101386 w 214967"/>
                <a:gd name="connsiteY3" fmla="*/ 194713 h 260273"/>
                <a:gd name="connsiteX4" fmla="*/ 140567 w 214967"/>
                <a:gd name="connsiteY4" fmla="*/ 149391 h 260273"/>
                <a:gd name="connsiteX5" fmla="*/ 197326 w 214967"/>
                <a:gd name="connsiteY5" fmla="*/ 70605 h 260273"/>
                <a:gd name="connsiteX6" fmla="*/ 211304 w 214967"/>
                <a:gd name="connsiteY6" fmla="*/ 15329 h 260273"/>
                <a:gd name="connsiteX7" fmla="*/ 180383 w 214967"/>
                <a:gd name="connsiteY7" fmla="*/ 80 h 260273"/>
                <a:gd name="connsiteX8" fmla="*/ 146285 w 214967"/>
                <a:gd name="connsiteY8" fmla="*/ 11305 h 260273"/>
                <a:gd name="connsiteX9" fmla="*/ 22813 w 214967"/>
                <a:gd name="connsiteY9" fmla="*/ 152356 h 260273"/>
                <a:gd name="connsiteX10" fmla="*/ 5446 w 214967"/>
                <a:gd name="connsiteY10" fmla="*/ 234741 h 260273"/>
                <a:gd name="connsiteX11" fmla="*/ 63688 w 214967"/>
                <a:gd name="connsiteY11" fmla="*/ 259097 h 260273"/>
                <a:gd name="connsiteX12" fmla="*/ 122989 w 214967"/>
                <a:gd name="connsiteY12" fmla="*/ 228387 h 260273"/>
                <a:gd name="connsiteX13" fmla="*/ 209610 w 214967"/>
                <a:gd name="connsiteY13" fmla="*/ 136048 h 26027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214967" h="260273">
                  <a:moveTo>
                    <a:pt x="150521" y="62346"/>
                  </a:moveTo>
                  <a:cubicBezTo>
                    <a:pt x="119176" y="101315"/>
                    <a:pt x="87768" y="140220"/>
                    <a:pt x="56275" y="179041"/>
                  </a:cubicBezTo>
                  <a:cubicBezTo>
                    <a:pt x="48651" y="188783"/>
                    <a:pt x="40391" y="200220"/>
                    <a:pt x="45686" y="212503"/>
                  </a:cubicBezTo>
                  <a:cubicBezTo>
                    <a:pt x="65912" y="214431"/>
                    <a:pt x="86031" y="208014"/>
                    <a:pt x="101386" y="194713"/>
                  </a:cubicBezTo>
                  <a:cubicBezTo>
                    <a:pt x="116487" y="181498"/>
                    <a:pt x="129661" y="166228"/>
                    <a:pt x="140567" y="149391"/>
                  </a:cubicBezTo>
                  <a:lnTo>
                    <a:pt x="197326" y="70605"/>
                  </a:lnTo>
                  <a:cubicBezTo>
                    <a:pt x="209186" y="54298"/>
                    <a:pt x="221258" y="32696"/>
                    <a:pt x="211304" y="15329"/>
                  </a:cubicBezTo>
                  <a:cubicBezTo>
                    <a:pt x="204464" y="5099"/>
                    <a:pt x="192667" y="-725"/>
                    <a:pt x="180383" y="80"/>
                  </a:cubicBezTo>
                  <a:cubicBezTo>
                    <a:pt x="168269" y="970"/>
                    <a:pt x="156557" y="4824"/>
                    <a:pt x="146285" y="11305"/>
                  </a:cubicBezTo>
                  <a:cubicBezTo>
                    <a:pt x="91432" y="42438"/>
                    <a:pt x="55851" y="98562"/>
                    <a:pt x="22813" y="152356"/>
                  </a:cubicBezTo>
                  <a:cubicBezTo>
                    <a:pt x="7140" y="177346"/>
                    <a:pt x="-8532" y="208903"/>
                    <a:pt x="5446" y="234741"/>
                  </a:cubicBezTo>
                  <a:cubicBezTo>
                    <a:pt x="17942" y="254141"/>
                    <a:pt x="41111" y="263820"/>
                    <a:pt x="63688" y="259097"/>
                  </a:cubicBezTo>
                  <a:cubicBezTo>
                    <a:pt x="85778" y="254162"/>
                    <a:pt x="106214" y="243573"/>
                    <a:pt x="122989" y="228387"/>
                  </a:cubicBezTo>
                  <a:cubicBezTo>
                    <a:pt x="156134" y="201914"/>
                    <a:pt x="185296" y="170823"/>
                    <a:pt x="209610" y="136048"/>
                  </a:cubicBezTo>
                </a:path>
              </a:pathLst>
            </a:custGeom>
            <a:noFill/>
            <a:ln w="21168" cap="flat">
              <a:solidFill>
                <a:srgbClr val="000000">
                  <a:alpha val="30000"/>
                </a:srgbClr>
              </a:solidFill>
              <a:prstDash val="solid"/>
              <a:miter/>
            </a:ln>
          </p:spPr>
          <p:txBody>
            <a:bodyPr rtlCol="0" anchor="ctr"/>
            <a:lstStyle/>
            <a:p>
              <a:endParaRPr lang="en-US" sz="1500"/>
            </a:p>
          </p:txBody>
        </p:sp>
        <p:sp>
          <p:nvSpPr>
            <p:cNvPr id="43" name="Freeform: Shape 42">
              <a:extLst>
                <a:ext uri="{FF2B5EF4-FFF2-40B4-BE49-F238E27FC236}">
                  <a16:creationId xmlns:a16="http://schemas.microsoft.com/office/drawing/2014/main" id="{2F0E4714-879A-4E9C-A769-71063CCC8244}"/>
                </a:ext>
              </a:extLst>
            </p:cNvPr>
            <p:cNvSpPr/>
            <p:nvPr/>
          </p:nvSpPr>
          <p:spPr>
            <a:xfrm>
              <a:off x="11714074" y="4445567"/>
              <a:ext cx="214967" cy="260460"/>
            </a:xfrm>
            <a:custGeom>
              <a:avLst/>
              <a:gdLst>
                <a:gd name="connsiteX0" fmla="*/ 150521 w 214967"/>
                <a:gd name="connsiteY0" fmla="*/ 62346 h 260460"/>
                <a:gd name="connsiteX1" fmla="*/ 56275 w 214967"/>
                <a:gd name="connsiteY1" fmla="*/ 179253 h 260460"/>
                <a:gd name="connsiteX2" fmla="*/ 45685 w 214967"/>
                <a:gd name="connsiteY2" fmla="*/ 212503 h 260460"/>
                <a:gd name="connsiteX3" fmla="*/ 101386 w 214967"/>
                <a:gd name="connsiteY3" fmla="*/ 194713 h 260460"/>
                <a:gd name="connsiteX4" fmla="*/ 140567 w 214967"/>
                <a:gd name="connsiteY4" fmla="*/ 149602 h 260460"/>
                <a:gd name="connsiteX5" fmla="*/ 197326 w 214967"/>
                <a:gd name="connsiteY5" fmla="*/ 70605 h 260460"/>
                <a:gd name="connsiteX6" fmla="*/ 211304 w 214967"/>
                <a:gd name="connsiteY6" fmla="*/ 15329 h 260460"/>
                <a:gd name="connsiteX7" fmla="*/ 180383 w 214967"/>
                <a:gd name="connsiteY7" fmla="*/ 80 h 260460"/>
                <a:gd name="connsiteX8" fmla="*/ 146285 w 214967"/>
                <a:gd name="connsiteY8" fmla="*/ 11305 h 260460"/>
                <a:gd name="connsiteX9" fmla="*/ 22813 w 214967"/>
                <a:gd name="connsiteY9" fmla="*/ 152356 h 260460"/>
                <a:gd name="connsiteX10" fmla="*/ 5446 w 214967"/>
                <a:gd name="connsiteY10" fmla="*/ 234741 h 260460"/>
                <a:gd name="connsiteX11" fmla="*/ 63688 w 214967"/>
                <a:gd name="connsiteY11" fmla="*/ 259309 h 260460"/>
                <a:gd name="connsiteX12" fmla="*/ 122988 w 214967"/>
                <a:gd name="connsiteY12" fmla="*/ 228599 h 260460"/>
                <a:gd name="connsiteX13" fmla="*/ 209610 w 214967"/>
                <a:gd name="connsiteY13" fmla="*/ 136048 h 26046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214967" h="260460">
                  <a:moveTo>
                    <a:pt x="150521" y="62346"/>
                  </a:moveTo>
                  <a:lnTo>
                    <a:pt x="56275" y="179253"/>
                  </a:lnTo>
                  <a:cubicBezTo>
                    <a:pt x="48651" y="188783"/>
                    <a:pt x="40391" y="200432"/>
                    <a:pt x="45685" y="212503"/>
                  </a:cubicBezTo>
                  <a:cubicBezTo>
                    <a:pt x="65911" y="214431"/>
                    <a:pt x="86032" y="208013"/>
                    <a:pt x="101386" y="194713"/>
                  </a:cubicBezTo>
                  <a:cubicBezTo>
                    <a:pt x="116423" y="181519"/>
                    <a:pt x="129596" y="166334"/>
                    <a:pt x="140567" y="149602"/>
                  </a:cubicBezTo>
                  <a:lnTo>
                    <a:pt x="197326" y="70605"/>
                  </a:lnTo>
                  <a:cubicBezTo>
                    <a:pt x="209186" y="54298"/>
                    <a:pt x="221258" y="32907"/>
                    <a:pt x="211304" y="15329"/>
                  </a:cubicBezTo>
                  <a:cubicBezTo>
                    <a:pt x="204463" y="5099"/>
                    <a:pt x="192666" y="-725"/>
                    <a:pt x="180383" y="80"/>
                  </a:cubicBezTo>
                  <a:cubicBezTo>
                    <a:pt x="168289" y="1054"/>
                    <a:pt x="156599" y="4909"/>
                    <a:pt x="146285" y="11305"/>
                  </a:cubicBezTo>
                  <a:cubicBezTo>
                    <a:pt x="91432" y="42649"/>
                    <a:pt x="55852" y="98561"/>
                    <a:pt x="22813" y="152356"/>
                  </a:cubicBezTo>
                  <a:cubicBezTo>
                    <a:pt x="7141" y="177558"/>
                    <a:pt x="-8532" y="208903"/>
                    <a:pt x="5446" y="234741"/>
                  </a:cubicBezTo>
                  <a:cubicBezTo>
                    <a:pt x="17878" y="254226"/>
                    <a:pt x="41047" y="263989"/>
                    <a:pt x="63688" y="259309"/>
                  </a:cubicBezTo>
                  <a:cubicBezTo>
                    <a:pt x="85736" y="254289"/>
                    <a:pt x="106152" y="243721"/>
                    <a:pt x="122988" y="228599"/>
                  </a:cubicBezTo>
                  <a:cubicBezTo>
                    <a:pt x="156091" y="201999"/>
                    <a:pt x="185254" y="170845"/>
                    <a:pt x="209610" y="136048"/>
                  </a:cubicBezTo>
                </a:path>
              </a:pathLst>
            </a:custGeom>
            <a:noFill/>
            <a:ln w="21168" cap="rnd">
              <a:solidFill>
                <a:srgbClr val="000000"/>
              </a:solidFill>
              <a:prstDash val="solid"/>
              <a:round/>
            </a:ln>
          </p:spPr>
          <p:txBody>
            <a:bodyPr rtlCol="0" anchor="ctr"/>
            <a:lstStyle/>
            <a:p>
              <a:endParaRPr lang="en-US" sz="1500"/>
            </a:p>
          </p:txBody>
        </p:sp>
      </p:grpSp>
      <p:sp>
        <p:nvSpPr>
          <p:cNvPr id="44" name="Freeform: Shape 43">
            <a:extLst>
              <a:ext uri="{FF2B5EF4-FFF2-40B4-BE49-F238E27FC236}">
                <a16:creationId xmlns:a16="http://schemas.microsoft.com/office/drawing/2014/main" id="{6C3E5507-294F-41E0-B261-EBAE9B283177}"/>
              </a:ext>
            </a:extLst>
          </p:cNvPr>
          <p:cNvSpPr/>
          <p:nvPr/>
        </p:nvSpPr>
        <p:spPr>
          <a:xfrm>
            <a:off x="7288160" y="6044484"/>
            <a:ext cx="172939" cy="245812"/>
          </a:xfrm>
          <a:custGeom>
            <a:avLst/>
            <a:gdLst>
              <a:gd name="connsiteX0" fmla="*/ 48992 w 195233"/>
              <a:gd name="connsiteY0" fmla="*/ 74498 h 277500"/>
              <a:gd name="connsiteX1" fmla="*/ 116553 w 195233"/>
              <a:gd name="connsiteY1" fmla="*/ 209195 h 277500"/>
              <a:gd name="connsiteX2" fmla="*/ 142391 w 195233"/>
              <a:gd name="connsiteY2" fmla="*/ 232703 h 277500"/>
              <a:gd name="connsiteX3" fmla="*/ 149379 w 195233"/>
              <a:gd name="connsiteY3" fmla="*/ 174673 h 277500"/>
              <a:gd name="connsiteX4" fmla="*/ 124177 w 195233"/>
              <a:gd name="connsiteY4" fmla="*/ 120244 h 277500"/>
              <a:gd name="connsiteX5" fmla="*/ 75889 w 195233"/>
              <a:gd name="connsiteY5" fmla="*/ 35529 h 277500"/>
              <a:gd name="connsiteX6" fmla="*/ 31202 w 195233"/>
              <a:gd name="connsiteY6" fmla="*/ 160 h 277500"/>
              <a:gd name="connsiteX7" fmla="*/ 4517 w 195233"/>
              <a:gd name="connsiteY7" fmla="*/ 21339 h 277500"/>
              <a:gd name="connsiteX8" fmla="*/ 705 w 195233"/>
              <a:gd name="connsiteY8" fmla="*/ 56919 h 277500"/>
              <a:gd name="connsiteX9" fmla="*/ 78219 w 195233"/>
              <a:gd name="connsiteY9" fmla="*/ 227832 h 277500"/>
              <a:gd name="connsiteX10" fmla="*/ 146203 w 195233"/>
              <a:gd name="connsiteY10" fmla="*/ 277391 h 277500"/>
              <a:gd name="connsiteX11" fmla="*/ 192584 w 195233"/>
              <a:gd name="connsiteY11" fmla="*/ 235033 h 277500"/>
              <a:gd name="connsiteX12" fmla="*/ 188984 w 195233"/>
              <a:gd name="connsiteY12" fmla="*/ 168320 h 277500"/>
              <a:gd name="connsiteX13" fmla="*/ 140484 w 195233"/>
              <a:gd name="connsiteY13" fmla="*/ 51413 h 2775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95233" h="277500">
                <a:moveTo>
                  <a:pt x="48992" y="74498"/>
                </a:moveTo>
                <a:lnTo>
                  <a:pt x="116553" y="209195"/>
                </a:lnTo>
                <a:cubicBezTo>
                  <a:pt x="122059" y="220208"/>
                  <a:pt x="130107" y="232915"/>
                  <a:pt x="142391" y="232703"/>
                </a:cubicBezTo>
                <a:cubicBezTo>
                  <a:pt x="152599" y="215146"/>
                  <a:pt x="155119" y="194158"/>
                  <a:pt x="149379" y="174673"/>
                </a:cubicBezTo>
                <a:cubicBezTo>
                  <a:pt x="143513" y="155465"/>
                  <a:pt x="135041" y="137145"/>
                  <a:pt x="124177" y="120244"/>
                </a:cubicBezTo>
                <a:lnTo>
                  <a:pt x="75889" y="35529"/>
                </a:lnTo>
                <a:cubicBezTo>
                  <a:pt x="65723" y="18162"/>
                  <a:pt x="51322" y="-1958"/>
                  <a:pt x="31202" y="160"/>
                </a:cubicBezTo>
                <a:cubicBezTo>
                  <a:pt x="19151" y="1918"/>
                  <a:pt x="8964" y="9987"/>
                  <a:pt x="4517" y="21339"/>
                </a:cubicBezTo>
                <a:cubicBezTo>
                  <a:pt x="387" y="32712"/>
                  <a:pt x="-926" y="44932"/>
                  <a:pt x="705" y="56919"/>
                </a:cubicBezTo>
                <a:cubicBezTo>
                  <a:pt x="6423" y="120456"/>
                  <a:pt x="43062" y="175309"/>
                  <a:pt x="78219" y="227832"/>
                </a:cubicBezTo>
                <a:cubicBezTo>
                  <a:pt x="94738" y="252188"/>
                  <a:pt x="116764" y="279509"/>
                  <a:pt x="146203" y="277391"/>
                </a:cubicBezTo>
                <a:cubicBezTo>
                  <a:pt x="168864" y="274065"/>
                  <a:pt x="187205" y="257292"/>
                  <a:pt x="192584" y="235033"/>
                </a:cubicBezTo>
                <a:cubicBezTo>
                  <a:pt x="197116" y="212859"/>
                  <a:pt x="195867" y="189880"/>
                  <a:pt x="188984" y="168320"/>
                </a:cubicBezTo>
                <a:cubicBezTo>
                  <a:pt x="178522" y="127233"/>
                  <a:pt x="162172" y="87862"/>
                  <a:pt x="140484" y="51413"/>
                </a:cubicBezTo>
              </a:path>
            </a:pathLst>
          </a:custGeom>
          <a:noFill/>
          <a:ln w="21168" cap="rnd">
            <a:solidFill>
              <a:srgbClr val="EE5B30"/>
            </a:solidFill>
            <a:prstDash val="solid"/>
            <a:round/>
          </a:ln>
        </p:spPr>
        <p:txBody>
          <a:bodyPr rtlCol="0" anchor="ctr"/>
          <a:lstStyle/>
          <a:p>
            <a:endParaRPr lang="en-US" sz="1500"/>
          </a:p>
        </p:txBody>
      </p:sp>
      <p:sp>
        <p:nvSpPr>
          <p:cNvPr id="45" name="Freeform: Shape 44">
            <a:extLst>
              <a:ext uri="{FF2B5EF4-FFF2-40B4-BE49-F238E27FC236}">
                <a16:creationId xmlns:a16="http://schemas.microsoft.com/office/drawing/2014/main" id="{CCAB5503-C7CC-4951-919F-839E3E07251B}"/>
              </a:ext>
            </a:extLst>
          </p:cNvPr>
          <p:cNvSpPr/>
          <p:nvPr/>
        </p:nvSpPr>
        <p:spPr>
          <a:xfrm>
            <a:off x="8008033" y="5713622"/>
            <a:ext cx="2872957" cy="658930"/>
          </a:xfrm>
          <a:custGeom>
            <a:avLst/>
            <a:gdLst>
              <a:gd name="connsiteX0" fmla="*/ 1999938 w 3243320"/>
              <a:gd name="connsiteY0" fmla="*/ 4953 h 743875"/>
              <a:gd name="connsiteX1" fmla="*/ 24 w 3243320"/>
              <a:gd name="connsiteY1" fmla="*/ 743881 h 743875"/>
              <a:gd name="connsiteX2" fmla="*/ 3243345 w 3243320"/>
              <a:gd name="connsiteY2" fmla="*/ 743881 h 743875"/>
              <a:gd name="connsiteX3" fmla="*/ 1999938 w 3243320"/>
              <a:gd name="connsiteY3" fmla="*/ 4953 h 743875"/>
            </a:gdLst>
            <a:ahLst/>
            <a:cxnLst>
              <a:cxn ang="0">
                <a:pos x="connsiteX0" y="connsiteY0"/>
              </a:cxn>
              <a:cxn ang="0">
                <a:pos x="connsiteX1" y="connsiteY1"/>
              </a:cxn>
              <a:cxn ang="0">
                <a:pos x="connsiteX2" y="connsiteY2"/>
              </a:cxn>
              <a:cxn ang="0">
                <a:pos x="connsiteX3" y="connsiteY3"/>
              </a:cxn>
            </a:cxnLst>
            <a:rect l="l" t="t" r="r" b="b"/>
            <a:pathLst>
              <a:path w="3243320" h="743875">
                <a:moveTo>
                  <a:pt x="1999938" y="4953"/>
                </a:moveTo>
                <a:cubicBezTo>
                  <a:pt x="1555183" y="-19826"/>
                  <a:pt x="342274" y="22956"/>
                  <a:pt x="24" y="743881"/>
                </a:cubicBezTo>
                <a:lnTo>
                  <a:pt x="3243345" y="743881"/>
                </a:lnTo>
                <a:cubicBezTo>
                  <a:pt x="3243345" y="743881"/>
                  <a:pt x="3126226" y="68066"/>
                  <a:pt x="1999938" y="4953"/>
                </a:cubicBezTo>
                <a:close/>
              </a:path>
            </a:pathLst>
          </a:custGeom>
          <a:solidFill>
            <a:srgbClr val="FFC000"/>
          </a:solidFill>
          <a:ln w="21168" cap="flat">
            <a:noFill/>
            <a:prstDash val="solid"/>
            <a:miter/>
          </a:ln>
        </p:spPr>
        <p:txBody>
          <a:bodyPr rtlCol="0" anchor="ctr"/>
          <a:lstStyle/>
          <a:p>
            <a:endParaRPr lang="en-US" sz="1500"/>
          </a:p>
        </p:txBody>
      </p:sp>
      <p:grpSp>
        <p:nvGrpSpPr>
          <p:cNvPr id="46" name="Group 45">
            <a:extLst>
              <a:ext uri="{FF2B5EF4-FFF2-40B4-BE49-F238E27FC236}">
                <a16:creationId xmlns:a16="http://schemas.microsoft.com/office/drawing/2014/main" id="{41483DCD-7982-462C-8B88-9044603B0526}"/>
              </a:ext>
            </a:extLst>
          </p:cNvPr>
          <p:cNvGrpSpPr/>
          <p:nvPr/>
        </p:nvGrpSpPr>
        <p:grpSpPr>
          <a:xfrm>
            <a:off x="9708917" y="4851231"/>
            <a:ext cx="987994" cy="1675236"/>
            <a:chOff x="10947587" y="5253678"/>
            <a:chExt cx="1115360" cy="1891197"/>
          </a:xfrm>
        </p:grpSpPr>
        <p:sp>
          <p:nvSpPr>
            <p:cNvPr id="47" name="Freeform: Shape 46">
              <a:extLst>
                <a:ext uri="{FF2B5EF4-FFF2-40B4-BE49-F238E27FC236}">
                  <a16:creationId xmlns:a16="http://schemas.microsoft.com/office/drawing/2014/main" id="{0011FE65-623B-4EED-A603-CD2B472237AC}"/>
                </a:ext>
              </a:extLst>
            </p:cNvPr>
            <p:cNvSpPr/>
            <p:nvPr/>
          </p:nvSpPr>
          <p:spPr>
            <a:xfrm>
              <a:off x="11027855" y="6101527"/>
              <a:ext cx="882921" cy="1043348"/>
            </a:xfrm>
            <a:custGeom>
              <a:avLst/>
              <a:gdLst>
                <a:gd name="connsiteX0" fmla="*/ 856225 w 882921"/>
                <a:gd name="connsiteY0" fmla="*/ 173120 h 1043348"/>
                <a:gd name="connsiteX1" fmla="*/ 802642 w 882921"/>
                <a:gd name="connsiteY1" fmla="*/ 124621 h 1043348"/>
                <a:gd name="connsiteX2" fmla="*/ 760285 w 882921"/>
                <a:gd name="connsiteY2" fmla="*/ 100477 h 1043348"/>
                <a:gd name="connsiteX3" fmla="*/ 733177 w 882921"/>
                <a:gd name="connsiteY3" fmla="*/ 87770 h 1043348"/>
                <a:gd name="connsiteX4" fmla="*/ 656508 w 882921"/>
                <a:gd name="connsiteY4" fmla="*/ 58120 h 1043348"/>
                <a:gd name="connsiteX5" fmla="*/ 653544 w 882921"/>
                <a:gd name="connsiteY5" fmla="*/ 57060 h 1043348"/>
                <a:gd name="connsiteX6" fmla="*/ 462935 w 882921"/>
                <a:gd name="connsiteY6" fmla="*/ 11314 h 1043348"/>
                <a:gd name="connsiteX7" fmla="*/ 366782 w 882921"/>
                <a:gd name="connsiteY7" fmla="*/ 1996 h 1043348"/>
                <a:gd name="connsiteX8" fmla="*/ 314259 w 882921"/>
                <a:gd name="connsiteY8" fmla="*/ 301 h 1043348"/>
                <a:gd name="connsiteX9" fmla="*/ 137205 w 882921"/>
                <a:gd name="connsiteY9" fmla="*/ 11738 h 1043348"/>
                <a:gd name="connsiteX10" fmla="*/ 31311 w 882921"/>
                <a:gd name="connsiteY10" fmla="*/ 125680 h 1043348"/>
                <a:gd name="connsiteX11" fmla="*/ 29616 w 882921"/>
                <a:gd name="connsiteY11" fmla="*/ 249788 h 1043348"/>
                <a:gd name="connsiteX12" fmla="*/ 20933 w 882921"/>
                <a:gd name="connsiteY12" fmla="*/ 398039 h 1043348"/>
                <a:gd name="connsiteX13" fmla="*/ 1872 w 882921"/>
                <a:gd name="connsiteY13" fmla="*/ 726099 h 1043348"/>
                <a:gd name="connsiteX14" fmla="*/ 36394 w 882921"/>
                <a:gd name="connsiteY14" fmla="*/ 909719 h 1043348"/>
                <a:gd name="connsiteX15" fmla="*/ 128733 w 882921"/>
                <a:gd name="connsiteY15" fmla="*/ 970926 h 1043348"/>
                <a:gd name="connsiteX16" fmla="*/ 597632 w 882921"/>
                <a:gd name="connsiteY16" fmla="*/ 1036792 h 1043348"/>
                <a:gd name="connsiteX17" fmla="*/ 671758 w 882921"/>
                <a:gd name="connsiteY17" fmla="*/ 1015613 h 1043348"/>
                <a:gd name="connsiteX18" fmla="*/ 741435 w 882921"/>
                <a:gd name="connsiteY18" fmla="*/ 880069 h 1043348"/>
                <a:gd name="connsiteX19" fmla="*/ 863213 w 882921"/>
                <a:gd name="connsiteY19" fmla="*/ 308241 h 1043348"/>
                <a:gd name="connsiteX20" fmla="*/ 863213 w 882921"/>
                <a:gd name="connsiteY20" fmla="*/ 308241 h 1043348"/>
                <a:gd name="connsiteX21" fmla="*/ 856225 w 882921"/>
                <a:gd name="connsiteY21" fmla="*/ 173120 h 104334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Lst>
              <a:rect l="l" t="t" r="r" b="b"/>
              <a:pathLst>
                <a:path w="882921" h="1043348">
                  <a:moveTo>
                    <a:pt x="856225" y="173120"/>
                  </a:moveTo>
                  <a:cubicBezTo>
                    <a:pt x="841251" y="154017"/>
                    <a:pt x="823144" y="137625"/>
                    <a:pt x="802642" y="124621"/>
                  </a:cubicBezTo>
                  <a:cubicBezTo>
                    <a:pt x="789173" y="115493"/>
                    <a:pt x="775004" y="107403"/>
                    <a:pt x="760285" y="100477"/>
                  </a:cubicBezTo>
                  <a:cubicBezTo>
                    <a:pt x="751178" y="95818"/>
                    <a:pt x="742283" y="91794"/>
                    <a:pt x="733177" y="87770"/>
                  </a:cubicBezTo>
                  <a:cubicBezTo>
                    <a:pt x="707974" y="76757"/>
                    <a:pt x="682347" y="66591"/>
                    <a:pt x="656508" y="58120"/>
                  </a:cubicBezTo>
                  <a:cubicBezTo>
                    <a:pt x="655598" y="57590"/>
                    <a:pt x="654581" y="57230"/>
                    <a:pt x="653544" y="57060"/>
                  </a:cubicBezTo>
                  <a:cubicBezTo>
                    <a:pt x="591554" y="35988"/>
                    <a:pt x="527742" y="20654"/>
                    <a:pt x="462935" y="11314"/>
                  </a:cubicBezTo>
                  <a:cubicBezTo>
                    <a:pt x="430955" y="6867"/>
                    <a:pt x="399399" y="3690"/>
                    <a:pt x="366782" y="1996"/>
                  </a:cubicBezTo>
                  <a:cubicBezTo>
                    <a:pt x="349205" y="937"/>
                    <a:pt x="331838" y="513"/>
                    <a:pt x="314259" y="301"/>
                  </a:cubicBezTo>
                  <a:cubicBezTo>
                    <a:pt x="255022" y="-1139"/>
                    <a:pt x="195764" y="2695"/>
                    <a:pt x="137205" y="11738"/>
                  </a:cubicBezTo>
                  <a:cubicBezTo>
                    <a:pt x="62232" y="25504"/>
                    <a:pt x="1660" y="56637"/>
                    <a:pt x="31311" y="125680"/>
                  </a:cubicBezTo>
                  <a:cubicBezTo>
                    <a:pt x="24322" y="161896"/>
                    <a:pt x="31311" y="223314"/>
                    <a:pt x="29616" y="249788"/>
                  </a:cubicBezTo>
                  <a:cubicBezTo>
                    <a:pt x="26927" y="299198"/>
                    <a:pt x="24046" y="348629"/>
                    <a:pt x="20933" y="398039"/>
                  </a:cubicBezTo>
                  <a:lnTo>
                    <a:pt x="1872" y="726099"/>
                  </a:lnTo>
                  <a:cubicBezTo>
                    <a:pt x="-1940" y="789635"/>
                    <a:pt x="-3634" y="860161"/>
                    <a:pt x="36394" y="909719"/>
                  </a:cubicBezTo>
                  <a:cubicBezTo>
                    <a:pt x="61745" y="937315"/>
                    <a:pt x="93449" y="958303"/>
                    <a:pt x="128733" y="970926"/>
                  </a:cubicBezTo>
                  <a:cubicBezTo>
                    <a:pt x="276667" y="1033170"/>
                    <a:pt x="438261" y="1055874"/>
                    <a:pt x="597632" y="1036792"/>
                  </a:cubicBezTo>
                  <a:cubicBezTo>
                    <a:pt x="623597" y="1035224"/>
                    <a:pt x="648884" y="1028002"/>
                    <a:pt x="671758" y="1015613"/>
                  </a:cubicBezTo>
                  <a:cubicBezTo>
                    <a:pt x="716021" y="987869"/>
                    <a:pt x="730634" y="930898"/>
                    <a:pt x="741435" y="880069"/>
                  </a:cubicBezTo>
                  <a:cubicBezTo>
                    <a:pt x="782100" y="689460"/>
                    <a:pt x="822699" y="498850"/>
                    <a:pt x="863213" y="308241"/>
                  </a:cubicBezTo>
                  <a:lnTo>
                    <a:pt x="863213" y="308241"/>
                  </a:lnTo>
                  <a:cubicBezTo>
                    <a:pt x="894347" y="270543"/>
                    <a:pt x="886087" y="213360"/>
                    <a:pt x="856225" y="173120"/>
                  </a:cubicBezTo>
                  <a:close/>
                </a:path>
              </a:pathLst>
            </a:custGeom>
            <a:solidFill>
              <a:srgbClr val="000000">
                <a:alpha val="15000"/>
              </a:srgbClr>
            </a:solidFill>
            <a:ln w="21168" cap="flat">
              <a:noFill/>
              <a:prstDash val="solid"/>
              <a:miter/>
            </a:ln>
          </p:spPr>
          <p:txBody>
            <a:bodyPr rtlCol="0" anchor="ctr"/>
            <a:lstStyle/>
            <a:p>
              <a:endParaRPr lang="en-US" sz="1500"/>
            </a:p>
          </p:txBody>
        </p:sp>
        <p:sp>
          <p:nvSpPr>
            <p:cNvPr id="48" name="Freeform: Shape 47">
              <a:extLst>
                <a:ext uri="{FF2B5EF4-FFF2-40B4-BE49-F238E27FC236}">
                  <a16:creationId xmlns:a16="http://schemas.microsoft.com/office/drawing/2014/main" id="{7DBE5368-0A24-40A2-B968-450B0C465B16}"/>
                </a:ext>
              </a:extLst>
            </p:cNvPr>
            <p:cNvSpPr/>
            <p:nvPr/>
          </p:nvSpPr>
          <p:spPr>
            <a:xfrm>
              <a:off x="10947587" y="6126272"/>
              <a:ext cx="866577" cy="951411"/>
            </a:xfrm>
            <a:custGeom>
              <a:avLst/>
              <a:gdLst>
                <a:gd name="connsiteX0" fmla="*/ 1872 w 866577"/>
                <a:gd name="connsiteY0" fmla="*/ 634006 h 951411"/>
                <a:gd name="connsiteX1" fmla="*/ 36394 w 866577"/>
                <a:gd name="connsiteY1" fmla="*/ 817837 h 951411"/>
                <a:gd name="connsiteX2" fmla="*/ 128734 w 866577"/>
                <a:gd name="connsiteY2" fmla="*/ 878832 h 951411"/>
                <a:gd name="connsiteX3" fmla="*/ 597632 w 866577"/>
                <a:gd name="connsiteY3" fmla="*/ 944910 h 951411"/>
                <a:gd name="connsiteX4" fmla="*/ 671758 w 866577"/>
                <a:gd name="connsiteY4" fmla="*/ 923731 h 951411"/>
                <a:gd name="connsiteX5" fmla="*/ 741436 w 866577"/>
                <a:gd name="connsiteY5" fmla="*/ 788187 h 951411"/>
                <a:gd name="connsiteX6" fmla="*/ 866602 w 866577"/>
                <a:gd name="connsiteY6" fmla="*/ 200688 h 951411"/>
                <a:gd name="connsiteX7" fmla="*/ 292234 w 866577"/>
                <a:gd name="connsiteY7" fmla="*/ 47777 h 951411"/>
                <a:gd name="connsiteX8" fmla="*/ 38088 w 866577"/>
                <a:gd name="connsiteY8" fmla="*/ 13679 h 951411"/>
                <a:gd name="connsiteX9" fmla="*/ 28981 w 866577"/>
                <a:gd name="connsiteY9" fmla="*/ 158330 h 951411"/>
                <a:gd name="connsiteX10" fmla="*/ 20298 w 866577"/>
                <a:gd name="connsiteY10" fmla="*/ 306582 h 9514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866577" h="951411">
                  <a:moveTo>
                    <a:pt x="1872" y="634006"/>
                  </a:moveTo>
                  <a:cubicBezTo>
                    <a:pt x="-1940" y="697542"/>
                    <a:pt x="-3634" y="768068"/>
                    <a:pt x="36394" y="817837"/>
                  </a:cubicBezTo>
                  <a:cubicBezTo>
                    <a:pt x="61766" y="845370"/>
                    <a:pt x="93449" y="866295"/>
                    <a:pt x="128734" y="878832"/>
                  </a:cubicBezTo>
                  <a:cubicBezTo>
                    <a:pt x="276667" y="941141"/>
                    <a:pt x="438241" y="963908"/>
                    <a:pt x="597632" y="944910"/>
                  </a:cubicBezTo>
                  <a:cubicBezTo>
                    <a:pt x="623576" y="943322"/>
                    <a:pt x="648885" y="936100"/>
                    <a:pt x="671758" y="923731"/>
                  </a:cubicBezTo>
                  <a:cubicBezTo>
                    <a:pt x="716021" y="895776"/>
                    <a:pt x="730635" y="839016"/>
                    <a:pt x="741436" y="788187"/>
                  </a:cubicBezTo>
                  <a:lnTo>
                    <a:pt x="866602" y="200688"/>
                  </a:lnTo>
                  <a:cubicBezTo>
                    <a:pt x="676841" y="143081"/>
                    <a:pt x="485384" y="92104"/>
                    <a:pt x="292234" y="47777"/>
                  </a:cubicBezTo>
                  <a:cubicBezTo>
                    <a:pt x="244370" y="36764"/>
                    <a:pt x="66468" y="-27620"/>
                    <a:pt x="38088" y="13679"/>
                  </a:cubicBezTo>
                  <a:cubicBezTo>
                    <a:pt x="20086" y="40364"/>
                    <a:pt x="30887" y="125714"/>
                    <a:pt x="28981" y="158330"/>
                  </a:cubicBezTo>
                  <a:cubicBezTo>
                    <a:pt x="26292" y="207740"/>
                    <a:pt x="23411" y="257171"/>
                    <a:pt x="20298" y="306582"/>
                  </a:cubicBezTo>
                  <a:close/>
                </a:path>
              </a:pathLst>
            </a:custGeom>
            <a:solidFill>
              <a:srgbClr val="40958A"/>
            </a:solidFill>
            <a:ln w="21168" cap="rnd">
              <a:solidFill>
                <a:srgbClr val="190B0B"/>
              </a:solidFill>
              <a:prstDash val="solid"/>
              <a:round/>
            </a:ln>
          </p:spPr>
          <p:txBody>
            <a:bodyPr rtlCol="0" anchor="ctr"/>
            <a:lstStyle/>
            <a:p>
              <a:endParaRPr lang="en-US" sz="1500"/>
            </a:p>
          </p:txBody>
        </p:sp>
        <p:sp>
          <p:nvSpPr>
            <p:cNvPr id="49" name="Freeform: Shape 48">
              <a:extLst>
                <a:ext uri="{FF2B5EF4-FFF2-40B4-BE49-F238E27FC236}">
                  <a16:creationId xmlns:a16="http://schemas.microsoft.com/office/drawing/2014/main" id="{2CEF6700-4CDA-4D58-9930-69079F4BE9C1}"/>
                </a:ext>
              </a:extLst>
            </p:cNvPr>
            <p:cNvSpPr/>
            <p:nvPr/>
          </p:nvSpPr>
          <p:spPr>
            <a:xfrm>
              <a:off x="10970885" y="6034567"/>
              <a:ext cx="859608" cy="348235"/>
            </a:xfrm>
            <a:custGeom>
              <a:avLst/>
              <a:gdLst>
                <a:gd name="connsiteX0" fmla="*/ 840128 w 859608"/>
                <a:gd name="connsiteY0" fmla="*/ 307430 h 348235"/>
                <a:gd name="connsiteX1" fmla="*/ 677051 w 859608"/>
                <a:gd name="connsiteY1" fmla="*/ 345552 h 348235"/>
                <a:gd name="connsiteX2" fmla="*/ 665403 w 859608"/>
                <a:gd name="connsiteY2" fmla="*/ 344492 h 348235"/>
                <a:gd name="connsiteX3" fmla="*/ 604832 w 859608"/>
                <a:gd name="connsiteY3" fmla="*/ 337504 h 348235"/>
                <a:gd name="connsiteX4" fmla="*/ 594665 w 859608"/>
                <a:gd name="connsiteY4" fmla="*/ 336233 h 348235"/>
                <a:gd name="connsiteX5" fmla="*/ 484535 w 859608"/>
                <a:gd name="connsiteY5" fmla="*/ 321620 h 348235"/>
                <a:gd name="connsiteX6" fmla="*/ 422270 w 859608"/>
                <a:gd name="connsiteY6" fmla="*/ 311454 h 348235"/>
                <a:gd name="connsiteX7" fmla="*/ 340520 w 859608"/>
                <a:gd name="connsiteY7" fmla="*/ 294511 h 348235"/>
                <a:gd name="connsiteX8" fmla="*/ 340520 w 859608"/>
                <a:gd name="connsiteY8" fmla="*/ 294511 h 348235"/>
                <a:gd name="connsiteX9" fmla="*/ 113483 w 859608"/>
                <a:gd name="connsiteY9" fmla="*/ 215937 h 348235"/>
                <a:gd name="connsiteX10" fmla="*/ 103741 w 859608"/>
                <a:gd name="connsiteY10" fmla="*/ 211278 h 348235"/>
                <a:gd name="connsiteX11" fmla="*/ 14579 w 859608"/>
                <a:gd name="connsiteY11" fmla="*/ 138634 h 348235"/>
                <a:gd name="connsiteX12" fmla="*/ 113272 w 859608"/>
                <a:gd name="connsiteY12" fmla="*/ 11562 h 348235"/>
                <a:gd name="connsiteX13" fmla="*/ 290538 w 859608"/>
                <a:gd name="connsiteY13" fmla="*/ 337 h 348235"/>
                <a:gd name="connsiteX14" fmla="*/ 343062 w 859608"/>
                <a:gd name="connsiteY14" fmla="*/ 1820 h 348235"/>
                <a:gd name="connsiteX15" fmla="*/ 439214 w 859608"/>
                <a:gd name="connsiteY15" fmla="*/ 11350 h 348235"/>
                <a:gd name="connsiteX16" fmla="*/ 629823 w 859608"/>
                <a:gd name="connsiteY16" fmla="*/ 57096 h 348235"/>
                <a:gd name="connsiteX17" fmla="*/ 632787 w 859608"/>
                <a:gd name="connsiteY17" fmla="*/ 57096 h 348235"/>
                <a:gd name="connsiteX18" fmla="*/ 709454 w 859608"/>
                <a:gd name="connsiteY18" fmla="*/ 86958 h 348235"/>
                <a:gd name="connsiteX19" fmla="*/ 736352 w 859608"/>
                <a:gd name="connsiteY19" fmla="*/ 99454 h 348235"/>
                <a:gd name="connsiteX20" fmla="*/ 778709 w 859608"/>
                <a:gd name="connsiteY20" fmla="*/ 123810 h 348235"/>
                <a:gd name="connsiteX21" fmla="*/ 832292 w 859608"/>
                <a:gd name="connsiteY21" fmla="*/ 172097 h 348235"/>
                <a:gd name="connsiteX22" fmla="*/ 840128 w 859608"/>
                <a:gd name="connsiteY22" fmla="*/ 307430 h 34823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859608" h="348235">
                  <a:moveTo>
                    <a:pt x="840128" y="307430"/>
                  </a:moveTo>
                  <a:cubicBezTo>
                    <a:pt x="804336" y="351058"/>
                    <a:pt x="736776" y="351482"/>
                    <a:pt x="677051" y="345552"/>
                  </a:cubicBezTo>
                  <a:lnTo>
                    <a:pt x="665403" y="344492"/>
                  </a:lnTo>
                  <a:lnTo>
                    <a:pt x="604832" y="337504"/>
                  </a:lnTo>
                  <a:lnTo>
                    <a:pt x="594665" y="336233"/>
                  </a:lnTo>
                  <a:cubicBezTo>
                    <a:pt x="558026" y="331997"/>
                    <a:pt x="521176" y="327338"/>
                    <a:pt x="484535" y="321620"/>
                  </a:cubicBezTo>
                  <a:cubicBezTo>
                    <a:pt x="463505" y="318379"/>
                    <a:pt x="442750" y="314990"/>
                    <a:pt x="422270" y="311454"/>
                  </a:cubicBezTo>
                  <a:cubicBezTo>
                    <a:pt x="394737" y="306371"/>
                    <a:pt x="367629" y="300864"/>
                    <a:pt x="340520" y="294511"/>
                  </a:cubicBezTo>
                  <a:lnTo>
                    <a:pt x="340520" y="294511"/>
                  </a:lnTo>
                  <a:cubicBezTo>
                    <a:pt x="262053" y="277187"/>
                    <a:pt x="185872" y="250819"/>
                    <a:pt x="113483" y="215937"/>
                  </a:cubicBezTo>
                  <a:lnTo>
                    <a:pt x="103741" y="211278"/>
                  </a:lnTo>
                  <a:cubicBezTo>
                    <a:pt x="67589" y="196241"/>
                    <a:pt x="36625" y="170996"/>
                    <a:pt x="14579" y="138634"/>
                  </a:cubicBezTo>
                  <a:cubicBezTo>
                    <a:pt x="-29685" y="60485"/>
                    <a:pt x="33851" y="26387"/>
                    <a:pt x="113272" y="11562"/>
                  </a:cubicBezTo>
                  <a:cubicBezTo>
                    <a:pt x="171915" y="2561"/>
                    <a:pt x="231238" y="-1188"/>
                    <a:pt x="290538" y="337"/>
                  </a:cubicBezTo>
                  <a:cubicBezTo>
                    <a:pt x="307905" y="337"/>
                    <a:pt x="325483" y="337"/>
                    <a:pt x="343062" y="1820"/>
                  </a:cubicBezTo>
                  <a:cubicBezTo>
                    <a:pt x="375253" y="3514"/>
                    <a:pt x="406598" y="6691"/>
                    <a:pt x="439214" y="11350"/>
                  </a:cubicBezTo>
                  <a:cubicBezTo>
                    <a:pt x="504041" y="20648"/>
                    <a:pt x="567853" y="35960"/>
                    <a:pt x="629823" y="57096"/>
                  </a:cubicBezTo>
                  <a:cubicBezTo>
                    <a:pt x="630796" y="56906"/>
                    <a:pt x="631814" y="56906"/>
                    <a:pt x="632787" y="57096"/>
                  </a:cubicBezTo>
                  <a:cubicBezTo>
                    <a:pt x="658626" y="65991"/>
                    <a:pt x="684253" y="75945"/>
                    <a:pt x="709454" y="86958"/>
                  </a:cubicBezTo>
                  <a:cubicBezTo>
                    <a:pt x="718562" y="90982"/>
                    <a:pt x="727457" y="95006"/>
                    <a:pt x="736352" y="99454"/>
                  </a:cubicBezTo>
                  <a:cubicBezTo>
                    <a:pt x="751050" y="106506"/>
                    <a:pt x="765219" y="114639"/>
                    <a:pt x="778709" y="123810"/>
                  </a:cubicBezTo>
                  <a:cubicBezTo>
                    <a:pt x="799211" y="136728"/>
                    <a:pt x="817318" y="153057"/>
                    <a:pt x="832292" y="172097"/>
                  </a:cubicBezTo>
                  <a:cubicBezTo>
                    <a:pt x="862790" y="212549"/>
                    <a:pt x="871048" y="269731"/>
                    <a:pt x="840128" y="307430"/>
                  </a:cubicBezTo>
                  <a:close/>
                </a:path>
              </a:pathLst>
            </a:custGeom>
            <a:solidFill>
              <a:srgbClr val="297267"/>
            </a:solidFill>
            <a:ln w="21168" cap="rnd">
              <a:solidFill>
                <a:srgbClr val="190B0B"/>
              </a:solidFill>
              <a:prstDash val="solid"/>
              <a:round/>
            </a:ln>
          </p:spPr>
          <p:txBody>
            <a:bodyPr rtlCol="0" anchor="ctr"/>
            <a:lstStyle/>
            <a:p>
              <a:endParaRPr lang="en-US" sz="1500"/>
            </a:p>
          </p:txBody>
        </p:sp>
        <p:sp>
          <p:nvSpPr>
            <p:cNvPr id="50" name="Freeform: Shape 49">
              <a:extLst>
                <a:ext uri="{FF2B5EF4-FFF2-40B4-BE49-F238E27FC236}">
                  <a16:creationId xmlns:a16="http://schemas.microsoft.com/office/drawing/2014/main" id="{93EC0941-7559-4DED-B267-E19FCC4E8E34}"/>
                </a:ext>
              </a:extLst>
            </p:cNvPr>
            <p:cNvSpPr/>
            <p:nvPr/>
          </p:nvSpPr>
          <p:spPr>
            <a:xfrm>
              <a:off x="11360516" y="5575060"/>
              <a:ext cx="225649" cy="790438"/>
            </a:xfrm>
            <a:custGeom>
              <a:avLst/>
              <a:gdLst>
                <a:gd name="connsiteX0" fmla="*/ 172632 w 225649"/>
                <a:gd name="connsiteY0" fmla="*/ 790445 h 790438"/>
                <a:gd name="connsiteX1" fmla="*/ 62290 w 225649"/>
                <a:gd name="connsiteY1" fmla="*/ 775832 h 790438"/>
                <a:gd name="connsiteX2" fmla="*/ 24 w 225649"/>
                <a:gd name="connsiteY2" fmla="*/ 765666 h 790438"/>
                <a:gd name="connsiteX3" fmla="*/ 6378 w 225649"/>
                <a:gd name="connsiteY3" fmla="*/ 617414 h 790438"/>
                <a:gd name="connsiteX4" fmla="*/ 16967 w 225649"/>
                <a:gd name="connsiteY4" fmla="*/ 465986 h 790438"/>
                <a:gd name="connsiteX5" fmla="*/ 31368 w 225649"/>
                <a:gd name="connsiteY5" fmla="*/ 202098 h 790438"/>
                <a:gd name="connsiteX6" fmla="*/ 31368 w 225649"/>
                <a:gd name="connsiteY6" fmla="*/ 99169 h 790438"/>
                <a:gd name="connsiteX7" fmla="*/ 44077 w 225649"/>
                <a:gd name="connsiteY7" fmla="*/ 12971 h 790438"/>
                <a:gd name="connsiteX8" fmla="*/ 211600 w 225649"/>
                <a:gd name="connsiteY8" fmla="*/ 12971 h 790438"/>
                <a:gd name="connsiteX9" fmla="*/ 222190 w 225649"/>
                <a:gd name="connsiteY9" fmla="*/ 17419 h 790438"/>
                <a:gd name="connsiteX10" fmla="*/ 224731 w 225649"/>
                <a:gd name="connsiteY10" fmla="*/ 27585 h 790438"/>
                <a:gd name="connsiteX11" fmla="*/ 207788 w 225649"/>
                <a:gd name="connsiteY11" fmla="*/ 510885 h 790438"/>
                <a:gd name="connsiteX12" fmla="*/ 207788 w 225649"/>
                <a:gd name="connsiteY12" fmla="*/ 518086 h 790438"/>
                <a:gd name="connsiteX13" fmla="*/ 172632 w 225649"/>
                <a:gd name="connsiteY13" fmla="*/ 790445 h 7904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225649" h="790438">
                  <a:moveTo>
                    <a:pt x="172632" y="790445"/>
                  </a:moveTo>
                  <a:cubicBezTo>
                    <a:pt x="135781" y="786209"/>
                    <a:pt x="98929" y="781550"/>
                    <a:pt x="62290" y="775832"/>
                  </a:cubicBezTo>
                  <a:cubicBezTo>
                    <a:pt x="41387" y="772591"/>
                    <a:pt x="20632" y="769202"/>
                    <a:pt x="24" y="765666"/>
                  </a:cubicBezTo>
                  <a:cubicBezTo>
                    <a:pt x="24" y="716107"/>
                    <a:pt x="3414" y="666337"/>
                    <a:pt x="6378" y="617414"/>
                  </a:cubicBezTo>
                  <a:cubicBezTo>
                    <a:pt x="9343" y="568491"/>
                    <a:pt x="13155" y="516392"/>
                    <a:pt x="16967" y="465986"/>
                  </a:cubicBezTo>
                  <a:cubicBezTo>
                    <a:pt x="23532" y="378094"/>
                    <a:pt x="29675" y="290202"/>
                    <a:pt x="31368" y="202098"/>
                  </a:cubicBezTo>
                  <a:cubicBezTo>
                    <a:pt x="31368" y="167789"/>
                    <a:pt x="31368" y="133479"/>
                    <a:pt x="31368" y="99169"/>
                  </a:cubicBezTo>
                  <a:cubicBezTo>
                    <a:pt x="31368" y="80108"/>
                    <a:pt x="31368" y="27161"/>
                    <a:pt x="44077" y="12971"/>
                  </a:cubicBezTo>
                  <a:cubicBezTo>
                    <a:pt x="67585" y="-13714"/>
                    <a:pt x="179409" y="8312"/>
                    <a:pt x="211600" y="12971"/>
                  </a:cubicBezTo>
                  <a:cubicBezTo>
                    <a:pt x="215561" y="13098"/>
                    <a:pt x="219330" y="14687"/>
                    <a:pt x="222190" y="17419"/>
                  </a:cubicBezTo>
                  <a:cubicBezTo>
                    <a:pt x="224054" y="20469"/>
                    <a:pt x="224943" y="24006"/>
                    <a:pt x="224731" y="27585"/>
                  </a:cubicBezTo>
                  <a:cubicBezTo>
                    <a:pt x="228098" y="188882"/>
                    <a:pt x="222444" y="350223"/>
                    <a:pt x="207788" y="510885"/>
                  </a:cubicBezTo>
                  <a:cubicBezTo>
                    <a:pt x="207788" y="513215"/>
                    <a:pt x="207788" y="515756"/>
                    <a:pt x="207788" y="518086"/>
                  </a:cubicBezTo>
                  <a:cubicBezTo>
                    <a:pt x="198618" y="609430"/>
                    <a:pt x="186885" y="700223"/>
                    <a:pt x="172632" y="790445"/>
                  </a:cubicBezTo>
                  <a:close/>
                </a:path>
              </a:pathLst>
            </a:custGeom>
            <a:solidFill>
              <a:srgbClr val="332F29"/>
            </a:solidFill>
            <a:ln w="21168" cap="flat">
              <a:solidFill>
                <a:srgbClr val="190B0B"/>
              </a:solidFill>
              <a:prstDash val="solid"/>
              <a:miter/>
            </a:ln>
          </p:spPr>
          <p:txBody>
            <a:bodyPr rtlCol="0" anchor="ctr"/>
            <a:lstStyle/>
            <a:p>
              <a:endParaRPr lang="en-US" sz="1500"/>
            </a:p>
          </p:txBody>
        </p:sp>
        <p:sp>
          <p:nvSpPr>
            <p:cNvPr id="51" name="Freeform: Shape 50">
              <a:extLst>
                <a:ext uri="{FF2B5EF4-FFF2-40B4-BE49-F238E27FC236}">
                  <a16:creationId xmlns:a16="http://schemas.microsoft.com/office/drawing/2014/main" id="{E57E2DB2-7CEE-44C0-9356-E31038C60AFF}"/>
                </a:ext>
              </a:extLst>
            </p:cNvPr>
            <p:cNvSpPr/>
            <p:nvPr/>
          </p:nvSpPr>
          <p:spPr>
            <a:xfrm>
              <a:off x="11404688" y="5415416"/>
              <a:ext cx="223019" cy="165831"/>
            </a:xfrm>
            <a:custGeom>
              <a:avLst/>
              <a:gdLst>
                <a:gd name="connsiteX0" fmla="*/ 64712 w 223019"/>
                <a:gd name="connsiteY0" fmla="*/ 150589 h 165831"/>
                <a:gd name="connsiteX1" fmla="*/ 63441 w 223019"/>
                <a:gd name="connsiteY1" fmla="*/ 57826 h 165831"/>
                <a:gd name="connsiteX2" fmla="*/ 4140 w 223019"/>
                <a:gd name="connsiteY2" fmla="*/ 34741 h 165831"/>
                <a:gd name="connsiteX3" fmla="*/ 116 w 223019"/>
                <a:gd name="connsiteY3" fmla="*/ 21399 h 165831"/>
                <a:gd name="connsiteX4" fmla="*/ 20235 w 223019"/>
                <a:gd name="connsiteY4" fmla="*/ 6785 h 165831"/>
                <a:gd name="connsiteX5" fmla="*/ 194114 w 223019"/>
                <a:gd name="connsiteY5" fmla="*/ 7844 h 165831"/>
                <a:gd name="connsiteX6" fmla="*/ 213810 w 223019"/>
                <a:gd name="connsiteY6" fmla="*/ 13139 h 165831"/>
                <a:gd name="connsiteX7" fmla="*/ 222916 w 223019"/>
                <a:gd name="connsiteY7" fmla="*/ 30294 h 165831"/>
                <a:gd name="connsiteX8" fmla="*/ 207668 w 223019"/>
                <a:gd name="connsiteY8" fmla="*/ 44272 h 165831"/>
                <a:gd name="connsiteX9" fmla="*/ 134177 w 223019"/>
                <a:gd name="connsiteY9" fmla="*/ 58673 h 165831"/>
                <a:gd name="connsiteX10" fmla="*/ 122105 w 223019"/>
                <a:gd name="connsiteY10" fmla="*/ 165838 h 16583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223019" h="165831">
                  <a:moveTo>
                    <a:pt x="64712" y="150589"/>
                  </a:moveTo>
                  <a:lnTo>
                    <a:pt x="63441" y="57826"/>
                  </a:lnTo>
                  <a:cubicBezTo>
                    <a:pt x="41287" y="58885"/>
                    <a:pt x="19727" y="50498"/>
                    <a:pt x="4140" y="34741"/>
                  </a:cubicBezTo>
                  <a:cubicBezTo>
                    <a:pt x="1090" y="30993"/>
                    <a:pt x="-371" y="26206"/>
                    <a:pt x="116" y="21399"/>
                  </a:cubicBezTo>
                  <a:cubicBezTo>
                    <a:pt x="1599" y="12715"/>
                    <a:pt x="11765" y="8691"/>
                    <a:pt x="20235" y="6785"/>
                  </a:cubicBezTo>
                  <a:cubicBezTo>
                    <a:pt x="77842" y="-2597"/>
                    <a:pt x="136614" y="-2237"/>
                    <a:pt x="194114" y="7844"/>
                  </a:cubicBezTo>
                  <a:cubicBezTo>
                    <a:pt x="200975" y="8204"/>
                    <a:pt x="207689" y="10004"/>
                    <a:pt x="213810" y="13139"/>
                  </a:cubicBezTo>
                  <a:cubicBezTo>
                    <a:pt x="220142" y="16379"/>
                    <a:pt x="223785" y="23220"/>
                    <a:pt x="222916" y="30294"/>
                  </a:cubicBezTo>
                  <a:cubicBezTo>
                    <a:pt x="220269" y="37050"/>
                    <a:pt x="214636" y="42217"/>
                    <a:pt x="207668" y="44272"/>
                  </a:cubicBezTo>
                  <a:cubicBezTo>
                    <a:pt x="184605" y="54628"/>
                    <a:pt x="159443" y="59563"/>
                    <a:pt x="134177" y="58673"/>
                  </a:cubicBezTo>
                  <a:cubicBezTo>
                    <a:pt x="125833" y="93766"/>
                    <a:pt x="121789" y="129749"/>
                    <a:pt x="122105" y="165838"/>
                  </a:cubicBezTo>
                </a:path>
              </a:pathLst>
            </a:custGeom>
            <a:solidFill>
              <a:srgbClr val="4F4942"/>
            </a:solidFill>
            <a:ln w="21168" cap="flat">
              <a:solidFill>
                <a:srgbClr val="190B0B"/>
              </a:solidFill>
              <a:prstDash val="solid"/>
              <a:miter/>
            </a:ln>
          </p:spPr>
          <p:txBody>
            <a:bodyPr rtlCol="0" anchor="ctr"/>
            <a:lstStyle/>
            <a:p>
              <a:endParaRPr lang="en-US" sz="1500"/>
            </a:p>
          </p:txBody>
        </p:sp>
        <p:sp>
          <p:nvSpPr>
            <p:cNvPr id="52" name="Freeform: Shape 51">
              <a:extLst>
                <a:ext uri="{FF2B5EF4-FFF2-40B4-BE49-F238E27FC236}">
                  <a16:creationId xmlns:a16="http://schemas.microsoft.com/office/drawing/2014/main" id="{0AC6EC41-7FDC-4C57-95EC-E90972282007}"/>
                </a:ext>
              </a:extLst>
            </p:cNvPr>
            <p:cNvSpPr/>
            <p:nvPr/>
          </p:nvSpPr>
          <p:spPr>
            <a:xfrm>
              <a:off x="11397791" y="5710438"/>
              <a:ext cx="182773" cy="21178"/>
            </a:xfrm>
            <a:custGeom>
              <a:avLst/>
              <a:gdLst>
                <a:gd name="connsiteX0" fmla="*/ 24 w 182773"/>
                <a:gd name="connsiteY0" fmla="*/ 6 h 21178"/>
                <a:gd name="connsiteX1" fmla="*/ 182797 w 182773"/>
                <a:gd name="connsiteY1" fmla="*/ 21185 h 21178"/>
              </a:gdLst>
              <a:ahLst/>
              <a:cxnLst>
                <a:cxn ang="0">
                  <a:pos x="connsiteX0" y="connsiteY0"/>
                </a:cxn>
                <a:cxn ang="0">
                  <a:pos x="connsiteX1" y="connsiteY1"/>
                </a:cxn>
              </a:cxnLst>
              <a:rect l="l" t="t" r="r" b="b"/>
              <a:pathLst>
                <a:path w="182773" h="21178">
                  <a:moveTo>
                    <a:pt x="24" y="6"/>
                  </a:moveTo>
                  <a:cubicBezTo>
                    <a:pt x="60595" y="8902"/>
                    <a:pt x="121802" y="15679"/>
                    <a:pt x="182797" y="21185"/>
                  </a:cubicBezTo>
                </a:path>
              </a:pathLst>
            </a:custGeom>
            <a:noFill/>
            <a:ln w="21168" cap="rnd">
              <a:solidFill>
                <a:srgbClr val="190B0B"/>
              </a:solidFill>
              <a:prstDash val="solid"/>
              <a:round/>
            </a:ln>
          </p:spPr>
          <p:txBody>
            <a:bodyPr rtlCol="0" anchor="ctr"/>
            <a:lstStyle/>
            <a:p>
              <a:endParaRPr lang="en-US" sz="1500"/>
            </a:p>
          </p:txBody>
        </p:sp>
        <p:sp>
          <p:nvSpPr>
            <p:cNvPr id="53" name="Freeform: Shape 52">
              <a:extLst>
                <a:ext uri="{FF2B5EF4-FFF2-40B4-BE49-F238E27FC236}">
                  <a16:creationId xmlns:a16="http://schemas.microsoft.com/office/drawing/2014/main" id="{34015A61-5B69-4CB4-AD5C-7F9B079DBB91}"/>
                </a:ext>
              </a:extLst>
            </p:cNvPr>
            <p:cNvSpPr/>
            <p:nvPr/>
          </p:nvSpPr>
          <p:spPr>
            <a:xfrm>
              <a:off x="11587976" y="5630139"/>
              <a:ext cx="64204" cy="298229"/>
            </a:xfrm>
            <a:custGeom>
              <a:avLst/>
              <a:gdLst>
                <a:gd name="connsiteX0" fmla="*/ 4048 w 64204"/>
                <a:gd name="connsiteY0" fmla="*/ 2368 h 298229"/>
                <a:gd name="connsiteX1" fmla="*/ 46406 w 64204"/>
                <a:gd name="connsiteY1" fmla="*/ 16346 h 298229"/>
                <a:gd name="connsiteX2" fmla="*/ 59325 w 64204"/>
                <a:gd name="connsiteY2" fmla="*/ 62940 h 298229"/>
                <a:gd name="connsiteX3" fmla="*/ 62290 w 64204"/>
                <a:gd name="connsiteY3" fmla="*/ 132618 h 298229"/>
                <a:gd name="connsiteX4" fmla="*/ 64197 w 64204"/>
                <a:gd name="connsiteY4" fmla="*/ 277057 h 298229"/>
                <a:gd name="connsiteX5" fmla="*/ 51913 w 64204"/>
                <a:gd name="connsiteY5" fmla="*/ 298236 h 298229"/>
                <a:gd name="connsiteX6" fmla="*/ 39206 w 64204"/>
                <a:gd name="connsiteY6" fmla="*/ 283199 h 298229"/>
                <a:gd name="connsiteX7" fmla="*/ 22474 w 64204"/>
                <a:gd name="connsiteY7" fmla="*/ 88354 h 298229"/>
                <a:gd name="connsiteX8" fmla="*/ 24 w 64204"/>
                <a:gd name="connsiteY8" fmla="*/ 47267 h 2982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64204" h="298229">
                  <a:moveTo>
                    <a:pt x="4048" y="2368"/>
                  </a:moveTo>
                  <a:cubicBezTo>
                    <a:pt x="19700" y="-3668"/>
                    <a:pt x="37426" y="2177"/>
                    <a:pt x="46406" y="16346"/>
                  </a:cubicBezTo>
                  <a:cubicBezTo>
                    <a:pt x="54750" y="30472"/>
                    <a:pt x="59220" y="46547"/>
                    <a:pt x="59325" y="62940"/>
                  </a:cubicBezTo>
                  <a:cubicBezTo>
                    <a:pt x="61231" y="86237"/>
                    <a:pt x="61867" y="109321"/>
                    <a:pt x="62290" y="132618"/>
                  </a:cubicBezTo>
                  <a:cubicBezTo>
                    <a:pt x="63561" y="180905"/>
                    <a:pt x="64409" y="228981"/>
                    <a:pt x="64197" y="277057"/>
                  </a:cubicBezTo>
                  <a:cubicBezTo>
                    <a:pt x="64197" y="286164"/>
                    <a:pt x="61019" y="298236"/>
                    <a:pt x="51913" y="298236"/>
                  </a:cubicBezTo>
                  <a:cubicBezTo>
                    <a:pt x="42806" y="298236"/>
                    <a:pt x="41111" y="289976"/>
                    <a:pt x="39206" y="283199"/>
                  </a:cubicBezTo>
                  <a:cubicBezTo>
                    <a:pt x="22262" y="219663"/>
                    <a:pt x="32004" y="152950"/>
                    <a:pt x="22474" y="88354"/>
                  </a:cubicBezTo>
                  <a:cubicBezTo>
                    <a:pt x="22262" y="71792"/>
                    <a:pt x="13854" y="56395"/>
                    <a:pt x="24" y="47267"/>
                  </a:cubicBezTo>
                </a:path>
              </a:pathLst>
            </a:custGeom>
            <a:solidFill>
              <a:srgbClr val="4F4942"/>
            </a:solidFill>
            <a:ln w="21168" cap="flat">
              <a:solidFill>
                <a:srgbClr val="190B0B"/>
              </a:solidFill>
              <a:prstDash val="solid"/>
              <a:miter/>
            </a:ln>
          </p:spPr>
          <p:txBody>
            <a:bodyPr rtlCol="0" anchor="ctr"/>
            <a:lstStyle/>
            <a:p>
              <a:endParaRPr lang="en-US" sz="1500"/>
            </a:p>
          </p:txBody>
        </p:sp>
        <p:sp>
          <p:nvSpPr>
            <p:cNvPr id="54" name="Freeform: Shape 53">
              <a:extLst>
                <a:ext uri="{FF2B5EF4-FFF2-40B4-BE49-F238E27FC236}">
                  <a16:creationId xmlns:a16="http://schemas.microsoft.com/office/drawing/2014/main" id="{B9E205A1-E4DC-4FE9-B4B1-0B618C7D08FC}"/>
                </a:ext>
              </a:extLst>
            </p:cNvPr>
            <p:cNvSpPr/>
            <p:nvPr/>
          </p:nvSpPr>
          <p:spPr>
            <a:xfrm>
              <a:off x="11411127" y="5792143"/>
              <a:ext cx="50477" cy="528879"/>
            </a:xfrm>
            <a:custGeom>
              <a:avLst/>
              <a:gdLst>
                <a:gd name="connsiteX0" fmla="*/ 2360 w 50477"/>
                <a:gd name="connsiteY0" fmla="*/ 314133 h 528879"/>
                <a:gd name="connsiteX1" fmla="*/ 16762 w 50477"/>
                <a:gd name="connsiteY1" fmla="*/ 528886 h 528879"/>
                <a:gd name="connsiteX2" fmla="*/ 36246 w 50477"/>
                <a:gd name="connsiteY2" fmla="*/ 440570 h 528879"/>
                <a:gd name="connsiteX3" fmla="*/ 49589 w 50477"/>
                <a:gd name="connsiteY3" fmla="*/ 128395 h 528879"/>
                <a:gd name="connsiteX4" fmla="*/ 30740 w 50477"/>
                <a:gd name="connsiteY4" fmla="*/ 51 h 528879"/>
                <a:gd name="connsiteX5" fmla="*/ 7867 w 50477"/>
                <a:gd name="connsiteY5" fmla="*/ 123736 h 528879"/>
                <a:gd name="connsiteX6" fmla="*/ 2360 w 50477"/>
                <a:gd name="connsiteY6" fmla="*/ 314133 h 5288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50477" h="528879">
                  <a:moveTo>
                    <a:pt x="2360" y="314133"/>
                  </a:moveTo>
                  <a:cubicBezTo>
                    <a:pt x="-3379" y="386035"/>
                    <a:pt x="1471" y="458403"/>
                    <a:pt x="16762" y="528886"/>
                  </a:cubicBezTo>
                  <a:cubicBezTo>
                    <a:pt x="29639" y="501227"/>
                    <a:pt x="36288" y="471089"/>
                    <a:pt x="36246" y="440570"/>
                  </a:cubicBezTo>
                  <a:cubicBezTo>
                    <a:pt x="43871" y="336794"/>
                    <a:pt x="51283" y="232595"/>
                    <a:pt x="49589" y="128395"/>
                  </a:cubicBezTo>
                  <a:cubicBezTo>
                    <a:pt x="49589" y="107216"/>
                    <a:pt x="56790" y="1322"/>
                    <a:pt x="30740" y="51"/>
                  </a:cubicBezTo>
                  <a:cubicBezTo>
                    <a:pt x="-3146" y="-2490"/>
                    <a:pt x="8502" y="102980"/>
                    <a:pt x="7867" y="123736"/>
                  </a:cubicBezTo>
                  <a:cubicBezTo>
                    <a:pt x="5960" y="187272"/>
                    <a:pt x="4267" y="250596"/>
                    <a:pt x="2360" y="314133"/>
                  </a:cubicBezTo>
                  <a:close/>
                </a:path>
              </a:pathLst>
            </a:custGeom>
            <a:solidFill>
              <a:srgbClr val="828181">
                <a:alpha val="23000"/>
              </a:srgbClr>
            </a:solidFill>
            <a:ln w="21168" cap="flat">
              <a:noFill/>
              <a:prstDash val="solid"/>
              <a:miter/>
            </a:ln>
          </p:spPr>
          <p:txBody>
            <a:bodyPr rtlCol="0" anchor="ctr"/>
            <a:lstStyle/>
            <a:p>
              <a:endParaRPr lang="en-US" sz="1500"/>
            </a:p>
          </p:txBody>
        </p:sp>
        <p:sp>
          <p:nvSpPr>
            <p:cNvPr id="55" name="Freeform: Shape 54">
              <a:extLst>
                <a:ext uri="{FF2B5EF4-FFF2-40B4-BE49-F238E27FC236}">
                  <a16:creationId xmlns:a16="http://schemas.microsoft.com/office/drawing/2014/main" id="{BF93BE4E-4179-45ED-A999-DDB0A43789A8}"/>
                </a:ext>
              </a:extLst>
            </p:cNvPr>
            <p:cNvSpPr/>
            <p:nvPr/>
          </p:nvSpPr>
          <p:spPr>
            <a:xfrm>
              <a:off x="11454762" y="5836255"/>
              <a:ext cx="408902" cy="543857"/>
            </a:xfrm>
            <a:custGeom>
              <a:avLst/>
              <a:gdLst>
                <a:gd name="connsiteX0" fmla="*/ 120956 w 408902"/>
                <a:gd name="connsiteY0" fmla="*/ 535816 h 543857"/>
                <a:gd name="connsiteX1" fmla="*/ 181527 w 408902"/>
                <a:gd name="connsiteY1" fmla="*/ 542804 h 543857"/>
                <a:gd name="connsiteX2" fmla="*/ 193175 w 408902"/>
                <a:gd name="connsiteY2" fmla="*/ 543864 h 543857"/>
                <a:gd name="connsiteX3" fmla="*/ 219436 w 408902"/>
                <a:gd name="connsiteY3" fmla="*/ 486893 h 543857"/>
                <a:gd name="connsiteX4" fmla="*/ 278102 w 408902"/>
                <a:gd name="connsiteY4" fmla="*/ 362361 h 543857"/>
                <a:gd name="connsiteX5" fmla="*/ 295469 w 408902"/>
                <a:gd name="connsiteY5" fmla="*/ 322968 h 543857"/>
                <a:gd name="connsiteX6" fmla="*/ 384631 w 408902"/>
                <a:gd name="connsiteY6" fmla="*/ 106098 h 543857"/>
                <a:gd name="connsiteX7" fmla="*/ 408775 w 408902"/>
                <a:gd name="connsiteY7" fmla="*/ 42561 h 543857"/>
                <a:gd name="connsiteX8" fmla="*/ 403268 w 408902"/>
                <a:gd name="connsiteY8" fmla="*/ 32184 h 543857"/>
                <a:gd name="connsiteX9" fmla="*/ 360911 w 408902"/>
                <a:gd name="connsiteY9" fmla="*/ 4440 h 543857"/>
                <a:gd name="connsiteX10" fmla="*/ 291867 w 408902"/>
                <a:gd name="connsiteY10" fmla="*/ 31549 h 543857"/>
                <a:gd name="connsiteX11" fmla="*/ 148276 w 408902"/>
                <a:gd name="connsiteY11" fmla="*/ 255832 h 543857"/>
                <a:gd name="connsiteX12" fmla="*/ 145523 w 408902"/>
                <a:gd name="connsiteY12" fmla="*/ 260491 h 543857"/>
                <a:gd name="connsiteX13" fmla="*/ 144464 w 408902"/>
                <a:gd name="connsiteY13" fmla="*/ 261974 h 543857"/>
                <a:gd name="connsiteX14" fmla="*/ 24 w 408902"/>
                <a:gd name="connsiteY14" fmla="*/ 519508 h 543857"/>
                <a:gd name="connsiteX15" fmla="*/ 110154 w 408902"/>
                <a:gd name="connsiteY15" fmla="*/ 534121 h 54385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408902" h="543857">
                  <a:moveTo>
                    <a:pt x="120956" y="535816"/>
                  </a:moveTo>
                  <a:lnTo>
                    <a:pt x="181527" y="542804"/>
                  </a:lnTo>
                  <a:lnTo>
                    <a:pt x="193175" y="543864"/>
                  </a:lnTo>
                  <a:cubicBezTo>
                    <a:pt x="205459" y="517602"/>
                    <a:pt x="217107" y="491975"/>
                    <a:pt x="219436" y="486893"/>
                  </a:cubicBezTo>
                  <a:cubicBezTo>
                    <a:pt x="240615" y="444535"/>
                    <a:pt x="259041" y="404296"/>
                    <a:pt x="278102" y="362361"/>
                  </a:cubicBezTo>
                  <a:cubicBezTo>
                    <a:pt x="284031" y="349231"/>
                    <a:pt x="289750" y="336100"/>
                    <a:pt x="295469" y="322968"/>
                  </a:cubicBezTo>
                  <a:cubicBezTo>
                    <a:pt x="327237" y="251385"/>
                    <a:pt x="356950" y="179101"/>
                    <a:pt x="384631" y="106098"/>
                  </a:cubicBezTo>
                  <a:cubicBezTo>
                    <a:pt x="390349" y="91272"/>
                    <a:pt x="410892" y="57810"/>
                    <a:pt x="408775" y="42561"/>
                  </a:cubicBezTo>
                  <a:cubicBezTo>
                    <a:pt x="407885" y="38686"/>
                    <a:pt x="405979" y="35107"/>
                    <a:pt x="403268" y="32184"/>
                  </a:cubicBezTo>
                  <a:cubicBezTo>
                    <a:pt x="391324" y="19964"/>
                    <a:pt x="376880" y="10497"/>
                    <a:pt x="360911" y="4440"/>
                  </a:cubicBezTo>
                  <a:cubicBezTo>
                    <a:pt x="330413" y="-8056"/>
                    <a:pt x="310293" y="7404"/>
                    <a:pt x="291867" y="31549"/>
                  </a:cubicBezTo>
                  <a:cubicBezTo>
                    <a:pt x="239852" y="103578"/>
                    <a:pt x="191925" y="178445"/>
                    <a:pt x="148276" y="255832"/>
                  </a:cubicBezTo>
                  <a:cubicBezTo>
                    <a:pt x="147281" y="257335"/>
                    <a:pt x="146369" y="258903"/>
                    <a:pt x="145523" y="260491"/>
                  </a:cubicBezTo>
                  <a:lnTo>
                    <a:pt x="144464" y="261974"/>
                  </a:lnTo>
                  <a:cubicBezTo>
                    <a:pt x="93910" y="346689"/>
                    <a:pt x="45770" y="432526"/>
                    <a:pt x="24" y="519508"/>
                  </a:cubicBezTo>
                  <a:cubicBezTo>
                    <a:pt x="36663" y="525226"/>
                    <a:pt x="73514" y="529886"/>
                    <a:pt x="110154" y="534121"/>
                  </a:cubicBezTo>
                  <a:close/>
                </a:path>
              </a:pathLst>
            </a:custGeom>
            <a:solidFill>
              <a:srgbClr val="EB871E"/>
            </a:solidFill>
            <a:ln w="18628" cap="rnd">
              <a:solidFill>
                <a:srgbClr val="190B0B"/>
              </a:solidFill>
              <a:prstDash val="solid"/>
              <a:round/>
            </a:ln>
          </p:spPr>
          <p:txBody>
            <a:bodyPr rtlCol="0" anchor="ctr"/>
            <a:lstStyle/>
            <a:p>
              <a:endParaRPr lang="en-US" sz="1500"/>
            </a:p>
          </p:txBody>
        </p:sp>
        <p:sp>
          <p:nvSpPr>
            <p:cNvPr id="56" name="Freeform: Shape 55">
              <a:extLst>
                <a:ext uri="{FF2B5EF4-FFF2-40B4-BE49-F238E27FC236}">
                  <a16:creationId xmlns:a16="http://schemas.microsoft.com/office/drawing/2014/main" id="{41B39532-7CFE-472D-9D9B-3F7EE5418AF9}"/>
                </a:ext>
              </a:extLst>
            </p:cNvPr>
            <p:cNvSpPr/>
            <p:nvPr/>
          </p:nvSpPr>
          <p:spPr>
            <a:xfrm>
              <a:off x="11576116" y="5865465"/>
              <a:ext cx="281166" cy="504904"/>
            </a:xfrm>
            <a:custGeom>
              <a:avLst/>
              <a:gdLst>
                <a:gd name="connsiteX0" fmla="*/ 256711 w 281166"/>
                <a:gd name="connsiteY0" fmla="*/ 75829 h 504904"/>
                <a:gd name="connsiteX1" fmla="*/ 167549 w 281166"/>
                <a:gd name="connsiteY1" fmla="*/ 292700 h 504904"/>
                <a:gd name="connsiteX2" fmla="*/ 149971 w 281166"/>
                <a:gd name="connsiteY2" fmla="*/ 332092 h 504904"/>
                <a:gd name="connsiteX3" fmla="*/ 91517 w 281166"/>
                <a:gd name="connsiteY3" fmla="*/ 456624 h 504904"/>
                <a:gd name="connsiteX4" fmla="*/ 70338 w 281166"/>
                <a:gd name="connsiteY4" fmla="*/ 504911 h 504904"/>
                <a:gd name="connsiteX5" fmla="*/ 24 w 281166"/>
                <a:gd name="connsiteY5" fmla="*/ 494746 h 504904"/>
                <a:gd name="connsiteX6" fmla="*/ 63561 w 281166"/>
                <a:gd name="connsiteY6" fmla="*/ 383133 h 504904"/>
                <a:gd name="connsiteX7" fmla="*/ 124980 w 281166"/>
                <a:gd name="connsiteY7" fmla="*/ 268344 h 504904"/>
                <a:gd name="connsiteX8" fmla="*/ 197411 w 281166"/>
                <a:gd name="connsiteY8" fmla="*/ 107173 h 504904"/>
                <a:gd name="connsiteX9" fmla="*/ 231932 w 281166"/>
                <a:gd name="connsiteY9" fmla="*/ 11869 h 504904"/>
                <a:gd name="connsiteX10" fmla="*/ 275773 w 281166"/>
                <a:gd name="connsiteY10" fmla="*/ 2339 h 504904"/>
                <a:gd name="connsiteX11" fmla="*/ 281067 w 281166"/>
                <a:gd name="connsiteY11" fmla="*/ 12504 h 504904"/>
                <a:gd name="connsiteX12" fmla="*/ 256711 w 281166"/>
                <a:gd name="connsiteY12" fmla="*/ 75829 h 5049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281166" h="504904">
                  <a:moveTo>
                    <a:pt x="256711" y="75829"/>
                  </a:moveTo>
                  <a:cubicBezTo>
                    <a:pt x="228480" y="148832"/>
                    <a:pt x="198745" y="221115"/>
                    <a:pt x="167549" y="292700"/>
                  </a:cubicBezTo>
                  <a:lnTo>
                    <a:pt x="149971" y="332092"/>
                  </a:lnTo>
                  <a:cubicBezTo>
                    <a:pt x="131184" y="374450"/>
                    <a:pt x="111700" y="415961"/>
                    <a:pt x="91517" y="456624"/>
                  </a:cubicBezTo>
                  <a:cubicBezTo>
                    <a:pt x="88975" y="461707"/>
                    <a:pt x="81774" y="477802"/>
                    <a:pt x="70338" y="504911"/>
                  </a:cubicBezTo>
                  <a:cubicBezTo>
                    <a:pt x="66314" y="504911"/>
                    <a:pt x="20356" y="497075"/>
                    <a:pt x="24" y="494746"/>
                  </a:cubicBezTo>
                  <a:cubicBezTo>
                    <a:pt x="23744" y="454082"/>
                    <a:pt x="40899" y="424220"/>
                    <a:pt x="63561" y="383133"/>
                  </a:cubicBezTo>
                  <a:cubicBezTo>
                    <a:pt x="84739" y="345224"/>
                    <a:pt x="105918" y="307101"/>
                    <a:pt x="124980" y="268344"/>
                  </a:cubicBezTo>
                  <a:cubicBezTo>
                    <a:pt x="151453" y="215609"/>
                    <a:pt x="176232" y="162450"/>
                    <a:pt x="197411" y="107173"/>
                  </a:cubicBezTo>
                  <a:cubicBezTo>
                    <a:pt x="206942" y="81971"/>
                    <a:pt x="212024" y="31142"/>
                    <a:pt x="231932" y="11869"/>
                  </a:cubicBezTo>
                  <a:cubicBezTo>
                    <a:pt x="243644" y="793"/>
                    <a:pt x="260523" y="-2871"/>
                    <a:pt x="275773" y="2339"/>
                  </a:cubicBezTo>
                  <a:cubicBezTo>
                    <a:pt x="278377" y="5219"/>
                    <a:pt x="280221" y="8714"/>
                    <a:pt x="281067" y="12504"/>
                  </a:cubicBezTo>
                  <a:cubicBezTo>
                    <a:pt x="282973" y="27965"/>
                    <a:pt x="262218" y="61004"/>
                    <a:pt x="256711" y="75829"/>
                  </a:cubicBezTo>
                  <a:close/>
                </a:path>
              </a:pathLst>
            </a:custGeom>
            <a:solidFill>
              <a:srgbClr val="D67A1E"/>
            </a:solidFill>
            <a:ln w="21168" cap="flat">
              <a:noFill/>
              <a:prstDash val="solid"/>
              <a:miter/>
            </a:ln>
          </p:spPr>
          <p:txBody>
            <a:bodyPr rtlCol="0" anchor="ctr"/>
            <a:lstStyle/>
            <a:p>
              <a:endParaRPr lang="en-US" sz="1500"/>
            </a:p>
          </p:txBody>
        </p:sp>
        <p:sp>
          <p:nvSpPr>
            <p:cNvPr id="57" name="Freeform: Shape 56">
              <a:extLst>
                <a:ext uri="{FF2B5EF4-FFF2-40B4-BE49-F238E27FC236}">
                  <a16:creationId xmlns:a16="http://schemas.microsoft.com/office/drawing/2014/main" id="{89C5073F-A667-4A66-87CF-16D89D457649}"/>
                </a:ext>
              </a:extLst>
            </p:cNvPr>
            <p:cNvSpPr/>
            <p:nvPr/>
          </p:nvSpPr>
          <p:spPr>
            <a:xfrm>
              <a:off x="11729558" y="5497380"/>
              <a:ext cx="333389" cy="446317"/>
            </a:xfrm>
            <a:custGeom>
              <a:avLst/>
              <a:gdLst>
                <a:gd name="connsiteX0" fmla="*/ 174007 w 333389"/>
                <a:gd name="connsiteY0" fmla="*/ 82604 h 446317"/>
                <a:gd name="connsiteX1" fmla="*/ 71925 w 333389"/>
                <a:gd name="connsiteY1" fmla="*/ 146140 h 446317"/>
                <a:gd name="connsiteX2" fmla="*/ 5423 w 333389"/>
                <a:gd name="connsiteY2" fmla="*/ 244197 h 446317"/>
                <a:gd name="connsiteX3" fmla="*/ 129 w 333389"/>
                <a:gd name="connsiteY3" fmla="*/ 299898 h 446317"/>
                <a:gd name="connsiteX4" fmla="*/ 8389 w 333389"/>
                <a:gd name="connsiteY4" fmla="*/ 358563 h 446317"/>
                <a:gd name="connsiteX5" fmla="*/ 167230 w 333389"/>
                <a:gd name="connsiteY5" fmla="*/ 443279 h 446317"/>
                <a:gd name="connsiteX6" fmla="*/ 301504 w 333389"/>
                <a:gd name="connsiteY6" fmla="*/ 312393 h 446317"/>
                <a:gd name="connsiteX7" fmla="*/ 315269 w 333389"/>
                <a:gd name="connsiteY7" fmla="*/ 223231 h 446317"/>
                <a:gd name="connsiteX8" fmla="*/ 325012 w 333389"/>
                <a:gd name="connsiteY8" fmla="*/ 110136 h 446317"/>
                <a:gd name="connsiteX9" fmla="*/ 333272 w 333389"/>
                <a:gd name="connsiteY9" fmla="*/ 6 h 446317"/>
                <a:gd name="connsiteX10" fmla="*/ 174007 w 333389"/>
                <a:gd name="connsiteY10" fmla="*/ 82604 h 446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333389" h="446317">
                  <a:moveTo>
                    <a:pt x="174007" y="82604"/>
                  </a:moveTo>
                  <a:cubicBezTo>
                    <a:pt x="137876" y="100182"/>
                    <a:pt x="103651" y="121488"/>
                    <a:pt x="71925" y="146140"/>
                  </a:cubicBezTo>
                  <a:cubicBezTo>
                    <a:pt x="39967" y="170982"/>
                    <a:pt x="16669" y="205313"/>
                    <a:pt x="5423" y="244197"/>
                  </a:cubicBezTo>
                  <a:cubicBezTo>
                    <a:pt x="1336" y="262475"/>
                    <a:pt x="-443" y="281176"/>
                    <a:pt x="129" y="299898"/>
                  </a:cubicBezTo>
                  <a:cubicBezTo>
                    <a:pt x="-125" y="319764"/>
                    <a:pt x="2649" y="339545"/>
                    <a:pt x="8389" y="358563"/>
                  </a:cubicBezTo>
                  <a:cubicBezTo>
                    <a:pt x="33761" y="421613"/>
                    <a:pt x="100728" y="457341"/>
                    <a:pt x="167230" y="443279"/>
                  </a:cubicBezTo>
                  <a:cubicBezTo>
                    <a:pt x="232269" y="426992"/>
                    <a:pt x="283544" y="377010"/>
                    <a:pt x="301504" y="312393"/>
                  </a:cubicBezTo>
                  <a:cubicBezTo>
                    <a:pt x="309170" y="283230"/>
                    <a:pt x="313786" y="253347"/>
                    <a:pt x="315269" y="223231"/>
                  </a:cubicBezTo>
                  <a:cubicBezTo>
                    <a:pt x="318658" y="185532"/>
                    <a:pt x="321835" y="147834"/>
                    <a:pt x="325012" y="110136"/>
                  </a:cubicBezTo>
                  <a:cubicBezTo>
                    <a:pt x="331323" y="73772"/>
                    <a:pt x="334097" y="36900"/>
                    <a:pt x="333272" y="6"/>
                  </a:cubicBezTo>
                  <a:cubicBezTo>
                    <a:pt x="279053" y="17161"/>
                    <a:pt x="224625" y="55918"/>
                    <a:pt x="174007" y="82604"/>
                  </a:cubicBezTo>
                  <a:close/>
                </a:path>
              </a:pathLst>
            </a:custGeom>
            <a:solidFill>
              <a:srgbClr val="FFFFFF"/>
            </a:solidFill>
            <a:ln w="21168" cap="rnd">
              <a:solidFill>
                <a:srgbClr val="190B0B"/>
              </a:solidFill>
              <a:prstDash val="solid"/>
              <a:round/>
            </a:ln>
          </p:spPr>
          <p:txBody>
            <a:bodyPr rtlCol="0" anchor="ctr"/>
            <a:lstStyle/>
            <a:p>
              <a:endParaRPr lang="en-US" sz="1500"/>
            </a:p>
          </p:txBody>
        </p:sp>
        <p:sp>
          <p:nvSpPr>
            <p:cNvPr id="58" name="Freeform: Shape 57">
              <a:extLst>
                <a:ext uri="{FF2B5EF4-FFF2-40B4-BE49-F238E27FC236}">
                  <a16:creationId xmlns:a16="http://schemas.microsoft.com/office/drawing/2014/main" id="{1E37826E-2892-44B4-9856-714FAAE38F27}"/>
                </a:ext>
              </a:extLst>
            </p:cNvPr>
            <p:cNvSpPr/>
            <p:nvPr/>
          </p:nvSpPr>
          <p:spPr>
            <a:xfrm>
              <a:off x="11095145" y="5253890"/>
              <a:ext cx="225860" cy="401630"/>
            </a:xfrm>
            <a:custGeom>
              <a:avLst/>
              <a:gdLst>
                <a:gd name="connsiteX0" fmla="*/ 224308 w 225860"/>
                <a:gd name="connsiteY0" fmla="*/ 383065 h 401630"/>
                <a:gd name="connsiteX1" fmla="*/ 105918 w 225860"/>
                <a:gd name="connsiteY1" fmla="*/ 401490 h 401630"/>
                <a:gd name="connsiteX2" fmla="*/ 24 w 225860"/>
                <a:gd name="connsiteY2" fmla="*/ 351508 h 401630"/>
                <a:gd name="connsiteX3" fmla="*/ 67373 w 225860"/>
                <a:gd name="connsiteY3" fmla="*/ 177842 h 401630"/>
                <a:gd name="connsiteX4" fmla="*/ 92364 w 225860"/>
                <a:gd name="connsiteY4" fmla="*/ 117906 h 401630"/>
                <a:gd name="connsiteX5" fmla="*/ 130486 w 225860"/>
                <a:gd name="connsiteY5" fmla="*/ 29166 h 401630"/>
                <a:gd name="connsiteX6" fmla="*/ 159713 w 225860"/>
                <a:gd name="connsiteY6" fmla="*/ 10317 h 401630"/>
                <a:gd name="connsiteX7" fmla="*/ 177291 w 225860"/>
                <a:gd name="connsiteY7" fmla="*/ 81902 h 401630"/>
                <a:gd name="connsiteX8" fmla="*/ 186398 w 225860"/>
                <a:gd name="connsiteY8" fmla="*/ 126589 h 401630"/>
                <a:gd name="connsiteX9" fmla="*/ 224308 w 225860"/>
                <a:gd name="connsiteY9" fmla="*/ 383065 h 4016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225860" h="401630">
                  <a:moveTo>
                    <a:pt x="224308" y="383065"/>
                  </a:moveTo>
                  <a:cubicBezTo>
                    <a:pt x="186313" y="396449"/>
                    <a:pt x="146179" y="402697"/>
                    <a:pt x="105918" y="401490"/>
                  </a:cubicBezTo>
                  <a:cubicBezTo>
                    <a:pt x="65425" y="399351"/>
                    <a:pt x="27408" y="381413"/>
                    <a:pt x="24" y="351508"/>
                  </a:cubicBezTo>
                  <a:cubicBezTo>
                    <a:pt x="21203" y="293054"/>
                    <a:pt x="44077" y="235024"/>
                    <a:pt x="67373" y="177842"/>
                  </a:cubicBezTo>
                  <a:cubicBezTo>
                    <a:pt x="75421" y="157722"/>
                    <a:pt x="83681" y="137814"/>
                    <a:pt x="92364" y="117906"/>
                  </a:cubicBezTo>
                  <a:cubicBezTo>
                    <a:pt x="104648" y="88255"/>
                    <a:pt x="117567" y="58605"/>
                    <a:pt x="130486" y="29166"/>
                  </a:cubicBezTo>
                  <a:cubicBezTo>
                    <a:pt x="140016" y="7988"/>
                    <a:pt x="144464" y="-13191"/>
                    <a:pt x="159713" y="10317"/>
                  </a:cubicBezTo>
                  <a:cubicBezTo>
                    <a:pt x="168904" y="33233"/>
                    <a:pt x="174834" y="57334"/>
                    <a:pt x="177291" y="81902"/>
                  </a:cubicBezTo>
                  <a:lnTo>
                    <a:pt x="186398" y="126589"/>
                  </a:lnTo>
                  <a:cubicBezTo>
                    <a:pt x="202282" y="210669"/>
                    <a:pt x="233203" y="380099"/>
                    <a:pt x="224308" y="383065"/>
                  </a:cubicBezTo>
                  <a:close/>
                </a:path>
              </a:pathLst>
            </a:custGeom>
            <a:solidFill>
              <a:srgbClr val="FCC57C"/>
            </a:solidFill>
            <a:ln w="21168" cap="rnd">
              <a:solidFill>
                <a:srgbClr val="190B0B"/>
              </a:solidFill>
              <a:prstDash val="solid"/>
              <a:round/>
            </a:ln>
          </p:spPr>
          <p:txBody>
            <a:bodyPr rtlCol="0" anchor="ctr"/>
            <a:lstStyle/>
            <a:p>
              <a:endParaRPr lang="en-US" sz="1500"/>
            </a:p>
          </p:txBody>
        </p:sp>
        <p:sp>
          <p:nvSpPr>
            <p:cNvPr id="59" name="Freeform: Shape 58">
              <a:extLst>
                <a:ext uri="{FF2B5EF4-FFF2-40B4-BE49-F238E27FC236}">
                  <a16:creationId xmlns:a16="http://schemas.microsoft.com/office/drawing/2014/main" id="{822BDBBC-2E19-467E-8147-43CEE3FC0BAB}"/>
                </a:ext>
              </a:extLst>
            </p:cNvPr>
            <p:cNvSpPr/>
            <p:nvPr/>
          </p:nvSpPr>
          <p:spPr>
            <a:xfrm>
              <a:off x="11084344" y="5590381"/>
              <a:ext cx="239744" cy="738690"/>
            </a:xfrm>
            <a:custGeom>
              <a:avLst/>
              <a:gdLst>
                <a:gd name="connsiteX0" fmla="*/ 227061 w 239744"/>
                <a:gd name="connsiteY0" fmla="*/ 738697 h 738690"/>
                <a:gd name="connsiteX1" fmla="*/ 24 w 239744"/>
                <a:gd name="connsiteY1" fmla="*/ 660123 h 738690"/>
                <a:gd name="connsiteX2" fmla="*/ 24 w 239744"/>
                <a:gd name="connsiteY2" fmla="*/ 492175 h 738690"/>
                <a:gd name="connsiteX3" fmla="*/ 24 w 239744"/>
                <a:gd name="connsiteY3" fmla="*/ 455748 h 738690"/>
                <a:gd name="connsiteX4" fmla="*/ 7226 w 239744"/>
                <a:gd name="connsiteY4" fmla="*/ 24759 h 738690"/>
                <a:gd name="connsiteX5" fmla="*/ 64408 w 239744"/>
                <a:gd name="connsiteY5" fmla="*/ 20947 h 738690"/>
                <a:gd name="connsiteX6" fmla="*/ 239768 w 239744"/>
                <a:gd name="connsiteY6" fmla="*/ 49327 h 738690"/>
                <a:gd name="connsiteX7" fmla="*/ 229814 w 239744"/>
                <a:gd name="connsiteY7" fmla="*/ 446006 h 738690"/>
                <a:gd name="connsiteX8" fmla="*/ 226214 w 239744"/>
                <a:gd name="connsiteY8" fmla="*/ 677490 h 738690"/>
                <a:gd name="connsiteX9" fmla="*/ 227061 w 239744"/>
                <a:gd name="connsiteY9" fmla="*/ 738697 h 73869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239744" h="738690">
                  <a:moveTo>
                    <a:pt x="227061" y="738697"/>
                  </a:moveTo>
                  <a:cubicBezTo>
                    <a:pt x="148594" y="721373"/>
                    <a:pt x="72413" y="695005"/>
                    <a:pt x="24" y="660123"/>
                  </a:cubicBezTo>
                  <a:cubicBezTo>
                    <a:pt x="24" y="604211"/>
                    <a:pt x="24" y="548088"/>
                    <a:pt x="24" y="492175"/>
                  </a:cubicBezTo>
                  <a:lnTo>
                    <a:pt x="24" y="455748"/>
                  </a:lnTo>
                  <a:cubicBezTo>
                    <a:pt x="1084" y="325075"/>
                    <a:pt x="5319" y="144843"/>
                    <a:pt x="7226" y="24759"/>
                  </a:cubicBezTo>
                  <a:cubicBezTo>
                    <a:pt x="7226" y="-25011"/>
                    <a:pt x="12732" y="14594"/>
                    <a:pt x="64408" y="20947"/>
                  </a:cubicBezTo>
                  <a:cubicBezTo>
                    <a:pt x="79021" y="22642"/>
                    <a:pt x="239768" y="47209"/>
                    <a:pt x="239768" y="49327"/>
                  </a:cubicBezTo>
                  <a:cubicBezTo>
                    <a:pt x="238074" y="182965"/>
                    <a:pt x="232991" y="314486"/>
                    <a:pt x="229814" y="446006"/>
                  </a:cubicBezTo>
                  <a:cubicBezTo>
                    <a:pt x="227696" y="523097"/>
                    <a:pt x="226214" y="599975"/>
                    <a:pt x="226214" y="677490"/>
                  </a:cubicBezTo>
                  <a:cubicBezTo>
                    <a:pt x="226002" y="697822"/>
                    <a:pt x="227485" y="718365"/>
                    <a:pt x="227061" y="738697"/>
                  </a:cubicBezTo>
                  <a:close/>
                </a:path>
              </a:pathLst>
            </a:custGeom>
            <a:solidFill>
              <a:srgbClr val="FFE21A"/>
            </a:solidFill>
            <a:ln w="21168" cap="rnd">
              <a:solidFill>
                <a:srgbClr val="190B0B"/>
              </a:solidFill>
              <a:prstDash val="solid"/>
              <a:round/>
            </a:ln>
          </p:spPr>
          <p:txBody>
            <a:bodyPr rtlCol="0" anchor="ctr"/>
            <a:lstStyle/>
            <a:p>
              <a:endParaRPr lang="en-US" sz="1500"/>
            </a:p>
          </p:txBody>
        </p:sp>
        <p:sp>
          <p:nvSpPr>
            <p:cNvPr id="60" name="Freeform: Shape 59">
              <a:extLst>
                <a:ext uri="{FF2B5EF4-FFF2-40B4-BE49-F238E27FC236}">
                  <a16:creationId xmlns:a16="http://schemas.microsoft.com/office/drawing/2014/main" id="{2F03FEF2-6F72-4CD4-9AFB-F58822B11763}"/>
                </a:ext>
              </a:extLst>
            </p:cNvPr>
            <p:cNvSpPr/>
            <p:nvPr/>
          </p:nvSpPr>
          <p:spPr>
            <a:xfrm>
              <a:off x="11222579" y="6475465"/>
              <a:ext cx="482620" cy="524134"/>
            </a:xfrm>
            <a:custGeom>
              <a:avLst/>
              <a:gdLst>
                <a:gd name="connsiteX0" fmla="*/ 352079 w 482620"/>
                <a:gd name="connsiteY0" fmla="*/ 191414 h 524134"/>
                <a:gd name="connsiteX1" fmla="*/ 289813 w 482620"/>
                <a:gd name="connsiteY1" fmla="*/ 352585 h 524134"/>
                <a:gd name="connsiteX2" fmla="*/ 56847 w 482620"/>
                <a:gd name="connsiteY2" fmla="*/ 423958 h 524134"/>
                <a:gd name="connsiteX3" fmla="*/ 87 w 482620"/>
                <a:gd name="connsiteY3" fmla="*/ 464197 h 524134"/>
                <a:gd name="connsiteX4" fmla="*/ 46681 w 482620"/>
                <a:gd name="connsiteY4" fmla="*/ 500837 h 524134"/>
                <a:gd name="connsiteX5" fmla="*/ 207851 w 482620"/>
                <a:gd name="connsiteY5" fmla="*/ 524134 h 524134"/>
                <a:gd name="connsiteX6" fmla="*/ 356103 w 482620"/>
                <a:gd name="connsiteY6" fmla="*/ 464833 h 524134"/>
                <a:gd name="connsiteX7" fmla="*/ 416675 w 482620"/>
                <a:gd name="connsiteY7" fmla="*/ 354915 h 524134"/>
                <a:gd name="connsiteX8" fmla="*/ 481270 w 482620"/>
                <a:gd name="connsiteY8" fmla="*/ 74508 h 524134"/>
                <a:gd name="connsiteX9" fmla="*/ 396555 w 482620"/>
                <a:gd name="connsiteY9" fmla="*/ 13937 h 524134"/>
                <a:gd name="connsiteX10" fmla="*/ 352079 w 482620"/>
                <a:gd name="connsiteY10" fmla="*/ 191414 h 52413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482620" h="524134">
                  <a:moveTo>
                    <a:pt x="352079" y="191414"/>
                  </a:moveTo>
                  <a:cubicBezTo>
                    <a:pt x="345091" y="249656"/>
                    <a:pt x="330900" y="310863"/>
                    <a:pt x="289813" y="352585"/>
                  </a:cubicBezTo>
                  <a:cubicBezTo>
                    <a:pt x="231571" y="411886"/>
                    <a:pt x="139232" y="416122"/>
                    <a:pt x="56847" y="423958"/>
                  </a:cubicBezTo>
                  <a:cubicBezTo>
                    <a:pt x="31220" y="426711"/>
                    <a:pt x="-1607" y="438571"/>
                    <a:pt x="87" y="464197"/>
                  </a:cubicBezTo>
                  <a:cubicBezTo>
                    <a:pt x="1570" y="485376"/>
                    <a:pt x="26137" y="495542"/>
                    <a:pt x="46681" y="500837"/>
                  </a:cubicBezTo>
                  <a:cubicBezTo>
                    <a:pt x="98951" y="516552"/>
                    <a:pt x="153274" y="524409"/>
                    <a:pt x="207851" y="524134"/>
                  </a:cubicBezTo>
                  <a:cubicBezTo>
                    <a:pt x="262958" y="523625"/>
                    <a:pt x="315864" y="502468"/>
                    <a:pt x="356103" y="464833"/>
                  </a:cubicBezTo>
                  <a:cubicBezTo>
                    <a:pt x="384186" y="433149"/>
                    <a:pt x="404878" y="395600"/>
                    <a:pt x="416675" y="354915"/>
                  </a:cubicBezTo>
                  <a:cubicBezTo>
                    <a:pt x="445393" y="263253"/>
                    <a:pt x="466995" y="169494"/>
                    <a:pt x="481270" y="74508"/>
                  </a:cubicBezTo>
                  <a:cubicBezTo>
                    <a:pt x="490801" y="20713"/>
                    <a:pt x="449502" y="-23550"/>
                    <a:pt x="396555" y="13937"/>
                  </a:cubicBezTo>
                  <a:cubicBezTo>
                    <a:pt x="350808" y="46551"/>
                    <a:pt x="358009" y="142068"/>
                    <a:pt x="352079" y="191414"/>
                  </a:cubicBezTo>
                  <a:close/>
                </a:path>
              </a:pathLst>
            </a:custGeom>
            <a:solidFill>
              <a:srgbClr val="297267">
                <a:alpha val="77000"/>
              </a:srgbClr>
            </a:solidFill>
            <a:ln w="21168" cap="flat">
              <a:noFill/>
              <a:prstDash val="solid"/>
              <a:miter/>
            </a:ln>
          </p:spPr>
          <p:txBody>
            <a:bodyPr rtlCol="0" anchor="ctr"/>
            <a:lstStyle/>
            <a:p>
              <a:endParaRPr lang="en-US" sz="1500"/>
            </a:p>
          </p:txBody>
        </p:sp>
        <p:sp>
          <p:nvSpPr>
            <p:cNvPr id="61" name="Freeform: Shape 60">
              <a:extLst>
                <a:ext uri="{FF2B5EF4-FFF2-40B4-BE49-F238E27FC236}">
                  <a16:creationId xmlns:a16="http://schemas.microsoft.com/office/drawing/2014/main" id="{D8C42FB4-1677-40E1-855C-919666B2728B}"/>
                </a:ext>
              </a:extLst>
            </p:cNvPr>
            <p:cNvSpPr/>
            <p:nvPr/>
          </p:nvSpPr>
          <p:spPr>
            <a:xfrm>
              <a:off x="11863936" y="5512205"/>
              <a:ext cx="173666" cy="205645"/>
            </a:xfrm>
            <a:custGeom>
              <a:avLst/>
              <a:gdLst>
                <a:gd name="connsiteX0" fmla="*/ 173691 w 173666"/>
                <a:gd name="connsiteY0" fmla="*/ 6 h 205645"/>
                <a:gd name="connsiteX1" fmla="*/ 126249 w 173666"/>
                <a:gd name="connsiteY1" fmla="*/ 46811 h 205645"/>
                <a:gd name="connsiteX2" fmla="*/ 82621 w 173666"/>
                <a:gd name="connsiteY2" fmla="*/ 99758 h 205645"/>
                <a:gd name="connsiteX3" fmla="*/ 24 w 173666"/>
                <a:gd name="connsiteY3" fmla="*/ 205652 h 205645"/>
              </a:gdLst>
              <a:ahLst/>
              <a:cxnLst>
                <a:cxn ang="0">
                  <a:pos x="connsiteX0" y="connsiteY0"/>
                </a:cxn>
                <a:cxn ang="0">
                  <a:pos x="connsiteX1" y="connsiteY1"/>
                </a:cxn>
                <a:cxn ang="0">
                  <a:pos x="connsiteX2" y="connsiteY2"/>
                </a:cxn>
                <a:cxn ang="0">
                  <a:pos x="connsiteX3" y="connsiteY3"/>
                </a:cxn>
              </a:cxnLst>
              <a:rect l="l" t="t" r="r" b="b"/>
              <a:pathLst>
                <a:path w="173666" h="205645">
                  <a:moveTo>
                    <a:pt x="173691" y="6"/>
                  </a:moveTo>
                  <a:cubicBezTo>
                    <a:pt x="157383" y="15255"/>
                    <a:pt x="141286" y="30504"/>
                    <a:pt x="126249" y="46811"/>
                  </a:cubicBezTo>
                  <a:cubicBezTo>
                    <a:pt x="111213" y="63119"/>
                    <a:pt x="96600" y="81756"/>
                    <a:pt x="82621" y="99758"/>
                  </a:cubicBezTo>
                  <a:lnTo>
                    <a:pt x="24" y="205652"/>
                  </a:lnTo>
                </a:path>
              </a:pathLst>
            </a:custGeom>
            <a:noFill/>
            <a:ln w="21168" cap="rnd">
              <a:solidFill>
                <a:srgbClr val="190B0B"/>
              </a:solidFill>
              <a:prstDash val="solid"/>
              <a:round/>
            </a:ln>
          </p:spPr>
          <p:txBody>
            <a:bodyPr rtlCol="0" anchor="ctr"/>
            <a:lstStyle/>
            <a:p>
              <a:endParaRPr lang="en-US" sz="1500"/>
            </a:p>
          </p:txBody>
        </p:sp>
        <p:sp>
          <p:nvSpPr>
            <p:cNvPr id="62" name="Freeform: Shape 61">
              <a:extLst>
                <a:ext uri="{FF2B5EF4-FFF2-40B4-BE49-F238E27FC236}">
                  <a16:creationId xmlns:a16="http://schemas.microsoft.com/office/drawing/2014/main" id="{7228F285-FB00-42DC-ADCA-1CDECD19907B}"/>
                </a:ext>
              </a:extLst>
            </p:cNvPr>
            <p:cNvSpPr/>
            <p:nvPr/>
          </p:nvSpPr>
          <p:spPr>
            <a:xfrm>
              <a:off x="11916883" y="5509240"/>
              <a:ext cx="126224" cy="263887"/>
            </a:xfrm>
            <a:custGeom>
              <a:avLst/>
              <a:gdLst>
                <a:gd name="connsiteX0" fmla="*/ 85162 w 126224"/>
                <a:gd name="connsiteY0" fmla="*/ 263894 h 263887"/>
                <a:gd name="connsiteX1" fmla="*/ 104224 w 126224"/>
                <a:gd name="connsiteY1" fmla="*/ 123691 h 263887"/>
                <a:gd name="connsiteX2" fmla="*/ 116084 w 126224"/>
                <a:gd name="connsiteY2" fmla="*/ 54012 h 263887"/>
                <a:gd name="connsiteX3" fmla="*/ 126249 w 126224"/>
                <a:gd name="connsiteY3" fmla="*/ 6 h 263887"/>
                <a:gd name="connsiteX4" fmla="*/ 89610 w 126224"/>
                <a:gd name="connsiteY4" fmla="*/ 56130 h 263887"/>
                <a:gd name="connsiteX5" fmla="*/ 56359 w 126224"/>
                <a:gd name="connsiteY5" fmla="*/ 117337 h 263887"/>
                <a:gd name="connsiteX6" fmla="*/ 24 w 126224"/>
                <a:gd name="connsiteY6" fmla="*/ 245680 h 26388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26224" h="263887">
                  <a:moveTo>
                    <a:pt x="85162" y="263894"/>
                  </a:moveTo>
                  <a:cubicBezTo>
                    <a:pt x="90457" y="216877"/>
                    <a:pt x="96812" y="170284"/>
                    <a:pt x="104224" y="123691"/>
                  </a:cubicBezTo>
                  <a:cubicBezTo>
                    <a:pt x="107824" y="100394"/>
                    <a:pt x="111848" y="77097"/>
                    <a:pt x="116084" y="54012"/>
                  </a:cubicBezTo>
                  <a:cubicBezTo>
                    <a:pt x="121019" y="36328"/>
                    <a:pt x="124428" y="18262"/>
                    <a:pt x="126249" y="6"/>
                  </a:cubicBezTo>
                  <a:cubicBezTo>
                    <a:pt x="111827" y="17161"/>
                    <a:pt x="99522" y="36010"/>
                    <a:pt x="89610" y="56130"/>
                  </a:cubicBezTo>
                  <a:cubicBezTo>
                    <a:pt x="77750" y="76038"/>
                    <a:pt x="66737" y="96582"/>
                    <a:pt x="56359" y="117337"/>
                  </a:cubicBezTo>
                  <a:cubicBezTo>
                    <a:pt x="35181" y="159694"/>
                    <a:pt x="17179" y="202052"/>
                    <a:pt x="24" y="245680"/>
                  </a:cubicBezTo>
                </a:path>
              </a:pathLst>
            </a:custGeom>
            <a:noFill/>
            <a:ln w="21168" cap="rnd">
              <a:solidFill>
                <a:srgbClr val="190B0B"/>
              </a:solidFill>
              <a:prstDash val="solid"/>
              <a:round/>
            </a:ln>
          </p:spPr>
          <p:txBody>
            <a:bodyPr rtlCol="0" anchor="ctr"/>
            <a:lstStyle/>
            <a:p>
              <a:endParaRPr lang="en-US" sz="1500"/>
            </a:p>
          </p:txBody>
        </p:sp>
        <p:sp>
          <p:nvSpPr>
            <p:cNvPr id="63" name="Freeform: Shape 62">
              <a:extLst>
                <a:ext uri="{FF2B5EF4-FFF2-40B4-BE49-F238E27FC236}">
                  <a16:creationId xmlns:a16="http://schemas.microsoft.com/office/drawing/2014/main" id="{E0DBC775-D845-4659-A84D-21F8FD767DFE}"/>
                </a:ext>
              </a:extLst>
            </p:cNvPr>
            <p:cNvSpPr/>
            <p:nvPr/>
          </p:nvSpPr>
          <p:spPr>
            <a:xfrm>
              <a:off x="11187273" y="5253678"/>
              <a:ext cx="94033" cy="139378"/>
            </a:xfrm>
            <a:custGeom>
              <a:avLst/>
              <a:gdLst>
                <a:gd name="connsiteX0" fmla="*/ 94058 w 94033"/>
                <a:gd name="connsiteY0" fmla="*/ 126801 h 139378"/>
                <a:gd name="connsiteX1" fmla="*/ 89399 w 94033"/>
                <a:gd name="connsiteY1" fmla="*/ 128495 h 139378"/>
                <a:gd name="connsiteX2" fmla="*/ 50641 w 94033"/>
                <a:gd name="connsiteY2" fmla="*/ 139084 h 139378"/>
                <a:gd name="connsiteX3" fmla="*/ 24 w 94033"/>
                <a:gd name="connsiteY3" fmla="*/ 117906 h 139378"/>
                <a:gd name="connsiteX4" fmla="*/ 38146 w 94033"/>
                <a:gd name="connsiteY4" fmla="*/ 29166 h 139378"/>
                <a:gd name="connsiteX5" fmla="*/ 67373 w 94033"/>
                <a:gd name="connsiteY5" fmla="*/ 10317 h 139378"/>
                <a:gd name="connsiteX6" fmla="*/ 84951 w 94033"/>
                <a:gd name="connsiteY6" fmla="*/ 81902 h 13937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94033" h="139378">
                  <a:moveTo>
                    <a:pt x="94058" y="126801"/>
                  </a:moveTo>
                  <a:lnTo>
                    <a:pt x="89399" y="128495"/>
                  </a:lnTo>
                  <a:cubicBezTo>
                    <a:pt x="77073" y="133896"/>
                    <a:pt x="64005" y="137454"/>
                    <a:pt x="50641" y="139084"/>
                  </a:cubicBezTo>
                  <a:cubicBezTo>
                    <a:pt x="31263" y="141075"/>
                    <a:pt x="12202" y="133091"/>
                    <a:pt x="24" y="117906"/>
                  </a:cubicBezTo>
                  <a:cubicBezTo>
                    <a:pt x="12308" y="88255"/>
                    <a:pt x="25227" y="58605"/>
                    <a:pt x="38146" y="29166"/>
                  </a:cubicBezTo>
                  <a:cubicBezTo>
                    <a:pt x="47677" y="7988"/>
                    <a:pt x="52124" y="-13191"/>
                    <a:pt x="67373" y="10317"/>
                  </a:cubicBezTo>
                  <a:cubicBezTo>
                    <a:pt x="76564" y="33233"/>
                    <a:pt x="82495" y="57334"/>
                    <a:pt x="84951" y="81902"/>
                  </a:cubicBezTo>
                  <a:close/>
                </a:path>
              </a:pathLst>
            </a:custGeom>
            <a:solidFill>
              <a:srgbClr val="190B0B"/>
            </a:solidFill>
            <a:ln w="21168" cap="flat">
              <a:noFill/>
              <a:prstDash val="solid"/>
              <a:miter/>
            </a:ln>
          </p:spPr>
          <p:txBody>
            <a:bodyPr rtlCol="0" anchor="ctr"/>
            <a:lstStyle/>
            <a:p>
              <a:endParaRPr lang="en-US" sz="1500"/>
            </a:p>
          </p:txBody>
        </p:sp>
        <p:sp>
          <p:nvSpPr>
            <p:cNvPr id="64" name="Freeform: Shape 63">
              <a:extLst>
                <a:ext uri="{FF2B5EF4-FFF2-40B4-BE49-F238E27FC236}">
                  <a16:creationId xmlns:a16="http://schemas.microsoft.com/office/drawing/2014/main" id="{2C709734-1B17-4694-8605-BFFB2A248CA2}"/>
                </a:ext>
              </a:extLst>
            </p:cNvPr>
            <p:cNvSpPr/>
            <p:nvPr/>
          </p:nvSpPr>
          <p:spPr>
            <a:xfrm>
              <a:off x="11135220" y="5677366"/>
              <a:ext cx="73499" cy="537128"/>
            </a:xfrm>
            <a:custGeom>
              <a:avLst/>
              <a:gdLst>
                <a:gd name="connsiteX0" fmla="*/ 10991 w 73499"/>
                <a:gd name="connsiteY0" fmla="*/ 392060 h 537128"/>
                <a:gd name="connsiteX1" fmla="*/ 50383 w 73499"/>
                <a:gd name="connsiteY1" fmla="*/ 537134 h 537128"/>
                <a:gd name="connsiteX2" fmla="*/ 64785 w 73499"/>
                <a:gd name="connsiteY2" fmla="*/ 502190 h 537128"/>
                <a:gd name="connsiteX3" fmla="*/ 72198 w 73499"/>
                <a:gd name="connsiteY3" fmla="*/ 253127 h 537128"/>
                <a:gd name="connsiteX4" fmla="*/ 45935 w 73499"/>
                <a:gd name="connsiteY4" fmla="*/ 15501 h 537128"/>
                <a:gd name="connsiteX5" fmla="*/ 613 w 73499"/>
                <a:gd name="connsiteY5" fmla="*/ 120124 h 537128"/>
                <a:gd name="connsiteX6" fmla="*/ 10991 w 73499"/>
                <a:gd name="connsiteY6" fmla="*/ 392060 h 53712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73499" h="537128">
                  <a:moveTo>
                    <a:pt x="10991" y="392060"/>
                  </a:moveTo>
                  <a:cubicBezTo>
                    <a:pt x="13744" y="445007"/>
                    <a:pt x="19251" y="503460"/>
                    <a:pt x="50383" y="537134"/>
                  </a:cubicBezTo>
                  <a:cubicBezTo>
                    <a:pt x="60337" y="532687"/>
                    <a:pt x="63514" y="515956"/>
                    <a:pt x="64785" y="502190"/>
                  </a:cubicBezTo>
                  <a:cubicBezTo>
                    <a:pt x="72875" y="419422"/>
                    <a:pt x="75353" y="336211"/>
                    <a:pt x="72198" y="253127"/>
                  </a:cubicBezTo>
                  <a:cubicBezTo>
                    <a:pt x="70291" y="204839"/>
                    <a:pt x="74950" y="49387"/>
                    <a:pt x="45935" y="15501"/>
                  </a:cubicBezTo>
                  <a:cubicBezTo>
                    <a:pt x="-6588" y="-45495"/>
                    <a:pt x="-22" y="91320"/>
                    <a:pt x="613" y="120124"/>
                  </a:cubicBezTo>
                  <a:cubicBezTo>
                    <a:pt x="3155" y="210769"/>
                    <a:pt x="6543" y="300779"/>
                    <a:pt x="10991" y="392060"/>
                  </a:cubicBezTo>
                  <a:close/>
                </a:path>
              </a:pathLst>
            </a:custGeom>
            <a:solidFill>
              <a:srgbClr val="FFF0A4"/>
            </a:solidFill>
            <a:ln w="21168" cap="flat">
              <a:noFill/>
              <a:prstDash val="solid"/>
              <a:miter/>
            </a:ln>
          </p:spPr>
          <p:txBody>
            <a:bodyPr rtlCol="0" anchor="ctr"/>
            <a:lstStyle/>
            <a:p>
              <a:endParaRPr lang="en-US" sz="1500"/>
            </a:p>
          </p:txBody>
        </p:sp>
        <p:sp>
          <p:nvSpPr>
            <p:cNvPr id="65" name="Freeform: Shape 64">
              <a:extLst>
                <a:ext uri="{FF2B5EF4-FFF2-40B4-BE49-F238E27FC236}">
                  <a16:creationId xmlns:a16="http://schemas.microsoft.com/office/drawing/2014/main" id="{F57D2223-BA67-44D2-8226-BA935EFCBA38}"/>
                </a:ext>
              </a:extLst>
            </p:cNvPr>
            <p:cNvSpPr/>
            <p:nvPr/>
          </p:nvSpPr>
          <p:spPr>
            <a:xfrm>
              <a:off x="11011730" y="6342516"/>
              <a:ext cx="471649" cy="184297"/>
            </a:xfrm>
            <a:custGeom>
              <a:avLst/>
              <a:gdLst>
                <a:gd name="connsiteX0" fmla="*/ 421242 w 471649"/>
                <a:gd name="connsiteY0" fmla="*/ 80383 h 184297"/>
                <a:gd name="connsiteX1" fmla="*/ 456187 w 471649"/>
                <a:gd name="connsiteY1" fmla="*/ 86313 h 184297"/>
                <a:gd name="connsiteX2" fmla="*/ 458094 w 471649"/>
                <a:gd name="connsiteY2" fmla="*/ 151968 h 184297"/>
                <a:gd name="connsiteX3" fmla="*/ 389051 w 471649"/>
                <a:gd name="connsiteY3" fmla="*/ 178653 h 184297"/>
                <a:gd name="connsiteX4" fmla="*/ 156083 w 471649"/>
                <a:gd name="connsiteY4" fmla="*/ 169758 h 184297"/>
                <a:gd name="connsiteX5" fmla="*/ 33882 w 471649"/>
                <a:gd name="connsiteY5" fmla="*/ 113634 h 184297"/>
                <a:gd name="connsiteX6" fmla="*/ 13762 w 471649"/>
                <a:gd name="connsiteY6" fmla="*/ 9434 h 184297"/>
                <a:gd name="connsiteX7" fmla="*/ 128763 w 471649"/>
                <a:gd name="connsiteY7" fmla="*/ 33154 h 184297"/>
                <a:gd name="connsiteX8" fmla="*/ 421242 w 471649"/>
                <a:gd name="connsiteY8" fmla="*/ 80383 h 18429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71649" h="184297">
                  <a:moveTo>
                    <a:pt x="421242" y="80383"/>
                  </a:moveTo>
                  <a:cubicBezTo>
                    <a:pt x="433208" y="79070"/>
                    <a:pt x="445322" y="81125"/>
                    <a:pt x="456187" y="86313"/>
                  </a:cubicBezTo>
                  <a:cubicBezTo>
                    <a:pt x="477366" y="99233"/>
                    <a:pt x="475671" y="133966"/>
                    <a:pt x="458094" y="151968"/>
                  </a:cubicBezTo>
                  <a:cubicBezTo>
                    <a:pt x="438714" y="168339"/>
                    <a:pt x="414401" y="177742"/>
                    <a:pt x="389051" y="178653"/>
                  </a:cubicBezTo>
                  <a:cubicBezTo>
                    <a:pt x="311430" y="188480"/>
                    <a:pt x="232730" y="185473"/>
                    <a:pt x="156083" y="169758"/>
                  </a:cubicBezTo>
                  <a:cubicBezTo>
                    <a:pt x="110761" y="163319"/>
                    <a:pt x="68297" y="143814"/>
                    <a:pt x="33882" y="113634"/>
                  </a:cubicBezTo>
                  <a:cubicBezTo>
                    <a:pt x="11009" y="90549"/>
                    <a:pt x="-17371" y="36543"/>
                    <a:pt x="13762" y="9434"/>
                  </a:cubicBezTo>
                  <a:cubicBezTo>
                    <a:pt x="44895" y="-17675"/>
                    <a:pt x="98477" y="21083"/>
                    <a:pt x="128763" y="33154"/>
                  </a:cubicBezTo>
                  <a:cubicBezTo>
                    <a:pt x="222246" y="67803"/>
                    <a:pt x="321596" y="83835"/>
                    <a:pt x="421242" y="80383"/>
                  </a:cubicBezTo>
                  <a:close/>
                </a:path>
              </a:pathLst>
            </a:custGeom>
            <a:solidFill>
              <a:srgbClr val="50AD9F"/>
            </a:solidFill>
            <a:ln w="21168" cap="flat">
              <a:noFill/>
              <a:prstDash val="solid"/>
              <a:miter/>
            </a:ln>
          </p:spPr>
          <p:txBody>
            <a:bodyPr rtlCol="0" anchor="ctr"/>
            <a:lstStyle/>
            <a:p>
              <a:endParaRPr lang="en-US" sz="1500"/>
            </a:p>
          </p:txBody>
        </p:sp>
      </p:grpSp>
      <p:sp>
        <p:nvSpPr>
          <p:cNvPr id="85" name="Graphic 3">
            <a:extLst>
              <a:ext uri="{FF2B5EF4-FFF2-40B4-BE49-F238E27FC236}">
                <a16:creationId xmlns:a16="http://schemas.microsoft.com/office/drawing/2014/main" id="{4071B6FA-FB5A-433F-8FEE-0FC5A10972F3}"/>
              </a:ext>
            </a:extLst>
          </p:cNvPr>
          <p:cNvSpPr/>
          <p:nvPr/>
        </p:nvSpPr>
        <p:spPr>
          <a:xfrm>
            <a:off x="595576" y="3995663"/>
            <a:ext cx="4499217" cy="1378195"/>
          </a:xfrm>
          <a:custGeom>
            <a:avLst/>
            <a:gdLst>
              <a:gd name="connsiteX0" fmla="*/ 2838243 w 2838361"/>
              <a:gd name="connsiteY0" fmla="*/ 1165646 h 1930262"/>
              <a:gd name="connsiteX1" fmla="*/ 2811297 w 2838361"/>
              <a:gd name="connsiteY1" fmla="*/ 722606 h 1930262"/>
              <a:gd name="connsiteX2" fmla="*/ 2835573 w 2838361"/>
              <a:gd name="connsiteY2" fmla="*/ 344382 h 1930262"/>
              <a:gd name="connsiteX3" fmla="*/ 2752548 w 2838361"/>
              <a:gd name="connsiteY3" fmla="*/ 122255 h 1930262"/>
              <a:gd name="connsiteX4" fmla="*/ 2511243 w 2838361"/>
              <a:gd name="connsiteY4" fmla="*/ 19567 h 1930262"/>
              <a:gd name="connsiteX5" fmla="*/ 2080097 w 2838361"/>
              <a:gd name="connsiteY5" fmla="*/ 30005 h 1930262"/>
              <a:gd name="connsiteX6" fmla="*/ 606288 w 2838361"/>
              <a:gd name="connsiteY6" fmla="*/ 5729 h 1930262"/>
              <a:gd name="connsiteX7" fmla="*/ 577157 w 2838361"/>
              <a:gd name="connsiteY7" fmla="*/ 3544 h 1930262"/>
              <a:gd name="connsiteX8" fmla="*/ 288998 w 2838361"/>
              <a:gd name="connsiteY8" fmla="*/ 19809 h 1930262"/>
              <a:gd name="connsiteX9" fmla="*/ 175628 w 2838361"/>
              <a:gd name="connsiteY9" fmla="*/ 55738 h 1930262"/>
              <a:gd name="connsiteX10" fmla="*/ 170045 w 2838361"/>
              <a:gd name="connsiteY10" fmla="*/ 59137 h 1930262"/>
              <a:gd name="connsiteX11" fmla="*/ 170045 w 2838361"/>
              <a:gd name="connsiteY11" fmla="*/ 59137 h 1930262"/>
              <a:gd name="connsiteX12" fmla="*/ 29243 w 2838361"/>
              <a:gd name="connsiteY12" fmla="*/ 434933 h 1930262"/>
              <a:gd name="connsiteX13" fmla="*/ 18076 w 2838361"/>
              <a:gd name="connsiteY13" fmla="*/ 894481 h 1930262"/>
              <a:gd name="connsiteX14" fmla="*/ 6180 w 2838361"/>
              <a:gd name="connsiteY14" fmla="*/ 1396270 h 1930262"/>
              <a:gd name="connsiteX15" fmla="*/ 9822 w 2838361"/>
              <a:gd name="connsiteY15" fmla="*/ 1654812 h 1930262"/>
              <a:gd name="connsiteX16" fmla="*/ 245786 w 2838361"/>
              <a:gd name="connsiteY16" fmla="*/ 1855091 h 1930262"/>
              <a:gd name="connsiteX17" fmla="*/ 514524 w 2838361"/>
              <a:gd name="connsiteY17" fmla="*/ 1905828 h 1930262"/>
              <a:gd name="connsiteX18" fmla="*/ 775979 w 2838361"/>
              <a:gd name="connsiteY18" fmla="*/ 1926463 h 1930262"/>
              <a:gd name="connsiteX19" fmla="*/ 2228910 w 2838361"/>
              <a:gd name="connsiteY19" fmla="*/ 1916510 h 1930262"/>
              <a:gd name="connsiteX20" fmla="*/ 2395445 w 2838361"/>
              <a:gd name="connsiteY20" fmla="*/ 1922336 h 1930262"/>
              <a:gd name="connsiteX21" fmla="*/ 2450309 w 2838361"/>
              <a:gd name="connsiteY21" fmla="*/ 1929862 h 1930262"/>
              <a:gd name="connsiteX22" fmla="*/ 2793818 w 2838361"/>
              <a:gd name="connsiteY22" fmla="*/ 1623981 h 1930262"/>
              <a:gd name="connsiteX23" fmla="*/ 2838243 w 2838361"/>
              <a:gd name="connsiteY23" fmla="*/ 1165646 h 19302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Lst>
            <a:rect l="l" t="t" r="r" b="b"/>
            <a:pathLst>
              <a:path w="2838361" h="1930262">
                <a:moveTo>
                  <a:pt x="2838243" y="1165646"/>
                </a:moveTo>
                <a:cubicBezTo>
                  <a:pt x="2839700" y="1017319"/>
                  <a:pt x="2812025" y="870933"/>
                  <a:pt x="2811297" y="722606"/>
                </a:cubicBezTo>
                <a:cubicBezTo>
                  <a:pt x="2811297" y="596855"/>
                  <a:pt x="2844070" y="469405"/>
                  <a:pt x="2835573" y="344382"/>
                </a:cubicBezTo>
                <a:cubicBezTo>
                  <a:pt x="2833655" y="263105"/>
                  <a:pt x="2804402" y="184863"/>
                  <a:pt x="2752548" y="122255"/>
                </a:cubicBezTo>
                <a:cubicBezTo>
                  <a:pt x="2687488" y="49426"/>
                  <a:pt x="2602278" y="27335"/>
                  <a:pt x="2511243" y="19567"/>
                </a:cubicBezTo>
                <a:cubicBezTo>
                  <a:pt x="2367479" y="11385"/>
                  <a:pt x="2223303" y="14881"/>
                  <a:pt x="2080097" y="30005"/>
                </a:cubicBezTo>
                <a:cubicBezTo>
                  <a:pt x="1936867" y="41172"/>
                  <a:pt x="664066" y="11798"/>
                  <a:pt x="606288" y="5729"/>
                </a:cubicBezTo>
                <a:cubicBezTo>
                  <a:pt x="596694" y="3884"/>
                  <a:pt x="586918" y="3156"/>
                  <a:pt x="577157" y="3544"/>
                </a:cubicBezTo>
                <a:cubicBezTo>
                  <a:pt x="480817" y="-4564"/>
                  <a:pt x="383816" y="922"/>
                  <a:pt x="288998" y="19809"/>
                </a:cubicBezTo>
                <a:cubicBezTo>
                  <a:pt x="248826" y="22261"/>
                  <a:pt x="209880" y="34593"/>
                  <a:pt x="175628" y="55738"/>
                </a:cubicBezTo>
                <a:lnTo>
                  <a:pt x="170045" y="59137"/>
                </a:lnTo>
                <a:lnTo>
                  <a:pt x="170045" y="59137"/>
                </a:lnTo>
                <a:cubicBezTo>
                  <a:pt x="56432" y="130023"/>
                  <a:pt x="2053" y="292188"/>
                  <a:pt x="29243" y="434933"/>
                </a:cubicBezTo>
                <a:cubicBezTo>
                  <a:pt x="22202" y="587873"/>
                  <a:pt x="21960" y="741541"/>
                  <a:pt x="18076" y="894481"/>
                </a:cubicBezTo>
                <a:cubicBezTo>
                  <a:pt x="14191" y="1061817"/>
                  <a:pt x="10227" y="1229080"/>
                  <a:pt x="6180" y="1396270"/>
                </a:cubicBezTo>
                <a:cubicBezTo>
                  <a:pt x="3995" y="1479538"/>
                  <a:pt x="-8628" y="1572759"/>
                  <a:pt x="9822" y="1654812"/>
                </a:cubicBezTo>
                <a:cubicBezTo>
                  <a:pt x="34098" y="1767211"/>
                  <a:pt x="131203" y="1863588"/>
                  <a:pt x="245786" y="1855091"/>
                </a:cubicBezTo>
                <a:cubicBezTo>
                  <a:pt x="250884" y="1855091"/>
                  <a:pt x="430286" y="1893933"/>
                  <a:pt x="514524" y="1905828"/>
                </a:cubicBezTo>
                <a:cubicBezTo>
                  <a:pt x="601185" y="1917918"/>
                  <a:pt x="688495" y="1924812"/>
                  <a:pt x="775979" y="1926463"/>
                </a:cubicBezTo>
                <a:cubicBezTo>
                  <a:pt x="956594" y="1930105"/>
                  <a:pt x="2114327" y="1909227"/>
                  <a:pt x="2228910" y="1916510"/>
                </a:cubicBezTo>
                <a:cubicBezTo>
                  <a:pt x="2284139" y="1923453"/>
                  <a:pt x="2339877" y="1925395"/>
                  <a:pt x="2395445" y="1922336"/>
                </a:cubicBezTo>
                <a:cubicBezTo>
                  <a:pt x="2413021" y="1928551"/>
                  <a:pt x="2431690" y="1931124"/>
                  <a:pt x="2450309" y="1929862"/>
                </a:cubicBezTo>
                <a:cubicBezTo>
                  <a:pt x="2620243" y="1918209"/>
                  <a:pt x="2747936" y="1797071"/>
                  <a:pt x="2793818" y="1623981"/>
                </a:cubicBezTo>
                <a:cubicBezTo>
                  <a:pt x="2829746" y="1482694"/>
                  <a:pt x="2836787" y="1313732"/>
                  <a:pt x="2838243" y="1165646"/>
                </a:cubicBezTo>
                <a:close/>
              </a:path>
            </a:pathLst>
          </a:custGeom>
          <a:solidFill>
            <a:schemeClr val="bg1"/>
          </a:solidFill>
          <a:ln w="24263" cap="flat">
            <a:solidFill>
              <a:srgbClr val="FFC000"/>
            </a:solidFill>
            <a:prstDash val="solid"/>
            <a:miter/>
          </a:ln>
        </p:spPr>
        <p:txBody>
          <a:bodyPr rtlCol="0" anchor="ctr"/>
          <a:lstStyle/>
          <a:p>
            <a:endParaRPr lang="en-US" sz="1500"/>
          </a:p>
        </p:txBody>
      </p:sp>
      <p:sp>
        <p:nvSpPr>
          <p:cNvPr id="88" name="Graphic 3">
            <a:extLst>
              <a:ext uri="{FF2B5EF4-FFF2-40B4-BE49-F238E27FC236}">
                <a16:creationId xmlns:a16="http://schemas.microsoft.com/office/drawing/2014/main" id="{C7208686-3D57-4306-9530-B2B1651D50DD}"/>
              </a:ext>
            </a:extLst>
          </p:cNvPr>
          <p:cNvSpPr/>
          <p:nvPr/>
        </p:nvSpPr>
        <p:spPr>
          <a:xfrm>
            <a:off x="5704971" y="3995663"/>
            <a:ext cx="4610390" cy="1378195"/>
          </a:xfrm>
          <a:custGeom>
            <a:avLst/>
            <a:gdLst>
              <a:gd name="connsiteX0" fmla="*/ 2838243 w 2838361"/>
              <a:gd name="connsiteY0" fmla="*/ 1165646 h 1930262"/>
              <a:gd name="connsiteX1" fmla="*/ 2811297 w 2838361"/>
              <a:gd name="connsiteY1" fmla="*/ 722606 h 1930262"/>
              <a:gd name="connsiteX2" fmla="*/ 2835573 w 2838361"/>
              <a:gd name="connsiteY2" fmla="*/ 344382 h 1930262"/>
              <a:gd name="connsiteX3" fmla="*/ 2752548 w 2838361"/>
              <a:gd name="connsiteY3" fmla="*/ 122255 h 1930262"/>
              <a:gd name="connsiteX4" fmla="*/ 2511243 w 2838361"/>
              <a:gd name="connsiteY4" fmla="*/ 19567 h 1930262"/>
              <a:gd name="connsiteX5" fmla="*/ 2080097 w 2838361"/>
              <a:gd name="connsiteY5" fmla="*/ 30005 h 1930262"/>
              <a:gd name="connsiteX6" fmla="*/ 606288 w 2838361"/>
              <a:gd name="connsiteY6" fmla="*/ 5729 h 1930262"/>
              <a:gd name="connsiteX7" fmla="*/ 577157 w 2838361"/>
              <a:gd name="connsiteY7" fmla="*/ 3544 h 1930262"/>
              <a:gd name="connsiteX8" fmla="*/ 288998 w 2838361"/>
              <a:gd name="connsiteY8" fmla="*/ 19809 h 1930262"/>
              <a:gd name="connsiteX9" fmla="*/ 175628 w 2838361"/>
              <a:gd name="connsiteY9" fmla="*/ 55738 h 1930262"/>
              <a:gd name="connsiteX10" fmla="*/ 170045 w 2838361"/>
              <a:gd name="connsiteY10" fmla="*/ 59137 h 1930262"/>
              <a:gd name="connsiteX11" fmla="*/ 170045 w 2838361"/>
              <a:gd name="connsiteY11" fmla="*/ 59137 h 1930262"/>
              <a:gd name="connsiteX12" fmla="*/ 29243 w 2838361"/>
              <a:gd name="connsiteY12" fmla="*/ 434933 h 1930262"/>
              <a:gd name="connsiteX13" fmla="*/ 18076 w 2838361"/>
              <a:gd name="connsiteY13" fmla="*/ 894481 h 1930262"/>
              <a:gd name="connsiteX14" fmla="*/ 6180 w 2838361"/>
              <a:gd name="connsiteY14" fmla="*/ 1396270 h 1930262"/>
              <a:gd name="connsiteX15" fmla="*/ 9822 w 2838361"/>
              <a:gd name="connsiteY15" fmla="*/ 1654812 h 1930262"/>
              <a:gd name="connsiteX16" fmla="*/ 245786 w 2838361"/>
              <a:gd name="connsiteY16" fmla="*/ 1855091 h 1930262"/>
              <a:gd name="connsiteX17" fmla="*/ 514524 w 2838361"/>
              <a:gd name="connsiteY17" fmla="*/ 1905828 h 1930262"/>
              <a:gd name="connsiteX18" fmla="*/ 775979 w 2838361"/>
              <a:gd name="connsiteY18" fmla="*/ 1926463 h 1930262"/>
              <a:gd name="connsiteX19" fmla="*/ 2228910 w 2838361"/>
              <a:gd name="connsiteY19" fmla="*/ 1916510 h 1930262"/>
              <a:gd name="connsiteX20" fmla="*/ 2395445 w 2838361"/>
              <a:gd name="connsiteY20" fmla="*/ 1922336 h 1930262"/>
              <a:gd name="connsiteX21" fmla="*/ 2450309 w 2838361"/>
              <a:gd name="connsiteY21" fmla="*/ 1929862 h 1930262"/>
              <a:gd name="connsiteX22" fmla="*/ 2793818 w 2838361"/>
              <a:gd name="connsiteY22" fmla="*/ 1623981 h 1930262"/>
              <a:gd name="connsiteX23" fmla="*/ 2838243 w 2838361"/>
              <a:gd name="connsiteY23" fmla="*/ 1165646 h 193026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Lst>
            <a:rect l="l" t="t" r="r" b="b"/>
            <a:pathLst>
              <a:path w="2838361" h="1930262">
                <a:moveTo>
                  <a:pt x="2838243" y="1165646"/>
                </a:moveTo>
                <a:cubicBezTo>
                  <a:pt x="2839700" y="1017319"/>
                  <a:pt x="2812025" y="870933"/>
                  <a:pt x="2811297" y="722606"/>
                </a:cubicBezTo>
                <a:cubicBezTo>
                  <a:pt x="2811297" y="596855"/>
                  <a:pt x="2844070" y="469405"/>
                  <a:pt x="2835573" y="344382"/>
                </a:cubicBezTo>
                <a:cubicBezTo>
                  <a:pt x="2833655" y="263105"/>
                  <a:pt x="2804402" y="184863"/>
                  <a:pt x="2752548" y="122255"/>
                </a:cubicBezTo>
                <a:cubicBezTo>
                  <a:pt x="2687488" y="49426"/>
                  <a:pt x="2602278" y="27335"/>
                  <a:pt x="2511243" y="19567"/>
                </a:cubicBezTo>
                <a:cubicBezTo>
                  <a:pt x="2367479" y="11385"/>
                  <a:pt x="2223303" y="14881"/>
                  <a:pt x="2080097" y="30005"/>
                </a:cubicBezTo>
                <a:cubicBezTo>
                  <a:pt x="1936867" y="41172"/>
                  <a:pt x="664066" y="11798"/>
                  <a:pt x="606288" y="5729"/>
                </a:cubicBezTo>
                <a:cubicBezTo>
                  <a:pt x="596694" y="3884"/>
                  <a:pt x="586918" y="3156"/>
                  <a:pt x="577157" y="3544"/>
                </a:cubicBezTo>
                <a:cubicBezTo>
                  <a:pt x="480817" y="-4564"/>
                  <a:pt x="383816" y="922"/>
                  <a:pt x="288998" y="19809"/>
                </a:cubicBezTo>
                <a:cubicBezTo>
                  <a:pt x="248826" y="22261"/>
                  <a:pt x="209880" y="34593"/>
                  <a:pt x="175628" y="55738"/>
                </a:cubicBezTo>
                <a:lnTo>
                  <a:pt x="170045" y="59137"/>
                </a:lnTo>
                <a:lnTo>
                  <a:pt x="170045" y="59137"/>
                </a:lnTo>
                <a:cubicBezTo>
                  <a:pt x="56432" y="130023"/>
                  <a:pt x="2053" y="292188"/>
                  <a:pt x="29243" y="434933"/>
                </a:cubicBezTo>
                <a:cubicBezTo>
                  <a:pt x="22202" y="587873"/>
                  <a:pt x="21960" y="741541"/>
                  <a:pt x="18076" y="894481"/>
                </a:cubicBezTo>
                <a:cubicBezTo>
                  <a:pt x="14191" y="1061817"/>
                  <a:pt x="10227" y="1229080"/>
                  <a:pt x="6180" y="1396270"/>
                </a:cubicBezTo>
                <a:cubicBezTo>
                  <a:pt x="3995" y="1479538"/>
                  <a:pt x="-8628" y="1572759"/>
                  <a:pt x="9822" y="1654812"/>
                </a:cubicBezTo>
                <a:cubicBezTo>
                  <a:pt x="34098" y="1767211"/>
                  <a:pt x="131203" y="1863588"/>
                  <a:pt x="245786" y="1855091"/>
                </a:cubicBezTo>
                <a:cubicBezTo>
                  <a:pt x="250884" y="1855091"/>
                  <a:pt x="430286" y="1893933"/>
                  <a:pt x="514524" y="1905828"/>
                </a:cubicBezTo>
                <a:cubicBezTo>
                  <a:pt x="601185" y="1917918"/>
                  <a:pt x="688495" y="1924812"/>
                  <a:pt x="775979" y="1926463"/>
                </a:cubicBezTo>
                <a:cubicBezTo>
                  <a:pt x="956594" y="1930105"/>
                  <a:pt x="2114327" y="1909227"/>
                  <a:pt x="2228910" y="1916510"/>
                </a:cubicBezTo>
                <a:cubicBezTo>
                  <a:pt x="2284139" y="1923453"/>
                  <a:pt x="2339877" y="1925395"/>
                  <a:pt x="2395445" y="1922336"/>
                </a:cubicBezTo>
                <a:cubicBezTo>
                  <a:pt x="2413021" y="1928551"/>
                  <a:pt x="2431690" y="1931124"/>
                  <a:pt x="2450309" y="1929862"/>
                </a:cubicBezTo>
                <a:cubicBezTo>
                  <a:pt x="2620243" y="1918209"/>
                  <a:pt x="2747936" y="1797071"/>
                  <a:pt x="2793818" y="1623981"/>
                </a:cubicBezTo>
                <a:cubicBezTo>
                  <a:pt x="2829746" y="1482694"/>
                  <a:pt x="2836787" y="1313732"/>
                  <a:pt x="2838243" y="1165646"/>
                </a:cubicBezTo>
                <a:close/>
              </a:path>
            </a:pathLst>
          </a:custGeom>
          <a:solidFill>
            <a:schemeClr val="bg1"/>
          </a:solidFill>
          <a:ln w="24263" cap="flat">
            <a:solidFill>
              <a:srgbClr val="FFC000"/>
            </a:solidFill>
            <a:prstDash val="solid"/>
            <a:miter/>
          </a:ln>
        </p:spPr>
        <p:txBody>
          <a:bodyPr rtlCol="0" anchor="ctr"/>
          <a:lstStyle/>
          <a:p>
            <a:endParaRPr lang="en-US" sz="1500"/>
          </a:p>
        </p:txBody>
      </p:sp>
      <p:pic>
        <p:nvPicPr>
          <p:cNvPr id="89" name="Graphic 88">
            <a:extLst>
              <a:ext uri="{FF2B5EF4-FFF2-40B4-BE49-F238E27FC236}">
                <a16:creationId xmlns:a16="http://schemas.microsoft.com/office/drawing/2014/main" id="{A87FC9E5-D695-44D7-8F6D-CA8890FF07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5744214" y="2194980"/>
            <a:ext cx="4317769" cy="985003"/>
          </a:xfrm>
          <a:prstGeom prst="rect">
            <a:avLst/>
          </a:prstGeom>
        </p:spPr>
      </p:pic>
      <p:sp>
        <p:nvSpPr>
          <p:cNvPr id="90" name="Oval 89">
            <a:extLst>
              <a:ext uri="{FF2B5EF4-FFF2-40B4-BE49-F238E27FC236}">
                <a16:creationId xmlns:a16="http://schemas.microsoft.com/office/drawing/2014/main" id="{96480D3E-A816-4770-B21F-61C52DEA58CA}"/>
              </a:ext>
            </a:extLst>
          </p:cNvPr>
          <p:cNvSpPr/>
          <p:nvPr/>
        </p:nvSpPr>
        <p:spPr>
          <a:xfrm>
            <a:off x="827831" y="4388888"/>
            <a:ext cx="551238" cy="551238"/>
          </a:xfrm>
          <a:prstGeom prst="ellipse">
            <a:avLst/>
          </a:prstGeom>
          <a:solidFill>
            <a:srgbClr val="FFC000"/>
          </a:solidFill>
          <a:ln w="24263" cap="flat">
            <a:solidFill>
              <a:schemeClr val="tx1"/>
            </a:solidFill>
            <a:prstDash val="solid"/>
            <a:miter/>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500"/>
          </a:p>
        </p:txBody>
      </p:sp>
      <p:sp>
        <p:nvSpPr>
          <p:cNvPr id="91" name="Oval 90">
            <a:extLst>
              <a:ext uri="{FF2B5EF4-FFF2-40B4-BE49-F238E27FC236}">
                <a16:creationId xmlns:a16="http://schemas.microsoft.com/office/drawing/2014/main" id="{15AC0333-44A8-45E1-888D-838994BDED58}"/>
              </a:ext>
            </a:extLst>
          </p:cNvPr>
          <p:cNvSpPr/>
          <p:nvPr/>
        </p:nvSpPr>
        <p:spPr>
          <a:xfrm>
            <a:off x="891590" y="2483212"/>
            <a:ext cx="551238" cy="551238"/>
          </a:xfrm>
          <a:prstGeom prst="ellipse">
            <a:avLst/>
          </a:prstGeom>
          <a:solidFill>
            <a:schemeClr val="bg1"/>
          </a:solidFill>
          <a:ln w="24263" cap="flat">
            <a:solidFill>
              <a:srgbClr val="02665E"/>
            </a:solidFill>
            <a:prstDash val="solid"/>
            <a:miter/>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500"/>
          </a:p>
        </p:txBody>
      </p:sp>
      <p:sp>
        <p:nvSpPr>
          <p:cNvPr id="92" name="Oval 91">
            <a:extLst>
              <a:ext uri="{FF2B5EF4-FFF2-40B4-BE49-F238E27FC236}">
                <a16:creationId xmlns:a16="http://schemas.microsoft.com/office/drawing/2014/main" id="{8A06DA43-2463-4123-A2FC-87C13534994F}"/>
              </a:ext>
            </a:extLst>
          </p:cNvPr>
          <p:cNvSpPr/>
          <p:nvPr/>
        </p:nvSpPr>
        <p:spPr>
          <a:xfrm>
            <a:off x="6213972" y="2423743"/>
            <a:ext cx="551238" cy="551238"/>
          </a:xfrm>
          <a:prstGeom prst="ellipse">
            <a:avLst/>
          </a:prstGeom>
          <a:solidFill>
            <a:srgbClr val="FFC000"/>
          </a:solidFill>
          <a:ln w="24263" cap="flat">
            <a:solidFill>
              <a:schemeClr val="tx1"/>
            </a:solidFill>
            <a:prstDash val="solid"/>
            <a:miter/>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500"/>
          </a:p>
        </p:txBody>
      </p:sp>
      <p:sp>
        <p:nvSpPr>
          <p:cNvPr id="93" name="Oval 92">
            <a:extLst>
              <a:ext uri="{FF2B5EF4-FFF2-40B4-BE49-F238E27FC236}">
                <a16:creationId xmlns:a16="http://schemas.microsoft.com/office/drawing/2014/main" id="{F680DCA9-845E-4B5D-817B-0FE4D9F4C57A}"/>
              </a:ext>
            </a:extLst>
          </p:cNvPr>
          <p:cNvSpPr/>
          <p:nvPr/>
        </p:nvSpPr>
        <p:spPr>
          <a:xfrm>
            <a:off x="5938353" y="4220554"/>
            <a:ext cx="551238" cy="551238"/>
          </a:xfrm>
          <a:prstGeom prst="ellipse">
            <a:avLst/>
          </a:prstGeom>
          <a:solidFill>
            <a:srgbClr val="FFC000"/>
          </a:solidFill>
          <a:ln w="24263" cap="flat">
            <a:solidFill>
              <a:schemeClr val="tx1"/>
            </a:solidFill>
            <a:prstDash val="solid"/>
            <a:miter/>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500"/>
          </a:p>
        </p:txBody>
      </p:sp>
      <p:grpSp>
        <p:nvGrpSpPr>
          <p:cNvPr id="94" name="Group 93">
            <a:extLst>
              <a:ext uri="{FF2B5EF4-FFF2-40B4-BE49-F238E27FC236}">
                <a16:creationId xmlns:a16="http://schemas.microsoft.com/office/drawing/2014/main" id="{EDC569A8-0ED7-4856-A452-DE3C58E16EE3}"/>
              </a:ext>
            </a:extLst>
          </p:cNvPr>
          <p:cNvGrpSpPr/>
          <p:nvPr/>
        </p:nvGrpSpPr>
        <p:grpSpPr>
          <a:xfrm>
            <a:off x="852417" y="2513736"/>
            <a:ext cx="758501" cy="490189"/>
            <a:chOff x="304495" y="624348"/>
            <a:chExt cx="1369514" cy="885063"/>
          </a:xfrm>
        </p:grpSpPr>
        <p:sp>
          <p:nvSpPr>
            <p:cNvPr id="95" name="Freeform: Shape 94">
              <a:extLst>
                <a:ext uri="{FF2B5EF4-FFF2-40B4-BE49-F238E27FC236}">
                  <a16:creationId xmlns:a16="http://schemas.microsoft.com/office/drawing/2014/main" id="{84C290CB-1BC4-47FC-97B9-5AC583BE66EC}"/>
                </a:ext>
              </a:extLst>
            </p:cNvPr>
            <p:cNvSpPr/>
            <p:nvPr/>
          </p:nvSpPr>
          <p:spPr>
            <a:xfrm>
              <a:off x="473932" y="665965"/>
              <a:ext cx="1200077" cy="788891"/>
            </a:xfrm>
            <a:custGeom>
              <a:avLst/>
              <a:gdLst>
                <a:gd name="connsiteX0" fmla="*/ 1197733 w 1200077"/>
                <a:gd name="connsiteY0" fmla="*/ 371591 h 788891"/>
                <a:gd name="connsiteX1" fmla="*/ 1004371 w 1200077"/>
                <a:gd name="connsiteY1" fmla="*/ 133964 h 788891"/>
                <a:gd name="connsiteX2" fmla="*/ 722057 w 1200077"/>
                <a:gd name="connsiteY2" fmla="*/ 16210 h 788891"/>
                <a:gd name="connsiteX3" fmla="*/ 38406 w 1200077"/>
                <a:gd name="connsiteY3" fmla="*/ 302548 h 788891"/>
                <a:gd name="connsiteX4" fmla="*/ 284 w 1200077"/>
                <a:gd name="connsiteY4" fmla="*/ 473884 h 788891"/>
                <a:gd name="connsiteX5" fmla="*/ 48148 w 1200077"/>
                <a:gd name="connsiteY5" fmla="*/ 755774 h 788891"/>
                <a:gd name="connsiteX6" fmla="*/ 125239 w 1200077"/>
                <a:gd name="connsiteY6" fmla="*/ 784153 h 788891"/>
                <a:gd name="connsiteX7" fmla="*/ 260571 w 1200077"/>
                <a:gd name="connsiteY7" fmla="*/ 753021 h 788891"/>
                <a:gd name="connsiteX8" fmla="*/ 1195615 w 1200077"/>
                <a:gd name="connsiteY8" fmla="*/ 384933 h 788891"/>
                <a:gd name="connsiteX9" fmla="*/ 1200063 w 1200077"/>
                <a:gd name="connsiteY9" fmla="*/ 379003 h 788891"/>
                <a:gd name="connsiteX10" fmla="*/ 1197733 w 1200077"/>
                <a:gd name="connsiteY10" fmla="*/ 371591 h 788891"/>
                <a:gd name="connsiteX11" fmla="*/ 928339 w 1200077"/>
                <a:gd name="connsiteY11" fmla="*/ 369049 h 788891"/>
                <a:gd name="connsiteX12" fmla="*/ 925374 w 1200077"/>
                <a:gd name="connsiteY12" fmla="*/ 372861 h 788891"/>
                <a:gd name="connsiteX13" fmla="*/ 316272 w 1200077"/>
                <a:gd name="connsiteY13" fmla="*/ 612817 h 788891"/>
                <a:gd name="connsiteX14" fmla="*/ 228380 w 1200077"/>
                <a:gd name="connsiteY14" fmla="*/ 633996 h 788891"/>
                <a:gd name="connsiteX15" fmla="*/ 178398 w 1200077"/>
                <a:gd name="connsiteY15" fmla="*/ 615570 h 788891"/>
                <a:gd name="connsiteX16" fmla="*/ 146418 w 1200077"/>
                <a:gd name="connsiteY16" fmla="*/ 430891 h 788891"/>
                <a:gd name="connsiteX17" fmla="*/ 171197 w 1200077"/>
                <a:gd name="connsiteY17" fmla="*/ 319279 h 788891"/>
                <a:gd name="connsiteX18" fmla="*/ 615951 w 1200077"/>
                <a:gd name="connsiteY18" fmla="*/ 132905 h 788891"/>
                <a:gd name="connsiteX19" fmla="*/ 799995 w 1200077"/>
                <a:gd name="connsiteY19" fmla="*/ 209573 h 788891"/>
                <a:gd name="connsiteX20" fmla="*/ 925797 w 1200077"/>
                <a:gd name="connsiteY20" fmla="*/ 364390 h 788891"/>
                <a:gd name="connsiteX21" fmla="*/ 928339 w 1200077"/>
                <a:gd name="connsiteY21" fmla="*/ 369049 h 7888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Lst>
              <a:rect l="l" t="t" r="r" b="b"/>
              <a:pathLst>
                <a:path w="1200077" h="788891">
                  <a:moveTo>
                    <a:pt x="1197733" y="371591"/>
                  </a:moveTo>
                  <a:cubicBezTo>
                    <a:pt x="1150928" y="276498"/>
                    <a:pt x="1094804" y="193053"/>
                    <a:pt x="1004371" y="133964"/>
                  </a:cubicBezTo>
                  <a:cubicBezTo>
                    <a:pt x="918190" y="77908"/>
                    <a:pt x="822527" y="38005"/>
                    <a:pt x="722057" y="16210"/>
                  </a:cubicBezTo>
                  <a:cubicBezTo>
                    <a:pt x="466006" y="-38855"/>
                    <a:pt x="151924" y="43954"/>
                    <a:pt x="38406" y="302548"/>
                  </a:cubicBezTo>
                  <a:cubicBezTo>
                    <a:pt x="15301" y="356839"/>
                    <a:pt x="2379" y="414918"/>
                    <a:pt x="284" y="473884"/>
                  </a:cubicBezTo>
                  <a:cubicBezTo>
                    <a:pt x="-2266" y="570068"/>
                    <a:pt x="13993" y="665823"/>
                    <a:pt x="48148" y="755774"/>
                  </a:cubicBezTo>
                  <a:cubicBezTo>
                    <a:pt x="63185" y="796861"/>
                    <a:pt x="84152" y="790719"/>
                    <a:pt x="125239" y="784153"/>
                  </a:cubicBezTo>
                  <a:cubicBezTo>
                    <a:pt x="170985" y="776317"/>
                    <a:pt x="215884" y="764881"/>
                    <a:pt x="260571" y="753021"/>
                  </a:cubicBezTo>
                  <a:cubicBezTo>
                    <a:pt x="384044" y="720405"/>
                    <a:pt x="1030421" y="517301"/>
                    <a:pt x="1195615" y="384933"/>
                  </a:cubicBezTo>
                  <a:cubicBezTo>
                    <a:pt x="1197309" y="383239"/>
                    <a:pt x="1199639" y="381544"/>
                    <a:pt x="1200063" y="379003"/>
                  </a:cubicBezTo>
                  <a:cubicBezTo>
                    <a:pt x="1200298" y="376322"/>
                    <a:pt x="1199461" y="373655"/>
                    <a:pt x="1197733" y="371591"/>
                  </a:cubicBezTo>
                  <a:close/>
                  <a:moveTo>
                    <a:pt x="928339" y="369049"/>
                  </a:moveTo>
                  <a:cubicBezTo>
                    <a:pt x="927936" y="370682"/>
                    <a:pt x="926858" y="372069"/>
                    <a:pt x="925374" y="372861"/>
                  </a:cubicBezTo>
                  <a:cubicBezTo>
                    <a:pt x="817997" y="459271"/>
                    <a:pt x="395904" y="591638"/>
                    <a:pt x="316272" y="612817"/>
                  </a:cubicBezTo>
                  <a:cubicBezTo>
                    <a:pt x="287257" y="620441"/>
                    <a:pt x="257818" y="628066"/>
                    <a:pt x="228380" y="633996"/>
                  </a:cubicBezTo>
                  <a:cubicBezTo>
                    <a:pt x="198941" y="639926"/>
                    <a:pt x="188140" y="642467"/>
                    <a:pt x="178398" y="615570"/>
                  </a:cubicBezTo>
                  <a:cubicBezTo>
                    <a:pt x="155746" y="556700"/>
                    <a:pt x="144880" y="493951"/>
                    <a:pt x="146418" y="430891"/>
                  </a:cubicBezTo>
                  <a:cubicBezTo>
                    <a:pt x="147712" y="392475"/>
                    <a:pt x="156113" y="354633"/>
                    <a:pt x="171197" y="319279"/>
                  </a:cubicBezTo>
                  <a:cubicBezTo>
                    <a:pt x="245111" y="149848"/>
                    <a:pt x="449698" y="96901"/>
                    <a:pt x="615951" y="132905"/>
                  </a:cubicBezTo>
                  <a:cubicBezTo>
                    <a:pt x="681453" y="147049"/>
                    <a:pt x="743823" y="173031"/>
                    <a:pt x="799995" y="209573"/>
                  </a:cubicBezTo>
                  <a:cubicBezTo>
                    <a:pt x="855471" y="248516"/>
                    <a:pt x="899027" y="302118"/>
                    <a:pt x="925797" y="364390"/>
                  </a:cubicBezTo>
                  <a:cubicBezTo>
                    <a:pt x="927417" y="365374"/>
                    <a:pt x="928387" y="367154"/>
                    <a:pt x="928339" y="369049"/>
                  </a:cubicBezTo>
                  <a:close/>
                </a:path>
              </a:pathLst>
            </a:custGeom>
            <a:solidFill>
              <a:srgbClr val="000000">
                <a:alpha val="15000"/>
              </a:srgbClr>
            </a:solidFill>
            <a:ln w="21168" cap="flat">
              <a:noFill/>
              <a:prstDash val="solid"/>
              <a:miter/>
            </a:ln>
          </p:spPr>
          <p:txBody>
            <a:bodyPr rtlCol="0" anchor="ctr"/>
            <a:lstStyle/>
            <a:p>
              <a:endParaRPr lang="en-US" sz="1500"/>
            </a:p>
          </p:txBody>
        </p:sp>
        <p:sp>
          <p:nvSpPr>
            <p:cNvPr id="96" name="Freeform: Shape 95">
              <a:extLst>
                <a:ext uri="{FF2B5EF4-FFF2-40B4-BE49-F238E27FC236}">
                  <a16:creationId xmlns:a16="http://schemas.microsoft.com/office/drawing/2014/main" id="{A97891EC-BD3C-4C43-B06C-C0CAD3D0C904}"/>
                </a:ext>
              </a:extLst>
            </p:cNvPr>
            <p:cNvSpPr/>
            <p:nvPr/>
          </p:nvSpPr>
          <p:spPr>
            <a:xfrm>
              <a:off x="316543" y="636211"/>
              <a:ext cx="1224434" cy="812842"/>
            </a:xfrm>
            <a:custGeom>
              <a:avLst/>
              <a:gdLst>
                <a:gd name="connsiteX0" fmla="*/ 99431 w 1224434"/>
                <a:gd name="connsiteY0" fmla="*/ 812849 h 812842"/>
                <a:gd name="connsiteX1" fmla="*/ 48814 w 1224434"/>
                <a:gd name="connsiteY1" fmla="*/ 771762 h 812842"/>
                <a:gd name="connsiteX2" fmla="*/ 314 w 1224434"/>
                <a:gd name="connsiteY2" fmla="*/ 485213 h 812842"/>
                <a:gd name="connsiteX3" fmla="*/ 39495 w 1224434"/>
                <a:gd name="connsiteY3" fmla="*/ 309852 h 812842"/>
                <a:gd name="connsiteX4" fmla="*/ 579131 w 1224434"/>
                <a:gd name="connsiteY4" fmla="*/ 6 h 812842"/>
                <a:gd name="connsiteX5" fmla="*/ 736065 w 1224434"/>
                <a:gd name="connsiteY5" fmla="*/ 16526 h 812842"/>
                <a:gd name="connsiteX6" fmla="*/ 1023885 w 1224434"/>
                <a:gd name="connsiteY6" fmla="*/ 135974 h 812842"/>
                <a:gd name="connsiteX7" fmla="*/ 1221272 w 1224434"/>
                <a:gd name="connsiteY7" fmla="*/ 378260 h 812842"/>
                <a:gd name="connsiteX8" fmla="*/ 1224237 w 1224434"/>
                <a:gd name="connsiteY8" fmla="*/ 393085 h 812842"/>
                <a:gd name="connsiteX9" fmla="*/ 1215553 w 1224434"/>
                <a:gd name="connsiteY9" fmla="*/ 406004 h 812842"/>
                <a:gd name="connsiteX10" fmla="*/ 275850 w 1224434"/>
                <a:gd name="connsiteY10" fmla="*/ 776633 h 812842"/>
                <a:gd name="connsiteX11" fmla="*/ 138612 w 1224434"/>
                <a:gd name="connsiteY11" fmla="*/ 807977 h 812842"/>
                <a:gd name="connsiteX12" fmla="*/ 132046 w 1224434"/>
                <a:gd name="connsiteY12" fmla="*/ 807977 h 812842"/>
                <a:gd name="connsiteX13" fmla="*/ 99431 w 1224434"/>
                <a:gd name="connsiteY13" fmla="*/ 811790 h 812842"/>
                <a:gd name="connsiteX14" fmla="*/ 528937 w 1224434"/>
                <a:gd name="connsiteY14" fmla="*/ 146352 h 812842"/>
                <a:gd name="connsiteX15" fmla="*/ 195159 w 1224434"/>
                <a:gd name="connsiteY15" fmla="*/ 336961 h 812842"/>
                <a:gd name="connsiteX16" fmla="*/ 171227 w 1224434"/>
                <a:gd name="connsiteY16" fmla="*/ 444337 h 812842"/>
                <a:gd name="connsiteX17" fmla="*/ 201724 w 1224434"/>
                <a:gd name="connsiteY17" fmla="*/ 622451 h 812842"/>
                <a:gd name="connsiteX18" fmla="*/ 215914 w 1224434"/>
                <a:gd name="connsiteY18" fmla="*/ 636217 h 812842"/>
                <a:gd name="connsiteX19" fmla="*/ 234128 w 1224434"/>
                <a:gd name="connsiteY19" fmla="*/ 633888 h 812842"/>
                <a:gd name="connsiteX20" fmla="*/ 238364 w 1224434"/>
                <a:gd name="connsiteY20" fmla="*/ 633888 h 812842"/>
                <a:gd name="connsiteX21" fmla="*/ 325409 w 1224434"/>
                <a:gd name="connsiteY21" fmla="*/ 613980 h 812842"/>
                <a:gd name="connsiteX22" fmla="*/ 926675 w 1224434"/>
                <a:gd name="connsiteY22" fmla="*/ 378895 h 812842"/>
                <a:gd name="connsiteX23" fmla="*/ 806803 w 1224434"/>
                <a:gd name="connsiteY23" fmla="*/ 232549 h 812842"/>
                <a:gd name="connsiteX24" fmla="*/ 626783 w 1224434"/>
                <a:gd name="connsiteY24" fmla="*/ 157365 h 812842"/>
                <a:gd name="connsiteX25" fmla="*/ 528937 w 1224434"/>
                <a:gd name="connsiteY25" fmla="*/ 146352 h 81284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Lst>
              <a:rect l="l" t="t" r="r" b="b"/>
              <a:pathLst>
                <a:path w="1224434" h="812842">
                  <a:moveTo>
                    <a:pt x="99431" y="812849"/>
                  </a:moveTo>
                  <a:cubicBezTo>
                    <a:pt x="74440" y="812849"/>
                    <a:pt x="59403" y="800565"/>
                    <a:pt x="48814" y="771762"/>
                  </a:cubicBezTo>
                  <a:cubicBezTo>
                    <a:pt x="14069" y="680335"/>
                    <a:pt x="-2408" y="582980"/>
                    <a:pt x="314" y="485213"/>
                  </a:cubicBezTo>
                  <a:cubicBezTo>
                    <a:pt x="2387" y="424836"/>
                    <a:pt x="15673" y="365370"/>
                    <a:pt x="39495" y="309852"/>
                  </a:cubicBezTo>
                  <a:cubicBezTo>
                    <a:pt x="139459" y="81333"/>
                    <a:pt x="384286" y="6"/>
                    <a:pt x="579131" y="6"/>
                  </a:cubicBezTo>
                  <a:cubicBezTo>
                    <a:pt x="631874" y="44"/>
                    <a:pt x="684470" y="5583"/>
                    <a:pt x="736065" y="16526"/>
                  </a:cubicBezTo>
                  <a:cubicBezTo>
                    <a:pt x="838518" y="38355"/>
                    <a:pt x="936082" y="78846"/>
                    <a:pt x="1023885" y="135974"/>
                  </a:cubicBezTo>
                  <a:cubicBezTo>
                    <a:pt x="1125755" y="202476"/>
                    <a:pt x="1182938" y="300322"/>
                    <a:pt x="1221272" y="378260"/>
                  </a:cubicBezTo>
                  <a:cubicBezTo>
                    <a:pt x="1223913" y="382722"/>
                    <a:pt x="1224957" y="387949"/>
                    <a:pt x="1224237" y="393085"/>
                  </a:cubicBezTo>
                  <a:cubicBezTo>
                    <a:pt x="1222894" y="398252"/>
                    <a:pt x="1219832" y="402808"/>
                    <a:pt x="1215553" y="406004"/>
                  </a:cubicBezTo>
                  <a:cubicBezTo>
                    <a:pt x="1046123" y="541548"/>
                    <a:pt x="401441" y="743594"/>
                    <a:pt x="275850" y="776633"/>
                  </a:cubicBezTo>
                  <a:cubicBezTo>
                    <a:pt x="229469" y="788493"/>
                    <a:pt x="184570" y="800141"/>
                    <a:pt x="138612" y="807977"/>
                  </a:cubicBezTo>
                  <a:lnTo>
                    <a:pt x="132046" y="807977"/>
                  </a:lnTo>
                  <a:cubicBezTo>
                    <a:pt x="121299" y="810148"/>
                    <a:pt x="110389" y="811423"/>
                    <a:pt x="99431" y="811790"/>
                  </a:cubicBezTo>
                  <a:close/>
                  <a:moveTo>
                    <a:pt x="528937" y="146352"/>
                  </a:moveTo>
                  <a:cubicBezTo>
                    <a:pt x="407794" y="146352"/>
                    <a:pt x="256578" y="196122"/>
                    <a:pt x="195159" y="336961"/>
                  </a:cubicBezTo>
                  <a:cubicBezTo>
                    <a:pt x="180596" y="370961"/>
                    <a:pt x="172481" y="407372"/>
                    <a:pt x="171227" y="444337"/>
                  </a:cubicBezTo>
                  <a:cubicBezTo>
                    <a:pt x="169786" y="505123"/>
                    <a:pt x="180143" y="565609"/>
                    <a:pt x="201724" y="622451"/>
                  </a:cubicBezTo>
                  <a:cubicBezTo>
                    <a:pt x="206596" y="636217"/>
                    <a:pt x="210831" y="636217"/>
                    <a:pt x="215914" y="636217"/>
                  </a:cubicBezTo>
                  <a:cubicBezTo>
                    <a:pt x="222037" y="635912"/>
                    <a:pt x="228126" y="635133"/>
                    <a:pt x="234128" y="633888"/>
                  </a:cubicBezTo>
                  <a:lnTo>
                    <a:pt x="238364" y="633888"/>
                  </a:lnTo>
                  <a:cubicBezTo>
                    <a:pt x="267379" y="629017"/>
                    <a:pt x="296817" y="621392"/>
                    <a:pt x="325409" y="613980"/>
                  </a:cubicBezTo>
                  <a:cubicBezTo>
                    <a:pt x="402499" y="593860"/>
                    <a:pt x="816121" y="463822"/>
                    <a:pt x="926675" y="378895"/>
                  </a:cubicBezTo>
                  <a:cubicBezTo>
                    <a:pt x="890882" y="307522"/>
                    <a:pt x="855090" y="263894"/>
                    <a:pt x="806803" y="232549"/>
                  </a:cubicBezTo>
                  <a:cubicBezTo>
                    <a:pt x="751911" y="196666"/>
                    <a:pt x="690891" y="171182"/>
                    <a:pt x="626783" y="157365"/>
                  </a:cubicBezTo>
                  <a:cubicBezTo>
                    <a:pt x="594644" y="150272"/>
                    <a:pt x="561849" y="146580"/>
                    <a:pt x="528937" y="146352"/>
                  </a:cubicBezTo>
                  <a:close/>
                </a:path>
              </a:pathLst>
            </a:custGeom>
            <a:solidFill>
              <a:srgbClr val="63D1E1"/>
            </a:solidFill>
            <a:ln w="21168" cap="flat">
              <a:noFill/>
              <a:prstDash val="solid"/>
              <a:miter/>
            </a:ln>
          </p:spPr>
          <p:txBody>
            <a:bodyPr rtlCol="0" anchor="ctr"/>
            <a:lstStyle/>
            <a:p>
              <a:endParaRPr lang="en-US" sz="1500"/>
            </a:p>
          </p:txBody>
        </p:sp>
        <p:sp>
          <p:nvSpPr>
            <p:cNvPr id="97" name="Freeform: Shape 96">
              <a:extLst>
                <a:ext uri="{FF2B5EF4-FFF2-40B4-BE49-F238E27FC236}">
                  <a16:creationId xmlns:a16="http://schemas.microsoft.com/office/drawing/2014/main" id="{C793EBD4-4951-4C6D-AAF6-D019A53D9FE8}"/>
                </a:ext>
              </a:extLst>
            </p:cNvPr>
            <p:cNvSpPr/>
            <p:nvPr/>
          </p:nvSpPr>
          <p:spPr>
            <a:xfrm>
              <a:off x="304495" y="624348"/>
              <a:ext cx="1247416" cy="836775"/>
            </a:xfrm>
            <a:custGeom>
              <a:avLst/>
              <a:gdLst>
                <a:gd name="connsiteX0" fmla="*/ 591179 w 1247416"/>
                <a:gd name="connsiteY0" fmla="*/ 23941 h 836777"/>
                <a:gd name="connsiteX1" fmla="*/ 745572 w 1247416"/>
                <a:gd name="connsiteY1" fmla="*/ 40249 h 836777"/>
                <a:gd name="connsiteX2" fmla="*/ 1027886 w 1247416"/>
                <a:gd name="connsiteY2" fmla="*/ 157791 h 836777"/>
                <a:gd name="connsiteX3" fmla="*/ 1221036 w 1247416"/>
                <a:gd name="connsiteY3" fmla="*/ 395417 h 836777"/>
                <a:gd name="connsiteX4" fmla="*/ 1222942 w 1247416"/>
                <a:gd name="connsiteY4" fmla="*/ 402830 h 836777"/>
                <a:gd name="connsiteX5" fmla="*/ 1218283 w 1247416"/>
                <a:gd name="connsiteY5" fmla="*/ 408760 h 836777"/>
                <a:gd name="connsiteX6" fmla="*/ 283875 w 1247416"/>
                <a:gd name="connsiteY6" fmla="*/ 776847 h 836777"/>
                <a:gd name="connsiteX7" fmla="*/ 148542 w 1247416"/>
                <a:gd name="connsiteY7" fmla="*/ 807980 h 836777"/>
                <a:gd name="connsiteX8" fmla="*/ 111479 w 1247416"/>
                <a:gd name="connsiteY8" fmla="*/ 812639 h 836777"/>
                <a:gd name="connsiteX9" fmla="*/ 72298 w 1247416"/>
                <a:gd name="connsiteY9" fmla="*/ 779601 h 836777"/>
                <a:gd name="connsiteX10" fmla="*/ 24434 w 1247416"/>
                <a:gd name="connsiteY10" fmla="*/ 497711 h 836777"/>
                <a:gd name="connsiteX11" fmla="*/ 61709 w 1247416"/>
                <a:gd name="connsiteY11" fmla="*/ 326374 h 836777"/>
                <a:gd name="connsiteX12" fmla="*/ 591179 w 1247416"/>
                <a:gd name="connsiteY12" fmla="*/ 23941 h 836777"/>
                <a:gd name="connsiteX13" fmla="*/ 227963 w 1247416"/>
                <a:gd name="connsiteY13" fmla="*/ 659940 h 836777"/>
                <a:gd name="connsiteX14" fmla="*/ 252318 w 1247416"/>
                <a:gd name="connsiteY14" fmla="*/ 656764 h 836777"/>
                <a:gd name="connsiteX15" fmla="*/ 340422 w 1247416"/>
                <a:gd name="connsiteY15" fmla="*/ 636644 h 836777"/>
                <a:gd name="connsiteX16" fmla="*/ 949524 w 1247416"/>
                <a:gd name="connsiteY16" fmla="*/ 396688 h 836777"/>
                <a:gd name="connsiteX17" fmla="*/ 952489 w 1247416"/>
                <a:gd name="connsiteY17" fmla="*/ 392876 h 836777"/>
                <a:gd name="connsiteX18" fmla="*/ 951430 w 1247416"/>
                <a:gd name="connsiteY18" fmla="*/ 388216 h 836777"/>
                <a:gd name="connsiteX19" fmla="*/ 825416 w 1247416"/>
                <a:gd name="connsiteY19" fmla="*/ 233399 h 836777"/>
                <a:gd name="connsiteX20" fmla="*/ 641373 w 1247416"/>
                <a:gd name="connsiteY20" fmla="*/ 156732 h 836777"/>
                <a:gd name="connsiteX21" fmla="*/ 540985 w 1247416"/>
                <a:gd name="connsiteY21" fmla="*/ 146143 h 836777"/>
                <a:gd name="connsiteX22" fmla="*/ 196194 w 1247416"/>
                <a:gd name="connsiteY22" fmla="*/ 343106 h 836777"/>
                <a:gd name="connsiteX23" fmla="*/ 171415 w 1247416"/>
                <a:gd name="connsiteY23" fmla="*/ 454718 h 836777"/>
                <a:gd name="connsiteX24" fmla="*/ 202548 w 1247416"/>
                <a:gd name="connsiteY24" fmla="*/ 638550 h 836777"/>
                <a:gd name="connsiteX25" fmla="*/ 227963 w 1247416"/>
                <a:gd name="connsiteY25" fmla="*/ 659729 h 836777"/>
                <a:gd name="connsiteX26" fmla="*/ 591179 w 1247416"/>
                <a:gd name="connsiteY26" fmla="*/ 9 h 836777"/>
                <a:gd name="connsiteX27" fmla="*/ 40530 w 1247416"/>
                <a:gd name="connsiteY27" fmla="*/ 317691 h 836777"/>
                <a:gd name="connsiteX28" fmla="*/ 291 w 1247416"/>
                <a:gd name="connsiteY28" fmla="*/ 497499 h 836777"/>
                <a:gd name="connsiteX29" fmla="*/ 49637 w 1247416"/>
                <a:gd name="connsiteY29" fmla="*/ 787860 h 836777"/>
                <a:gd name="connsiteX30" fmla="*/ 111479 w 1247416"/>
                <a:gd name="connsiteY30" fmla="*/ 836783 h 836777"/>
                <a:gd name="connsiteX31" fmla="*/ 146424 w 1247416"/>
                <a:gd name="connsiteY31" fmla="*/ 832759 h 836777"/>
                <a:gd name="connsiteX32" fmla="*/ 152778 w 1247416"/>
                <a:gd name="connsiteY32" fmla="*/ 831700 h 836777"/>
                <a:gd name="connsiteX33" fmla="*/ 290228 w 1247416"/>
                <a:gd name="connsiteY33" fmla="*/ 800144 h 836777"/>
                <a:gd name="connsiteX34" fmla="*/ 1234167 w 1247416"/>
                <a:gd name="connsiteY34" fmla="*/ 427397 h 836777"/>
                <a:gd name="connsiteX35" fmla="*/ 1247086 w 1247416"/>
                <a:gd name="connsiteY35" fmla="*/ 408336 h 836777"/>
                <a:gd name="connsiteX36" fmla="*/ 1247086 w 1247416"/>
                <a:gd name="connsiteY36" fmla="*/ 407065 h 836777"/>
                <a:gd name="connsiteX37" fmla="*/ 1243062 w 1247416"/>
                <a:gd name="connsiteY37" fmla="*/ 384404 h 836777"/>
                <a:gd name="connsiteX38" fmla="*/ 1041652 w 1247416"/>
                <a:gd name="connsiteY38" fmla="*/ 137671 h 836777"/>
                <a:gd name="connsiteX39" fmla="*/ 751291 w 1247416"/>
                <a:gd name="connsiteY39" fmla="*/ 16740 h 836777"/>
                <a:gd name="connsiteX40" fmla="*/ 591179 w 1247416"/>
                <a:gd name="connsiteY40" fmla="*/ 9 h 836777"/>
                <a:gd name="connsiteX41" fmla="*/ 226904 w 1247416"/>
                <a:gd name="connsiteY41" fmla="*/ 635373 h 836777"/>
                <a:gd name="connsiteX42" fmla="*/ 224362 w 1247416"/>
                <a:gd name="connsiteY42" fmla="*/ 629655 h 836777"/>
                <a:gd name="connsiteX43" fmla="*/ 194712 w 1247416"/>
                <a:gd name="connsiteY43" fmla="*/ 455141 h 836777"/>
                <a:gd name="connsiteX44" fmla="*/ 218220 w 1247416"/>
                <a:gd name="connsiteY44" fmla="*/ 352848 h 836777"/>
                <a:gd name="connsiteX45" fmla="*/ 540985 w 1247416"/>
                <a:gd name="connsiteY45" fmla="*/ 170075 h 836777"/>
                <a:gd name="connsiteX46" fmla="*/ 636290 w 1247416"/>
                <a:gd name="connsiteY46" fmla="*/ 180241 h 836777"/>
                <a:gd name="connsiteX47" fmla="*/ 812497 w 1247416"/>
                <a:gd name="connsiteY47" fmla="*/ 253519 h 836777"/>
                <a:gd name="connsiteX48" fmla="*/ 923474 w 1247416"/>
                <a:gd name="connsiteY48" fmla="*/ 386098 h 836777"/>
                <a:gd name="connsiteX49" fmla="*/ 334280 w 1247416"/>
                <a:gd name="connsiteY49" fmla="*/ 613559 h 836777"/>
                <a:gd name="connsiteX50" fmla="*/ 248294 w 1247416"/>
                <a:gd name="connsiteY50" fmla="*/ 633043 h 836777"/>
                <a:gd name="connsiteX51" fmla="*/ 244270 w 1247416"/>
                <a:gd name="connsiteY51" fmla="*/ 633043 h 836777"/>
                <a:gd name="connsiteX52" fmla="*/ 227963 w 1247416"/>
                <a:gd name="connsiteY52" fmla="*/ 635161 h 83677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Lst>
              <a:rect l="l" t="t" r="r" b="b"/>
              <a:pathLst>
                <a:path w="1247416" h="836777">
                  <a:moveTo>
                    <a:pt x="591179" y="23941"/>
                  </a:moveTo>
                  <a:cubicBezTo>
                    <a:pt x="643075" y="23899"/>
                    <a:pt x="694830" y="29365"/>
                    <a:pt x="745572" y="40249"/>
                  </a:cubicBezTo>
                  <a:cubicBezTo>
                    <a:pt x="846028" y="61980"/>
                    <a:pt x="941690" y="101809"/>
                    <a:pt x="1027886" y="157791"/>
                  </a:cubicBezTo>
                  <a:cubicBezTo>
                    <a:pt x="1118319" y="216880"/>
                    <a:pt x="1174231" y="300536"/>
                    <a:pt x="1221036" y="395417"/>
                  </a:cubicBezTo>
                  <a:cubicBezTo>
                    <a:pt x="1222474" y="397609"/>
                    <a:pt x="1223144" y="400216"/>
                    <a:pt x="1222942" y="402830"/>
                  </a:cubicBezTo>
                  <a:cubicBezTo>
                    <a:pt x="1222025" y="405231"/>
                    <a:pt x="1220401" y="407301"/>
                    <a:pt x="1218283" y="408760"/>
                  </a:cubicBezTo>
                  <a:cubicBezTo>
                    <a:pt x="1053936" y="541127"/>
                    <a:pt x="407559" y="744232"/>
                    <a:pt x="283875" y="776847"/>
                  </a:cubicBezTo>
                  <a:cubicBezTo>
                    <a:pt x="239399" y="788707"/>
                    <a:pt x="194288" y="800356"/>
                    <a:pt x="148542" y="807980"/>
                  </a:cubicBezTo>
                  <a:cubicBezTo>
                    <a:pt x="136312" y="810399"/>
                    <a:pt x="123927" y="811955"/>
                    <a:pt x="111479" y="812639"/>
                  </a:cubicBezTo>
                  <a:cubicBezTo>
                    <a:pt x="93689" y="812639"/>
                    <a:pt x="81829" y="805650"/>
                    <a:pt x="72298" y="779601"/>
                  </a:cubicBezTo>
                  <a:cubicBezTo>
                    <a:pt x="38043" y="689678"/>
                    <a:pt x="21780" y="593901"/>
                    <a:pt x="24434" y="497711"/>
                  </a:cubicBezTo>
                  <a:cubicBezTo>
                    <a:pt x="26179" y="438787"/>
                    <a:pt x="38816" y="380696"/>
                    <a:pt x="61709" y="326374"/>
                  </a:cubicBezTo>
                  <a:cubicBezTo>
                    <a:pt x="152990" y="118187"/>
                    <a:pt x="374520" y="23941"/>
                    <a:pt x="591179" y="23941"/>
                  </a:cubicBezTo>
                  <a:moveTo>
                    <a:pt x="227963" y="659940"/>
                  </a:moveTo>
                  <a:cubicBezTo>
                    <a:pt x="236153" y="659532"/>
                    <a:pt x="244297" y="658468"/>
                    <a:pt x="252318" y="656764"/>
                  </a:cubicBezTo>
                  <a:cubicBezTo>
                    <a:pt x="281969" y="651892"/>
                    <a:pt x="311195" y="644268"/>
                    <a:pt x="340422" y="636644"/>
                  </a:cubicBezTo>
                  <a:cubicBezTo>
                    <a:pt x="420901" y="615465"/>
                    <a:pt x="841936" y="483097"/>
                    <a:pt x="949524" y="396688"/>
                  </a:cubicBezTo>
                  <a:cubicBezTo>
                    <a:pt x="950947" y="395824"/>
                    <a:pt x="952002" y="394468"/>
                    <a:pt x="952489" y="392876"/>
                  </a:cubicBezTo>
                  <a:cubicBezTo>
                    <a:pt x="952644" y="391249"/>
                    <a:pt x="952273" y="389616"/>
                    <a:pt x="951430" y="388216"/>
                  </a:cubicBezTo>
                  <a:cubicBezTo>
                    <a:pt x="924508" y="325976"/>
                    <a:pt x="880894" y="272396"/>
                    <a:pt x="825416" y="233399"/>
                  </a:cubicBezTo>
                  <a:cubicBezTo>
                    <a:pt x="769229" y="196887"/>
                    <a:pt x="706864" y="170907"/>
                    <a:pt x="641373" y="156732"/>
                  </a:cubicBezTo>
                  <a:cubicBezTo>
                    <a:pt x="608378" y="149667"/>
                    <a:pt x="574727" y="146117"/>
                    <a:pt x="540985" y="146143"/>
                  </a:cubicBezTo>
                  <a:cubicBezTo>
                    <a:pt x="400570" y="146143"/>
                    <a:pt x="255707" y="207349"/>
                    <a:pt x="196194" y="343106"/>
                  </a:cubicBezTo>
                  <a:cubicBezTo>
                    <a:pt x="181031" y="378434"/>
                    <a:pt x="172626" y="416291"/>
                    <a:pt x="171415" y="454718"/>
                  </a:cubicBezTo>
                  <a:cubicBezTo>
                    <a:pt x="169642" y="517443"/>
                    <a:pt x="180221" y="579906"/>
                    <a:pt x="202548" y="638550"/>
                  </a:cubicBezTo>
                  <a:cubicBezTo>
                    <a:pt x="208690" y="655493"/>
                    <a:pt x="216314" y="659729"/>
                    <a:pt x="227963" y="659729"/>
                  </a:cubicBezTo>
                  <a:moveTo>
                    <a:pt x="591179" y="9"/>
                  </a:moveTo>
                  <a:cubicBezTo>
                    <a:pt x="391886" y="9"/>
                    <a:pt x="142188" y="83242"/>
                    <a:pt x="40530" y="317691"/>
                  </a:cubicBezTo>
                  <a:cubicBezTo>
                    <a:pt x="16146" y="374634"/>
                    <a:pt x="2504" y="435595"/>
                    <a:pt x="291" y="497499"/>
                  </a:cubicBezTo>
                  <a:cubicBezTo>
                    <a:pt x="-2331" y="596576"/>
                    <a:pt x="14431" y="695212"/>
                    <a:pt x="49637" y="787860"/>
                  </a:cubicBezTo>
                  <a:cubicBezTo>
                    <a:pt x="56414" y="816534"/>
                    <a:pt x="82015" y="836788"/>
                    <a:pt x="111479" y="836783"/>
                  </a:cubicBezTo>
                  <a:cubicBezTo>
                    <a:pt x="123216" y="836370"/>
                    <a:pt x="134901" y="835023"/>
                    <a:pt x="146424" y="832759"/>
                  </a:cubicBezTo>
                  <a:lnTo>
                    <a:pt x="152778" y="831700"/>
                  </a:lnTo>
                  <a:cubicBezTo>
                    <a:pt x="199371" y="823864"/>
                    <a:pt x="244270" y="812216"/>
                    <a:pt x="290228" y="800144"/>
                  </a:cubicBezTo>
                  <a:cubicBezTo>
                    <a:pt x="417301" y="766893"/>
                    <a:pt x="1064313" y="564000"/>
                    <a:pt x="1234167" y="427397"/>
                  </a:cubicBezTo>
                  <a:cubicBezTo>
                    <a:pt x="1240517" y="422698"/>
                    <a:pt x="1245072" y="415973"/>
                    <a:pt x="1247086" y="408336"/>
                  </a:cubicBezTo>
                  <a:lnTo>
                    <a:pt x="1247086" y="407065"/>
                  </a:lnTo>
                  <a:cubicBezTo>
                    <a:pt x="1248168" y="399276"/>
                    <a:pt x="1246760" y="391344"/>
                    <a:pt x="1243062" y="384404"/>
                  </a:cubicBezTo>
                  <a:cubicBezTo>
                    <a:pt x="1205364" y="305407"/>
                    <a:pt x="1146063" y="205867"/>
                    <a:pt x="1041652" y="137671"/>
                  </a:cubicBezTo>
                  <a:cubicBezTo>
                    <a:pt x="953046" y="79995"/>
                    <a:pt x="854641" y="39012"/>
                    <a:pt x="751291" y="16740"/>
                  </a:cubicBezTo>
                  <a:cubicBezTo>
                    <a:pt x="698670" y="5473"/>
                    <a:pt x="644994" y="-135"/>
                    <a:pt x="591179" y="9"/>
                  </a:cubicBezTo>
                  <a:close/>
                  <a:moveTo>
                    <a:pt x="226904" y="635373"/>
                  </a:moveTo>
                  <a:cubicBezTo>
                    <a:pt x="226904" y="634314"/>
                    <a:pt x="225421" y="632620"/>
                    <a:pt x="224362" y="629655"/>
                  </a:cubicBezTo>
                  <a:cubicBezTo>
                    <a:pt x="203258" y="573957"/>
                    <a:pt x="193188" y="514686"/>
                    <a:pt x="194712" y="455141"/>
                  </a:cubicBezTo>
                  <a:cubicBezTo>
                    <a:pt x="196120" y="419879"/>
                    <a:pt x="204092" y="385188"/>
                    <a:pt x="218220" y="352848"/>
                  </a:cubicBezTo>
                  <a:cubicBezTo>
                    <a:pt x="277309" y="218151"/>
                    <a:pt x="423655" y="170075"/>
                    <a:pt x="540985" y="170075"/>
                  </a:cubicBezTo>
                  <a:cubicBezTo>
                    <a:pt x="573027" y="170020"/>
                    <a:pt x="604981" y="173429"/>
                    <a:pt x="636290" y="180241"/>
                  </a:cubicBezTo>
                  <a:cubicBezTo>
                    <a:pt x="698979" y="193793"/>
                    <a:pt x="758684" y="218623"/>
                    <a:pt x="812497" y="253519"/>
                  </a:cubicBezTo>
                  <a:cubicBezTo>
                    <a:pt x="860793" y="286869"/>
                    <a:pt x="899146" y="332688"/>
                    <a:pt x="923474" y="386098"/>
                  </a:cubicBezTo>
                  <a:cubicBezTo>
                    <a:pt x="802543" y="470814"/>
                    <a:pt x="409253" y="593651"/>
                    <a:pt x="334280" y="613559"/>
                  </a:cubicBezTo>
                  <a:cubicBezTo>
                    <a:pt x="306112" y="620760"/>
                    <a:pt x="277097" y="628384"/>
                    <a:pt x="248294" y="633043"/>
                  </a:cubicBezTo>
                  <a:lnTo>
                    <a:pt x="244270" y="633043"/>
                  </a:lnTo>
                  <a:cubicBezTo>
                    <a:pt x="238882" y="634073"/>
                    <a:pt x="233436" y="634780"/>
                    <a:pt x="227963" y="635161"/>
                  </a:cubicBezTo>
                  <a:close/>
                </a:path>
              </a:pathLst>
            </a:custGeom>
            <a:solidFill>
              <a:srgbClr val="190B0B"/>
            </a:solidFill>
            <a:ln w="21168" cap="flat">
              <a:noFill/>
              <a:prstDash val="solid"/>
              <a:miter/>
            </a:ln>
          </p:spPr>
          <p:txBody>
            <a:bodyPr rtlCol="0" anchor="ctr"/>
            <a:lstStyle/>
            <a:p>
              <a:endParaRPr lang="en-US" sz="1500"/>
            </a:p>
          </p:txBody>
        </p:sp>
        <p:sp>
          <p:nvSpPr>
            <p:cNvPr id="98" name="Freeform: Shape 97">
              <a:extLst>
                <a:ext uri="{FF2B5EF4-FFF2-40B4-BE49-F238E27FC236}">
                  <a16:creationId xmlns:a16="http://schemas.microsoft.com/office/drawing/2014/main" id="{B6621533-D039-4DEE-8CF3-0BD0D5ED5CFE}"/>
                </a:ext>
              </a:extLst>
            </p:cNvPr>
            <p:cNvSpPr/>
            <p:nvPr/>
          </p:nvSpPr>
          <p:spPr>
            <a:xfrm>
              <a:off x="440365" y="660990"/>
              <a:ext cx="1087718" cy="773186"/>
            </a:xfrm>
            <a:custGeom>
              <a:avLst/>
              <a:gdLst>
                <a:gd name="connsiteX0" fmla="*/ 1085802 w 1087718"/>
                <a:gd name="connsiteY0" fmla="*/ 358775 h 773186"/>
                <a:gd name="connsiteX1" fmla="*/ 892651 w 1087718"/>
                <a:gd name="connsiteY1" fmla="*/ 121149 h 773186"/>
                <a:gd name="connsiteX2" fmla="*/ 610338 w 1087718"/>
                <a:gd name="connsiteY2" fmla="*/ 3607 h 773186"/>
                <a:gd name="connsiteX3" fmla="*/ 592971 w 1087718"/>
                <a:gd name="connsiteY3" fmla="*/ 6 h 773186"/>
                <a:gd name="connsiteX4" fmla="*/ 808571 w 1087718"/>
                <a:gd name="connsiteY4" fmla="*/ 100606 h 773186"/>
                <a:gd name="connsiteX5" fmla="*/ 1001934 w 1087718"/>
                <a:gd name="connsiteY5" fmla="*/ 338020 h 773186"/>
                <a:gd name="connsiteX6" fmla="*/ 1003840 w 1087718"/>
                <a:gd name="connsiteY6" fmla="*/ 345432 h 773186"/>
                <a:gd name="connsiteX7" fmla="*/ 999181 w 1087718"/>
                <a:gd name="connsiteY7" fmla="*/ 351574 h 773186"/>
                <a:gd name="connsiteX8" fmla="*/ 72820 w 1087718"/>
                <a:gd name="connsiteY8" fmla="*/ 756301 h 773186"/>
                <a:gd name="connsiteX9" fmla="*/ 12672 w 1087718"/>
                <a:gd name="connsiteY9" fmla="*/ 771338 h 773186"/>
                <a:gd name="connsiteX10" fmla="*/ 148005 w 1087718"/>
                <a:gd name="connsiteY10" fmla="*/ 740205 h 773186"/>
                <a:gd name="connsiteX11" fmla="*/ 1083049 w 1087718"/>
                <a:gd name="connsiteY11" fmla="*/ 372118 h 773186"/>
                <a:gd name="connsiteX12" fmla="*/ 1087708 w 1087718"/>
                <a:gd name="connsiteY12" fmla="*/ 366188 h 773186"/>
                <a:gd name="connsiteX13" fmla="*/ 1085802 w 1087718"/>
                <a:gd name="connsiteY13" fmla="*/ 358775 h 77318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087718" h="773186">
                  <a:moveTo>
                    <a:pt x="1085802" y="358775"/>
                  </a:moveTo>
                  <a:cubicBezTo>
                    <a:pt x="1038997" y="263894"/>
                    <a:pt x="983085" y="180238"/>
                    <a:pt x="892651" y="121149"/>
                  </a:cubicBezTo>
                  <a:cubicBezTo>
                    <a:pt x="806456" y="65167"/>
                    <a:pt x="710793" y="25338"/>
                    <a:pt x="610338" y="3607"/>
                  </a:cubicBezTo>
                  <a:lnTo>
                    <a:pt x="592971" y="6"/>
                  </a:lnTo>
                  <a:cubicBezTo>
                    <a:pt x="669192" y="23286"/>
                    <a:pt x="741765" y="57149"/>
                    <a:pt x="808571" y="100606"/>
                  </a:cubicBezTo>
                  <a:cubicBezTo>
                    <a:pt x="900064" y="159483"/>
                    <a:pt x="955129" y="243139"/>
                    <a:pt x="1001934" y="338020"/>
                  </a:cubicBezTo>
                  <a:cubicBezTo>
                    <a:pt x="1003342" y="340225"/>
                    <a:pt x="1004009" y="342821"/>
                    <a:pt x="1003840" y="345432"/>
                  </a:cubicBezTo>
                  <a:cubicBezTo>
                    <a:pt x="1002914" y="347887"/>
                    <a:pt x="1001296" y="350022"/>
                    <a:pt x="999181" y="351574"/>
                  </a:cubicBezTo>
                  <a:cubicBezTo>
                    <a:pt x="833986" y="483942"/>
                    <a:pt x="196504" y="723898"/>
                    <a:pt x="72820" y="756301"/>
                  </a:cubicBezTo>
                  <a:cubicBezTo>
                    <a:pt x="31521" y="767314"/>
                    <a:pt x="-25661" y="777480"/>
                    <a:pt x="12672" y="771338"/>
                  </a:cubicBezTo>
                  <a:cubicBezTo>
                    <a:pt x="58419" y="763714"/>
                    <a:pt x="103529" y="752065"/>
                    <a:pt x="148005" y="740205"/>
                  </a:cubicBezTo>
                  <a:cubicBezTo>
                    <a:pt x="271689" y="707590"/>
                    <a:pt x="918066" y="504485"/>
                    <a:pt x="1083049" y="372118"/>
                  </a:cubicBezTo>
                  <a:cubicBezTo>
                    <a:pt x="1085167" y="370659"/>
                    <a:pt x="1086791" y="368589"/>
                    <a:pt x="1087708" y="366188"/>
                  </a:cubicBezTo>
                  <a:cubicBezTo>
                    <a:pt x="1087909" y="363574"/>
                    <a:pt x="1087240" y="360967"/>
                    <a:pt x="1085802" y="358775"/>
                  </a:cubicBezTo>
                  <a:close/>
                </a:path>
              </a:pathLst>
            </a:custGeom>
            <a:solidFill>
              <a:srgbClr val="1EBAC6"/>
            </a:solidFill>
            <a:ln w="21168" cap="flat">
              <a:noFill/>
              <a:prstDash val="solid"/>
              <a:miter/>
            </a:ln>
          </p:spPr>
          <p:txBody>
            <a:bodyPr rtlCol="0" anchor="ctr"/>
            <a:lstStyle/>
            <a:p>
              <a:endParaRPr lang="en-US" sz="1500"/>
            </a:p>
          </p:txBody>
        </p:sp>
        <p:sp>
          <p:nvSpPr>
            <p:cNvPr id="99" name="Freeform: Shape 98">
              <a:extLst>
                <a:ext uri="{FF2B5EF4-FFF2-40B4-BE49-F238E27FC236}">
                  <a16:creationId xmlns:a16="http://schemas.microsoft.com/office/drawing/2014/main" id="{D7AA4EE6-A230-4F9B-88D4-8CC6CD1E1FB3}"/>
                </a:ext>
              </a:extLst>
            </p:cNvPr>
            <p:cNvSpPr/>
            <p:nvPr/>
          </p:nvSpPr>
          <p:spPr>
            <a:xfrm>
              <a:off x="377405" y="1014887"/>
              <a:ext cx="1176270" cy="494524"/>
            </a:xfrm>
            <a:custGeom>
              <a:avLst/>
              <a:gdLst>
                <a:gd name="connsiteX0" fmla="*/ 1155116 w 1176270"/>
                <a:gd name="connsiteY0" fmla="*/ 6 h 494524"/>
                <a:gd name="connsiteX1" fmla="*/ 1176295 w 1176270"/>
                <a:gd name="connsiteY1" fmla="*/ 84721 h 494524"/>
                <a:gd name="connsiteX2" fmla="*/ 1159140 w 1176270"/>
                <a:gd name="connsiteY2" fmla="*/ 100182 h 494524"/>
                <a:gd name="connsiteX3" fmla="*/ 1086285 w 1176270"/>
                <a:gd name="connsiteY3" fmla="*/ 139151 h 494524"/>
                <a:gd name="connsiteX4" fmla="*/ 163313 w 1176270"/>
                <a:gd name="connsiteY4" fmla="*/ 483730 h 494524"/>
                <a:gd name="connsiteX5" fmla="*/ 113966 w 1176270"/>
                <a:gd name="connsiteY5" fmla="*/ 494531 h 494524"/>
                <a:gd name="connsiteX6" fmla="*/ 24 w 1176270"/>
                <a:gd name="connsiteY6" fmla="*/ 409816 h 4945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176270" h="494524">
                  <a:moveTo>
                    <a:pt x="1155116" y="6"/>
                  </a:moveTo>
                  <a:cubicBezTo>
                    <a:pt x="1166982" y="26821"/>
                    <a:pt x="1174147" y="55478"/>
                    <a:pt x="1176295" y="84721"/>
                  </a:cubicBezTo>
                  <a:cubicBezTo>
                    <a:pt x="1172607" y="91759"/>
                    <a:pt x="1166521" y="97244"/>
                    <a:pt x="1159140" y="100182"/>
                  </a:cubicBezTo>
                  <a:cubicBezTo>
                    <a:pt x="1134996" y="113313"/>
                    <a:pt x="1110852" y="126444"/>
                    <a:pt x="1086285" y="139151"/>
                  </a:cubicBezTo>
                  <a:cubicBezTo>
                    <a:pt x="794653" y="291426"/>
                    <a:pt x="475912" y="382495"/>
                    <a:pt x="163313" y="483730"/>
                  </a:cubicBezTo>
                  <a:cubicBezTo>
                    <a:pt x="147513" y="489832"/>
                    <a:pt x="130871" y="493474"/>
                    <a:pt x="113966" y="494531"/>
                  </a:cubicBezTo>
                  <a:cubicBezTo>
                    <a:pt x="62521" y="491456"/>
                    <a:pt x="17785" y="458197"/>
                    <a:pt x="24" y="409816"/>
                  </a:cubicBezTo>
                </a:path>
              </a:pathLst>
            </a:custGeom>
            <a:noFill/>
            <a:ln w="24132" cap="flat">
              <a:solidFill>
                <a:srgbClr val="190B0B"/>
              </a:solidFill>
              <a:prstDash val="solid"/>
              <a:miter/>
            </a:ln>
          </p:spPr>
          <p:txBody>
            <a:bodyPr rtlCol="0" anchor="ctr"/>
            <a:lstStyle/>
            <a:p>
              <a:endParaRPr lang="en-US" sz="1500"/>
            </a:p>
          </p:txBody>
        </p:sp>
        <p:sp>
          <p:nvSpPr>
            <p:cNvPr id="100" name="Freeform: Shape 99">
              <a:extLst>
                <a:ext uri="{FF2B5EF4-FFF2-40B4-BE49-F238E27FC236}">
                  <a16:creationId xmlns:a16="http://schemas.microsoft.com/office/drawing/2014/main" id="{90FC6C03-6194-4097-9DEC-20C67F4E7CEB}"/>
                </a:ext>
              </a:extLst>
            </p:cNvPr>
            <p:cNvSpPr/>
            <p:nvPr/>
          </p:nvSpPr>
          <p:spPr>
            <a:xfrm>
              <a:off x="519726" y="1437193"/>
              <a:ext cx="23720" cy="49981"/>
            </a:xfrm>
            <a:custGeom>
              <a:avLst/>
              <a:gdLst>
                <a:gd name="connsiteX0" fmla="*/ 24 w 23720"/>
                <a:gd name="connsiteY0" fmla="*/ 6 h 49981"/>
                <a:gd name="connsiteX1" fmla="*/ 23745 w 23720"/>
                <a:gd name="connsiteY1" fmla="*/ 49988 h 49981"/>
              </a:gdLst>
              <a:ahLst/>
              <a:cxnLst>
                <a:cxn ang="0">
                  <a:pos x="connsiteX0" y="connsiteY0"/>
                </a:cxn>
                <a:cxn ang="0">
                  <a:pos x="connsiteX1" y="connsiteY1"/>
                </a:cxn>
              </a:cxnLst>
              <a:rect l="l" t="t" r="r" b="b"/>
              <a:pathLst>
                <a:path w="23720" h="49981">
                  <a:moveTo>
                    <a:pt x="24" y="6"/>
                  </a:moveTo>
                  <a:cubicBezTo>
                    <a:pt x="7437" y="16949"/>
                    <a:pt x="15273" y="33681"/>
                    <a:pt x="23745" y="49988"/>
                  </a:cubicBezTo>
                </a:path>
              </a:pathLst>
            </a:custGeom>
            <a:noFill/>
            <a:ln w="24132" cap="rnd">
              <a:solidFill>
                <a:srgbClr val="190B0B"/>
              </a:solidFill>
              <a:prstDash val="solid"/>
              <a:miter/>
            </a:ln>
          </p:spPr>
          <p:txBody>
            <a:bodyPr rtlCol="0" anchor="ctr"/>
            <a:lstStyle/>
            <a:p>
              <a:endParaRPr lang="en-US" sz="1500"/>
            </a:p>
          </p:txBody>
        </p:sp>
        <p:sp>
          <p:nvSpPr>
            <p:cNvPr id="101" name="Freeform: Shape 100">
              <a:extLst>
                <a:ext uri="{FF2B5EF4-FFF2-40B4-BE49-F238E27FC236}">
                  <a16:creationId xmlns:a16="http://schemas.microsoft.com/office/drawing/2014/main" id="{235E3FA6-2BAE-4860-B173-E9AF34BCA89B}"/>
                </a:ext>
              </a:extLst>
            </p:cNvPr>
            <p:cNvSpPr/>
            <p:nvPr/>
          </p:nvSpPr>
          <p:spPr>
            <a:xfrm>
              <a:off x="606136" y="1412625"/>
              <a:ext cx="23720" cy="49981"/>
            </a:xfrm>
            <a:custGeom>
              <a:avLst/>
              <a:gdLst>
                <a:gd name="connsiteX0" fmla="*/ 24 w 23720"/>
                <a:gd name="connsiteY0" fmla="*/ 6 h 49981"/>
                <a:gd name="connsiteX1" fmla="*/ 23745 w 23720"/>
                <a:gd name="connsiteY1" fmla="*/ 49988 h 49981"/>
              </a:gdLst>
              <a:ahLst/>
              <a:cxnLst>
                <a:cxn ang="0">
                  <a:pos x="connsiteX0" y="connsiteY0"/>
                </a:cxn>
                <a:cxn ang="0">
                  <a:pos x="connsiteX1" y="connsiteY1"/>
                </a:cxn>
              </a:cxnLst>
              <a:rect l="l" t="t" r="r" b="b"/>
              <a:pathLst>
                <a:path w="23720" h="49981">
                  <a:moveTo>
                    <a:pt x="24" y="6"/>
                  </a:moveTo>
                  <a:cubicBezTo>
                    <a:pt x="7225" y="16949"/>
                    <a:pt x="15273" y="33681"/>
                    <a:pt x="23745" y="49988"/>
                  </a:cubicBezTo>
                </a:path>
              </a:pathLst>
            </a:custGeom>
            <a:noFill/>
            <a:ln w="24132" cap="rnd">
              <a:solidFill>
                <a:srgbClr val="190B0B"/>
              </a:solidFill>
              <a:prstDash val="solid"/>
              <a:miter/>
            </a:ln>
          </p:spPr>
          <p:txBody>
            <a:bodyPr rtlCol="0" anchor="ctr"/>
            <a:lstStyle/>
            <a:p>
              <a:endParaRPr lang="en-US" sz="1500"/>
            </a:p>
          </p:txBody>
        </p:sp>
        <p:sp>
          <p:nvSpPr>
            <p:cNvPr id="102" name="Freeform: Shape 101">
              <a:extLst>
                <a:ext uri="{FF2B5EF4-FFF2-40B4-BE49-F238E27FC236}">
                  <a16:creationId xmlns:a16="http://schemas.microsoft.com/office/drawing/2014/main" id="{34CB5FD0-3794-4CA1-B7A4-FA813CDE9D60}"/>
                </a:ext>
              </a:extLst>
            </p:cNvPr>
            <p:cNvSpPr/>
            <p:nvPr/>
          </p:nvSpPr>
          <p:spPr>
            <a:xfrm>
              <a:off x="694239" y="1387634"/>
              <a:ext cx="23932" cy="50193"/>
            </a:xfrm>
            <a:custGeom>
              <a:avLst/>
              <a:gdLst>
                <a:gd name="connsiteX0" fmla="*/ 24 w 23932"/>
                <a:gd name="connsiteY0" fmla="*/ 6 h 50193"/>
                <a:gd name="connsiteX1" fmla="*/ 23956 w 23932"/>
                <a:gd name="connsiteY1" fmla="*/ 50200 h 50193"/>
              </a:gdLst>
              <a:ahLst/>
              <a:cxnLst>
                <a:cxn ang="0">
                  <a:pos x="connsiteX0" y="connsiteY0"/>
                </a:cxn>
                <a:cxn ang="0">
                  <a:pos x="connsiteX1" y="connsiteY1"/>
                </a:cxn>
              </a:cxnLst>
              <a:rect l="l" t="t" r="r" b="b"/>
              <a:pathLst>
                <a:path w="23932" h="50193">
                  <a:moveTo>
                    <a:pt x="24" y="6"/>
                  </a:moveTo>
                  <a:cubicBezTo>
                    <a:pt x="7437" y="16949"/>
                    <a:pt x="15485" y="33681"/>
                    <a:pt x="23956" y="50200"/>
                  </a:cubicBezTo>
                </a:path>
              </a:pathLst>
            </a:custGeom>
            <a:noFill/>
            <a:ln w="24132" cap="rnd">
              <a:solidFill>
                <a:srgbClr val="190B0B"/>
              </a:solidFill>
              <a:prstDash val="solid"/>
              <a:miter/>
            </a:ln>
          </p:spPr>
          <p:txBody>
            <a:bodyPr rtlCol="0" anchor="ctr"/>
            <a:lstStyle/>
            <a:p>
              <a:endParaRPr lang="en-US" sz="1500"/>
            </a:p>
          </p:txBody>
        </p:sp>
        <p:sp>
          <p:nvSpPr>
            <p:cNvPr id="103" name="Freeform: Shape 102">
              <a:extLst>
                <a:ext uri="{FF2B5EF4-FFF2-40B4-BE49-F238E27FC236}">
                  <a16:creationId xmlns:a16="http://schemas.microsoft.com/office/drawing/2014/main" id="{3F88E191-4D21-4141-8395-8A37D3D16E9D}"/>
                </a:ext>
              </a:extLst>
            </p:cNvPr>
            <p:cNvSpPr/>
            <p:nvPr/>
          </p:nvSpPr>
          <p:spPr>
            <a:xfrm>
              <a:off x="778743" y="1359678"/>
              <a:ext cx="23720" cy="49981"/>
            </a:xfrm>
            <a:custGeom>
              <a:avLst/>
              <a:gdLst>
                <a:gd name="connsiteX0" fmla="*/ 24 w 23720"/>
                <a:gd name="connsiteY0" fmla="*/ 6 h 49981"/>
                <a:gd name="connsiteX1" fmla="*/ 23745 w 23720"/>
                <a:gd name="connsiteY1" fmla="*/ 49988 h 49981"/>
              </a:gdLst>
              <a:ahLst/>
              <a:cxnLst>
                <a:cxn ang="0">
                  <a:pos x="connsiteX0" y="connsiteY0"/>
                </a:cxn>
                <a:cxn ang="0">
                  <a:pos x="connsiteX1" y="connsiteY1"/>
                </a:cxn>
              </a:cxnLst>
              <a:rect l="l" t="t" r="r" b="b"/>
              <a:pathLst>
                <a:path w="23720" h="49981">
                  <a:moveTo>
                    <a:pt x="24" y="6"/>
                  </a:moveTo>
                  <a:cubicBezTo>
                    <a:pt x="7437" y="16949"/>
                    <a:pt x="15273" y="33681"/>
                    <a:pt x="23745" y="49988"/>
                  </a:cubicBezTo>
                </a:path>
              </a:pathLst>
            </a:custGeom>
            <a:noFill/>
            <a:ln w="24132" cap="rnd">
              <a:solidFill>
                <a:srgbClr val="190B0B"/>
              </a:solidFill>
              <a:prstDash val="solid"/>
              <a:miter/>
            </a:ln>
          </p:spPr>
          <p:txBody>
            <a:bodyPr rtlCol="0" anchor="ctr"/>
            <a:lstStyle/>
            <a:p>
              <a:endParaRPr lang="en-US" sz="1500"/>
            </a:p>
          </p:txBody>
        </p:sp>
        <p:sp>
          <p:nvSpPr>
            <p:cNvPr id="104" name="Freeform: Shape 103">
              <a:extLst>
                <a:ext uri="{FF2B5EF4-FFF2-40B4-BE49-F238E27FC236}">
                  <a16:creationId xmlns:a16="http://schemas.microsoft.com/office/drawing/2014/main" id="{7476370A-291B-4F86-9938-C78ABC64B699}"/>
                </a:ext>
              </a:extLst>
            </p:cNvPr>
            <p:cNvSpPr/>
            <p:nvPr/>
          </p:nvSpPr>
          <p:spPr>
            <a:xfrm>
              <a:off x="863246" y="1332146"/>
              <a:ext cx="23932" cy="50193"/>
            </a:xfrm>
            <a:custGeom>
              <a:avLst/>
              <a:gdLst>
                <a:gd name="connsiteX0" fmla="*/ 24 w 23932"/>
                <a:gd name="connsiteY0" fmla="*/ 6 h 50193"/>
                <a:gd name="connsiteX1" fmla="*/ 23956 w 23932"/>
                <a:gd name="connsiteY1" fmla="*/ 50200 h 50193"/>
              </a:gdLst>
              <a:ahLst/>
              <a:cxnLst>
                <a:cxn ang="0">
                  <a:pos x="connsiteX0" y="connsiteY0"/>
                </a:cxn>
                <a:cxn ang="0">
                  <a:pos x="connsiteX1" y="connsiteY1"/>
                </a:cxn>
              </a:cxnLst>
              <a:rect l="l" t="t" r="r" b="b"/>
              <a:pathLst>
                <a:path w="23932" h="50193">
                  <a:moveTo>
                    <a:pt x="24" y="6"/>
                  </a:moveTo>
                  <a:cubicBezTo>
                    <a:pt x="7437" y="16949"/>
                    <a:pt x="15273" y="33681"/>
                    <a:pt x="23956" y="50200"/>
                  </a:cubicBezTo>
                </a:path>
              </a:pathLst>
            </a:custGeom>
            <a:noFill/>
            <a:ln w="24132" cap="rnd">
              <a:solidFill>
                <a:srgbClr val="190B0B"/>
              </a:solidFill>
              <a:prstDash val="solid"/>
              <a:miter/>
            </a:ln>
          </p:spPr>
          <p:txBody>
            <a:bodyPr rtlCol="0" anchor="ctr"/>
            <a:lstStyle/>
            <a:p>
              <a:endParaRPr lang="en-US" sz="1500"/>
            </a:p>
          </p:txBody>
        </p:sp>
        <p:sp>
          <p:nvSpPr>
            <p:cNvPr id="105" name="Freeform: Shape 104">
              <a:extLst>
                <a:ext uri="{FF2B5EF4-FFF2-40B4-BE49-F238E27FC236}">
                  <a16:creationId xmlns:a16="http://schemas.microsoft.com/office/drawing/2014/main" id="{B61D9881-E26F-4765-A7A6-8F44F1515B47}"/>
                </a:ext>
              </a:extLst>
            </p:cNvPr>
            <p:cNvSpPr/>
            <p:nvPr/>
          </p:nvSpPr>
          <p:spPr>
            <a:xfrm>
              <a:off x="950503" y="1301648"/>
              <a:ext cx="23720" cy="50193"/>
            </a:xfrm>
            <a:custGeom>
              <a:avLst/>
              <a:gdLst>
                <a:gd name="connsiteX0" fmla="*/ 24 w 23720"/>
                <a:gd name="connsiteY0" fmla="*/ 6 h 50193"/>
                <a:gd name="connsiteX1" fmla="*/ 23745 w 23720"/>
                <a:gd name="connsiteY1" fmla="*/ 50200 h 50193"/>
              </a:gdLst>
              <a:ahLst/>
              <a:cxnLst>
                <a:cxn ang="0">
                  <a:pos x="connsiteX0" y="connsiteY0"/>
                </a:cxn>
                <a:cxn ang="0">
                  <a:pos x="connsiteX1" y="connsiteY1"/>
                </a:cxn>
              </a:cxnLst>
              <a:rect l="l" t="t" r="r" b="b"/>
              <a:pathLst>
                <a:path w="23720" h="50193">
                  <a:moveTo>
                    <a:pt x="24" y="6"/>
                  </a:moveTo>
                  <a:cubicBezTo>
                    <a:pt x="7437" y="16949"/>
                    <a:pt x="15273" y="33681"/>
                    <a:pt x="23745" y="50200"/>
                  </a:cubicBezTo>
                </a:path>
              </a:pathLst>
            </a:custGeom>
            <a:noFill/>
            <a:ln w="24132" cap="rnd">
              <a:solidFill>
                <a:srgbClr val="190B0B"/>
              </a:solidFill>
              <a:prstDash val="solid"/>
              <a:miter/>
            </a:ln>
          </p:spPr>
          <p:txBody>
            <a:bodyPr rtlCol="0" anchor="ctr"/>
            <a:lstStyle/>
            <a:p>
              <a:endParaRPr lang="en-US" sz="1500"/>
            </a:p>
          </p:txBody>
        </p:sp>
        <p:sp>
          <p:nvSpPr>
            <p:cNvPr id="106" name="Freeform: Shape 105">
              <a:extLst>
                <a:ext uri="{FF2B5EF4-FFF2-40B4-BE49-F238E27FC236}">
                  <a16:creationId xmlns:a16="http://schemas.microsoft.com/office/drawing/2014/main" id="{10CE2CF5-D7F0-4A4B-9E15-451BFA23E974}"/>
                </a:ext>
              </a:extLst>
            </p:cNvPr>
            <p:cNvSpPr/>
            <p:nvPr/>
          </p:nvSpPr>
          <p:spPr>
            <a:xfrm>
              <a:off x="1030347" y="1269880"/>
              <a:ext cx="23932" cy="50193"/>
            </a:xfrm>
            <a:custGeom>
              <a:avLst/>
              <a:gdLst>
                <a:gd name="connsiteX0" fmla="*/ 24 w 23932"/>
                <a:gd name="connsiteY0" fmla="*/ 6 h 50193"/>
                <a:gd name="connsiteX1" fmla="*/ 23956 w 23932"/>
                <a:gd name="connsiteY1" fmla="*/ 50200 h 50193"/>
              </a:gdLst>
              <a:ahLst/>
              <a:cxnLst>
                <a:cxn ang="0">
                  <a:pos x="connsiteX0" y="connsiteY0"/>
                </a:cxn>
                <a:cxn ang="0">
                  <a:pos x="connsiteX1" y="connsiteY1"/>
                </a:cxn>
              </a:cxnLst>
              <a:rect l="l" t="t" r="r" b="b"/>
              <a:pathLst>
                <a:path w="23932" h="50193">
                  <a:moveTo>
                    <a:pt x="24" y="6"/>
                  </a:moveTo>
                  <a:cubicBezTo>
                    <a:pt x="7437" y="17161"/>
                    <a:pt x="15273" y="33681"/>
                    <a:pt x="23956" y="50200"/>
                  </a:cubicBezTo>
                </a:path>
              </a:pathLst>
            </a:custGeom>
            <a:noFill/>
            <a:ln w="24132" cap="rnd">
              <a:solidFill>
                <a:srgbClr val="190B0B"/>
              </a:solidFill>
              <a:prstDash val="solid"/>
              <a:miter/>
            </a:ln>
          </p:spPr>
          <p:txBody>
            <a:bodyPr rtlCol="0" anchor="ctr"/>
            <a:lstStyle/>
            <a:p>
              <a:endParaRPr lang="en-US" sz="1500"/>
            </a:p>
          </p:txBody>
        </p:sp>
        <p:sp>
          <p:nvSpPr>
            <p:cNvPr id="107" name="Freeform: Shape 106">
              <a:extLst>
                <a:ext uri="{FF2B5EF4-FFF2-40B4-BE49-F238E27FC236}">
                  <a16:creationId xmlns:a16="http://schemas.microsoft.com/office/drawing/2014/main" id="{98384126-2C7C-466A-B82F-0F9485C6E063}"/>
                </a:ext>
              </a:extLst>
            </p:cNvPr>
            <p:cNvSpPr/>
            <p:nvPr/>
          </p:nvSpPr>
          <p:spPr>
            <a:xfrm>
              <a:off x="1114427" y="1236629"/>
              <a:ext cx="23932" cy="49981"/>
            </a:xfrm>
            <a:custGeom>
              <a:avLst/>
              <a:gdLst>
                <a:gd name="connsiteX0" fmla="*/ 24 w 23932"/>
                <a:gd name="connsiteY0" fmla="*/ 6 h 49981"/>
                <a:gd name="connsiteX1" fmla="*/ 23956 w 23932"/>
                <a:gd name="connsiteY1" fmla="*/ 49988 h 49981"/>
              </a:gdLst>
              <a:ahLst/>
              <a:cxnLst>
                <a:cxn ang="0">
                  <a:pos x="connsiteX0" y="connsiteY0"/>
                </a:cxn>
                <a:cxn ang="0">
                  <a:pos x="connsiteX1" y="connsiteY1"/>
                </a:cxn>
              </a:cxnLst>
              <a:rect l="l" t="t" r="r" b="b"/>
              <a:pathLst>
                <a:path w="23932" h="49981">
                  <a:moveTo>
                    <a:pt x="24" y="6"/>
                  </a:moveTo>
                  <a:cubicBezTo>
                    <a:pt x="7437" y="16949"/>
                    <a:pt x="15485" y="33681"/>
                    <a:pt x="23956" y="49988"/>
                  </a:cubicBezTo>
                </a:path>
              </a:pathLst>
            </a:custGeom>
            <a:noFill/>
            <a:ln w="24132" cap="rnd">
              <a:solidFill>
                <a:srgbClr val="190B0B"/>
              </a:solidFill>
              <a:prstDash val="solid"/>
              <a:miter/>
            </a:ln>
          </p:spPr>
          <p:txBody>
            <a:bodyPr rtlCol="0" anchor="ctr"/>
            <a:lstStyle/>
            <a:p>
              <a:endParaRPr lang="en-US" sz="1500"/>
            </a:p>
          </p:txBody>
        </p:sp>
        <p:sp>
          <p:nvSpPr>
            <p:cNvPr id="108" name="Freeform: Shape 107">
              <a:extLst>
                <a:ext uri="{FF2B5EF4-FFF2-40B4-BE49-F238E27FC236}">
                  <a16:creationId xmlns:a16="http://schemas.microsoft.com/office/drawing/2014/main" id="{6783E3EF-4EA7-44A6-9552-919B8E2D3D3C}"/>
                </a:ext>
              </a:extLst>
            </p:cNvPr>
            <p:cNvSpPr/>
            <p:nvPr/>
          </p:nvSpPr>
          <p:spPr>
            <a:xfrm>
              <a:off x="1195541" y="1203591"/>
              <a:ext cx="23932" cy="50193"/>
            </a:xfrm>
            <a:custGeom>
              <a:avLst/>
              <a:gdLst>
                <a:gd name="connsiteX0" fmla="*/ 24 w 23932"/>
                <a:gd name="connsiteY0" fmla="*/ 6 h 50193"/>
                <a:gd name="connsiteX1" fmla="*/ 23956 w 23932"/>
                <a:gd name="connsiteY1" fmla="*/ 50200 h 50193"/>
              </a:gdLst>
              <a:ahLst/>
              <a:cxnLst>
                <a:cxn ang="0">
                  <a:pos x="connsiteX0" y="connsiteY0"/>
                </a:cxn>
                <a:cxn ang="0">
                  <a:pos x="connsiteX1" y="connsiteY1"/>
                </a:cxn>
              </a:cxnLst>
              <a:rect l="l" t="t" r="r" b="b"/>
              <a:pathLst>
                <a:path w="23932" h="50193">
                  <a:moveTo>
                    <a:pt x="24" y="6"/>
                  </a:moveTo>
                  <a:cubicBezTo>
                    <a:pt x="7437" y="16949"/>
                    <a:pt x="15485" y="33681"/>
                    <a:pt x="23956" y="50200"/>
                  </a:cubicBezTo>
                </a:path>
              </a:pathLst>
            </a:custGeom>
            <a:noFill/>
            <a:ln w="24132" cap="rnd">
              <a:solidFill>
                <a:srgbClr val="190B0B"/>
              </a:solidFill>
              <a:prstDash val="solid"/>
              <a:miter/>
            </a:ln>
          </p:spPr>
          <p:txBody>
            <a:bodyPr rtlCol="0" anchor="ctr"/>
            <a:lstStyle/>
            <a:p>
              <a:endParaRPr lang="en-US" sz="1500"/>
            </a:p>
          </p:txBody>
        </p:sp>
        <p:sp>
          <p:nvSpPr>
            <p:cNvPr id="109" name="Freeform: Shape 108">
              <a:extLst>
                <a:ext uri="{FF2B5EF4-FFF2-40B4-BE49-F238E27FC236}">
                  <a16:creationId xmlns:a16="http://schemas.microsoft.com/office/drawing/2014/main" id="{9C203B1C-813B-4F3A-92AA-C20A6BB0DD5A}"/>
                </a:ext>
              </a:extLst>
            </p:cNvPr>
            <p:cNvSpPr/>
            <p:nvPr/>
          </p:nvSpPr>
          <p:spPr>
            <a:xfrm>
              <a:off x="1284069" y="1167587"/>
              <a:ext cx="23932" cy="49981"/>
            </a:xfrm>
            <a:custGeom>
              <a:avLst/>
              <a:gdLst>
                <a:gd name="connsiteX0" fmla="*/ 24 w 23932"/>
                <a:gd name="connsiteY0" fmla="*/ 6 h 49981"/>
                <a:gd name="connsiteX1" fmla="*/ 23956 w 23932"/>
                <a:gd name="connsiteY1" fmla="*/ 49988 h 49981"/>
              </a:gdLst>
              <a:ahLst/>
              <a:cxnLst>
                <a:cxn ang="0">
                  <a:pos x="connsiteX0" y="connsiteY0"/>
                </a:cxn>
                <a:cxn ang="0">
                  <a:pos x="connsiteX1" y="connsiteY1"/>
                </a:cxn>
              </a:cxnLst>
              <a:rect l="l" t="t" r="r" b="b"/>
              <a:pathLst>
                <a:path w="23932" h="49981">
                  <a:moveTo>
                    <a:pt x="24" y="6"/>
                  </a:moveTo>
                  <a:cubicBezTo>
                    <a:pt x="7437" y="16949"/>
                    <a:pt x="15485" y="33681"/>
                    <a:pt x="23956" y="49988"/>
                  </a:cubicBezTo>
                </a:path>
              </a:pathLst>
            </a:custGeom>
            <a:noFill/>
            <a:ln w="24132" cap="rnd">
              <a:solidFill>
                <a:srgbClr val="190B0B"/>
              </a:solidFill>
              <a:prstDash val="solid"/>
              <a:miter/>
            </a:ln>
          </p:spPr>
          <p:txBody>
            <a:bodyPr rtlCol="0" anchor="ctr"/>
            <a:lstStyle/>
            <a:p>
              <a:endParaRPr lang="en-US" sz="1500"/>
            </a:p>
          </p:txBody>
        </p:sp>
        <p:sp>
          <p:nvSpPr>
            <p:cNvPr id="110" name="Freeform: Shape 109">
              <a:extLst>
                <a:ext uri="{FF2B5EF4-FFF2-40B4-BE49-F238E27FC236}">
                  <a16:creationId xmlns:a16="http://schemas.microsoft.com/office/drawing/2014/main" id="{49358F34-FE3B-4A60-AD37-A2DCCD369E10}"/>
                </a:ext>
              </a:extLst>
            </p:cNvPr>
            <p:cNvSpPr/>
            <p:nvPr/>
          </p:nvSpPr>
          <p:spPr>
            <a:xfrm>
              <a:off x="1369208" y="1134759"/>
              <a:ext cx="23720" cy="50193"/>
            </a:xfrm>
            <a:custGeom>
              <a:avLst/>
              <a:gdLst>
                <a:gd name="connsiteX0" fmla="*/ 24 w 23720"/>
                <a:gd name="connsiteY0" fmla="*/ 6 h 50193"/>
                <a:gd name="connsiteX1" fmla="*/ 23745 w 23720"/>
                <a:gd name="connsiteY1" fmla="*/ 50200 h 50193"/>
              </a:gdLst>
              <a:ahLst/>
              <a:cxnLst>
                <a:cxn ang="0">
                  <a:pos x="connsiteX0" y="connsiteY0"/>
                </a:cxn>
                <a:cxn ang="0">
                  <a:pos x="connsiteX1" y="connsiteY1"/>
                </a:cxn>
              </a:cxnLst>
              <a:rect l="l" t="t" r="r" b="b"/>
              <a:pathLst>
                <a:path w="23720" h="50193">
                  <a:moveTo>
                    <a:pt x="24" y="6"/>
                  </a:moveTo>
                  <a:cubicBezTo>
                    <a:pt x="7437" y="17161"/>
                    <a:pt x="15273" y="33681"/>
                    <a:pt x="23745" y="50200"/>
                  </a:cubicBezTo>
                </a:path>
              </a:pathLst>
            </a:custGeom>
            <a:noFill/>
            <a:ln w="24132" cap="rnd">
              <a:solidFill>
                <a:srgbClr val="190B0B"/>
              </a:solidFill>
              <a:prstDash val="solid"/>
              <a:miter/>
            </a:ln>
          </p:spPr>
          <p:txBody>
            <a:bodyPr rtlCol="0" anchor="ctr"/>
            <a:lstStyle/>
            <a:p>
              <a:endParaRPr lang="en-US" sz="1500"/>
            </a:p>
          </p:txBody>
        </p:sp>
        <p:sp>
          <p:nvSpPr>
            <p:cNvPr id="111" name="Freeform: Shape 110">
              <a:extLst>
                <a:ext uri="{FF2B5EF4-FFF2-40B4-BE49-F238E27FC236}">
                  <a16:creationId xmlns:a16="http://schemas.microsoft.com/office/drawing/2014/main" id="{EF035BB4-617F-4549-B8D0-0AAA05DD8CD1}"/>
                </a:ext>
              </a:extLst>
            </p:cNvPr>
            <p:cNvSpPr/>
            <p:nvPr/>
          </p:nvSpPr>
          <p:spPr>
            <a:xfrm>
              <a:off x="1446934" y="1090708"/>
              <a:ext cx="23720" cy="50193"/>
            </a:xfrm>
            <a:custGeom>
              <a:avLst/>
              <a:gdLst>
                <a:gd name="connsiteX0" fmla="*/ 23745 w 23720"/>
                <a:gd name="connsiteY0" fmla="*/ 50200 h 50193"/>
                <a:gd name="connsiteX1" fmla="*/ 24 w 23720"/>
                <a:gd name="connsiteY1" fmla="*/ 6 h 50193"/>
              </a:gdLst>
              <a:ahLst/>
              <a:cxnLst>
                <a:cxn ang="0">
                  <a:pos x="connsiteX0" y="connsiteY0"/>
                </a:cxn>
                <a:cxn ang="0">
                  <a:pos x="connsiteX1" y="connsiteY1"/>
                </a:cxn>
              </a:cxnLst>
              <a:rect l="l" t="t" r="r" b="b"/>
              <a:pathLst>
                <a:path w="23720" h="50193">
                  <a:moveTo>
                    <a:pt x="23745" y="50200"/>
                  </a:moveTo>
                  <a:cubicBezTo>
                    <a:pt x="15273" y="33681"/>
                    <a:pt x="7437" y="16949"/>
                    <a:pt x="24" y="6"/>
                  </a:cubicBezTo>
                </a:path>
              </a:pathLst>
            </a:custGeom>
            <a:solidFill>
              <a:srgbClr val="009B93"/>
            </a:solidFill>
            <a:ln w="21168" cap="flat">
              <a:noFill/>
              <a:prstDash val="solid"/>
              <a:miter/>
            </a:ln>
          </p:spPr>
          <p:txBody>
            <a:bodyPr rtlCol="0" anchor="ctr"/>
            <a:lstStyle/>
            <a:p>
              <a:endParaRPr lang="en-US" sz="1500"/>
            </a:p>
          </p:txBody>
        </p:sp>
        <p:sp>
          <p:nvSpPr>
            <p:cNvPr id="112" name="Freeform: Shape 111">
              <a:extLst>
                <a:ext uri="{FF2B5EF4-FFF2-40B4-BE49-F238E27FC236}">
                  <a16:creationId xmlns:a16="http://schemas.microsoft.com/office/drawing/2014/main" id="{E9556702-4283-4343-9284-EC064D81B9DA}"/>
                </a:ext>
              </a:extLst>
            </p:cNvPr>
            <p:cNvSpPr/>
            <p:nvPr/>
          </p:nvSpPr>
          <p:spPr>
            <a:xfrm>
              <a:off x="365681" y="1004859"/>
              <a:ext cx="370796" cy="383124"/>
            </a:xfrm>
            <a:custGeom>
              <a:avLst/>
              <a:gdLst>
                <a:gd name="connsiteX0" fmla="*/ 58553 w 370796"/>
                <a:gd name="connsiteY0" fmla="*/ 175653 h 383124"/>
                <a:gd name="connsiteX1" fmla="*/ 76767 w 370796"/>
                <a:gd name="connsiteY1" fmla="*/ 256556 h 383124"/>
                <a:gd name="connsiteX2" fmla="*/ 123996 w 370796"/>
                <a:gd name="connsiteY2" fmla="*/ 312468 h 383124"/>
                <a:gd name="connsiteX3" fmla="*/ 179696 w 370796"/>
                <a:gd name="connsiteY3" fmla="*/ 315009 h 383124"/>
                <a:gd name="connsiteX4" fmla="*/ 370305 w 370796"/>
                <a:gd name="connsiteY4" fmla="*/ 282182 h 383124"/>
                <a:gd name="connsiteX5" fmla="*/ 349126 w 370796"/>
                <a:gd name="connsiteY5" fmla="*/ 323269 h 383124"/>
                <a:gd name="connsiteX6" fmla="*/ 302956 w 370796"/>
                <a:gd name="connsiteY6" fmla="*/ 335129 h 383124"/>
                <a:gd name="connsiteX7" fmla="*/ 107052 w 370796"/>
                <a:gd name="connsiteY7" fmla="*/ 381299 h 383124"/>
                <a:gd name="connsiteX8" fmla="*/ 72955 w 370796"/>
                <a:gd name="connsiteY8" fmla="*/ 378546 h 383124"/>
                <a:gd name="connsiteX9" fmla="*/ 56647 w 370796"/>
                <a:gd name="connsiteY9" fmla="*/ 357367 h 383124"/>
                <a:gd name="connsiteX10" fmla="*/ 523 w 370796"/>
                <a:gd name="connsiteY10" fmla="*/ 102162 h 383124"/>
                <a:gd name="connsiteX11" fmla="*/ 62365 w 370796"/>
                <a:gd name="connsiteY11" fmla="*/ 8975 h 383124"/>
                <a:gd name="connsiteX12" fmla="*/ 58765 w 370796"/>
                <a:gd name="connsiteY12" fmla="*/ 82042 h 383124"/>
                <a:gd name="connsiteX13" fmla="*/ 58553 w 370796"/>
                <a:gd name="connsiteY13" fmla="*/ 175653 h 3831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370796" h="383124">
                  <a:moveTo>
                    <a:pt x="58553" y="175653"/>
                  </a:moveTo>
                  <a:cubicBezTo>
                    <a:pt x="60943" y="203318"/>
                    <a:pt x="67071" y="230533"/>
                    <a:pt x="76767" y="256556"/>
                  </a:cubicBezTo>
                  <a:cubicBezTo>
                    <a:pt x="84204" y="280867"/>
                    <a:pt x="101270" y="301071"/>
                    <a:pt x="123996" y="312468"/>
                  </a:cubicBezTo>
                  <a:cubicBezTo>
                    <a:pt x="142073" y="317870"/>
                    <a:pt x="161202" y="318743"/>
                    <a:pt x="179696" y="315009"/>
                  </a:cubicBezTo>
                  <a:cubicBezTo>
                    <a:pt x="243938" y="306961"/>
                    <a:pt x="307474" y="296018"/>
                    <a:pt x="370305" y="282182"/>
                  </a:cubicBezTo>
                  <a:cubicBezTo>
                    <a:pt x="373079" y="299049"/>
                    <a:pt x="364474" y="315742"/>
                    <a:pt x="349126" y="323269"/>
                  </a:cubicBezTo>
                  <a:cubicBezTo>
                    <a:pt x="334607" y="330057"/>
                    <a:pt x="318949" y="334079"/>
                    <a:pt x="302956" y="335129"/>
                  </a:cubicBezTo>
                  <a:cubicBezTo>
                    <a:pt x="236667" y="345507"/>
                    <a:pt x="173130" y="370074"/>
                    <a:pt x="107052" y="381299"/>
                  </a:cubicBezTo>
                  <a:cubicBezTo>
                    <a:pt x="95722" y="384476"/>
                    <a:pt x="83629" y="383499"/>
                    <a:pt x="72955" y="378546"/>
                  </a:cubicBezTo>
                  <a:cubicBezTo>
                    <a:pt x="65776" y="373018"/>
                    <a:pt x="60157" y="365720"/>
                    <a:pt x="56647" y="357367"/>
                  </a:cubicBezTo>
                  <a:cubicBezTo>
                    <a:pt x="15944" y="278671"/>
                    <a:pt x="-3407" y="190675"/>
                    <a:pt x="523" y="102162"/>
                  </a:cubicBezTo>
                  <a:cubicBezTo>
                    <a:pt x="523" y="84796"/>
                    <a:pt x="21702" y="-32959"/>
                    <a:pt x="62365" y="8975"/>
                  </a:cubicBezTo>
                  <a:cubicBezTo>
                    <a:pt x="75708" y="22530"/>
                    <a:pt x="60247" y="64464"/>
                    <a:pt x="58765" y="82042"/>
                  </a:cubicBezTo>
                  <a:cubicBezTo>
                    <a:pt x="55770" y="113171"/>
                    <a:pt x="55699" y="144511"/>
                    <a:pt x="58553" y="175653"/>
                  </a:cubicBezTo>
                  <a:close/>
                </a:path>
              </a:pathLst>
            </a:custGeom>
            <a:solidFill>
              <a:srgbClr val="87F1F9"/>
            </a:solidFill>
            <a:ln w="21168" cap="flat">
              <a:noFill/>
              <a:prstDash val="solid"/>
              <a:miter/>
            </a:ln>
          </p:spPr>
          <p:txBody>
            <a:bodyPr rtlCol="0" anchor="ctr"/>
            <a:lstStyle/>
            <a:p>
              <a:endParaRPr lang="en-US" sz="1500"/>
            </a:p>
          </p:txBody>
        </p:sp>
      </p:grpSp>
      <p:grpSp>
        <p:nvGrpSpPr>
          <p:cNvPr id="113" name="Group 112">
            <a:extLst>
              <a:ext uri="{FF2B5EF4-FFF2-40B4-BE49-F238E27FC236}">
                <a16:creationId xmlns:a16="http://schemas.microsoft.com/office/drawing/2014/main" id="{56688C42-A0BC-4ABF-B8AF-6523063C7A55}"/>
              </a:ext>
            </a:extLst>
          </p:cNvPr>
          <p:cNvGrpSpPr/>
          <p:nvPr/>
        </p:nvGrpSpPr>
        <p:grpSpPr>
          <a:xfrm>
            <a:off x="6093188" y="2491575"/>
            <a:ext cx="700185" cy="351586"/>
            <a:chOff x="754890" y="157532"/>
            <a:chExt cx="818669" cy="411081"/>
          </a:xfrm>
        </p:grpSpPr>
        <p:sp>
          <p:nvSpPr>
            <p:cNvPr id="114" name="Freeform: Shape 113">
              <a:extLst>
                <a:ext uri="{FF2B5EF4-FFF2-40B4-BE49-F238E27FC236}">
                  <a16:creationId xmlns:a16="http://schemas.microsoft.com/office/drawing/2014/main" id="{1EB63B67-554F-43E4-B237-CD54291371B8}"/>
                </a:ext>
              </a:extLst>
            </p:cNvPr>
            <p:cNvSpPr/>
            <p:nvPr/>
          </p:nvSpPr>
          <p:spPr>
            <a:xfrm>
              <a:off x="950079" y="174936"/>
              <a:ext cx="536247" cy="390748"/>
            </a:xfrm>
            <a:custGeom>
              <a:avLst/>
              <a:gdLst>
                <a:gd name="connsiteX0" fmla="*/ 449650 w 536247"/>
                <a:gd name="connsiteY0" fmla="*/ 390755 h 390748"/>
                <a:gd name="connsiteX1" fmla="*/ 24 w 536247"/>
                <a:gd name="connsiteY1" fmla="*/ 254152 h 390748"/>
                <a:gd name="connsiteX2" fmla="*/ 58478 w 536247"/>
                <a:gd name="connsiteY2" fmla="*/ 6 h 390748"/>
                <a:gd name="connsiteX3" fmla="*/ 536271 w 536247"/>
                <a:gd name="connsiteY3" fmla="*/ 159483 h 390748"/>
                <a:gd name="connsiteX4" fmla="*/ 451556 w 536247"/>
                <a:gd name="connsiteY4" fmla="*/ 386308 h 39074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36247" h="390748">
                  <a:moveTo>
                    <a:pt x="449650" y="390755"/>
                  </a:moveTo>
                  <a:cubicBezTo>
                    <a:pt x="311776" y="354751"/>
                    <a:pt x="55089" y="269612"/>
                    <a:pt x="24" y="254152"/>
                  </a:cubicBezTo>
                  <a:cubicBezTo>
                    <a:pt x="8708" y="90440"/>
                    <a:pt x="58478" y="6"/>
                    <a:pt x="58478" y="6"/>
                  </a:cubicBezTo>
                  <a:cubicBezTo>
                    <a:pt x="220366" y="44955"/>
                    <a:pt x="379841" y="98184"/>
                    <a:pt x="536271" y="159483"/>
                  </a:cubicBezTo>
                  <a:cubicBezTo>
                    <a:pt x="498402" y="231137"/>
                    <a:pt x="469929" y="307372"/>
                    <a:pt x="451556" y="386308"/>
                  </a:cubicBezTo>
                  <a:close/>
                </a:path>
              </a:pathLst>
            </a:custGeom>
            <a:solidFill>
              <a:srgbClr val="FFC93C"/>
            </a:solidFill>
            <a:ln w="21168" cap="flat">
              <a:noFill/>
              <a:prstDash val="solid"/>
              <a:miter/>
            </a:ln>
          </p:spPr>
          <p:txBody>
            <a:bodyPr rtlCol="0" anchor="ctr"/>
            <a:lstStyle/>
            <a:p>
              <a:endParaRPr lang="en-US" sz="1500"/>
            </a:p>
          </p:txBody>
        </p:sp>
        <p:sp>
          <p:nvSpPr>
            <p:cNvPr id="115" name="Freeform: Shape 114">
              <a:extLst>
                <a:ext uri="{FF2B5EF4-FFF2-40B4-BE49-F238E27FC236}">
                  <a16:creationId xmlns:a16="http://schemas.microsoft.com/office/drawing/2014/main" id="{E4AC88D2-321A-41FD-B979-41C3F0FB05D9}"/>
                </a:ext>
              </a:extLst>
            </p:cNvPr>
            <p:cNvSpPr/>
            <p:nvPr/>
          </p:nvSpPr>
          <p:spPr>
            <a:xfrm>
              <a:off x="1399705" y="322092"/>
              <a:ext cx="173854" cy="246521"/>
            </a:xfrm>
            <a:custGeom>
              <a:avLst/>
              <a:gdLst>
                <a:gd name="connsiteX0" fmla="*/ 24 w 173854"/>
                <a:gd name="connsiteY0" fmla="*/ 231279 h 246521"/>
                <a:gd name="connsiteX1" fmla="*/ 1295 w 173854"/>
                <a:gd name="connsiteY1" fmla="*/ 226831 h 246521"/>
                <a:gd name="connsiteX2" fmla="*/ 86010 w 173854"/>
                <a:gd name="connsiteY2" fmla="*/ 6 h 246521"/>
                <a:gd name="connsiteX3" fmla="*/ 158442 w 173854"/>
                <a:gd name="connsiteY3" fmla="*/ 36222 h 246521"/>
                <a:gd name="connsiteX4" fmla="*/ 84951 w 173854"/>
                <a:gd name="connsiteY4" fmla="*/ 246527 h 246521"/>
                <a:gd name="connsiteX5" fmla="*/ 24 w 173854"/>
                <a:gd name="connsiteY5" fmla="*/ 231279 h 24652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73854" h="246521">
                  <a:moveTo>
                    <a:pt x="24" y="231279"/>
                  </a:moveTo>
                  <a:lnTo>
                    <a:pt x="1295" y="226831"/>
                  </a:lnTo>
                  <a:cubicBezTo>
                    <a:pt x="19668" y="147896"/>
                    <a:pt x="48140" y="71660"/>
                    <a:pt x="86010" y="6"/>
                  </a:cubicBezTo>
                  <a:cubicBezTo>
                    <a:pt x="111808" y="8442"/>
                    <a:pt x="136215" y="20645"/>
                    <a:pt x="158442" y="36222"/>
                  </a:cubicBezTo>
                  <a:cubicBezTo>
                    <a:pt x="208212" y="104418"/>
                    <a:pt x="125191" y="235303"/>
                    <a:pt x="84951" y="246527"/>
                  </a:cubicBezTo>
                  <a:cubicBezTo>
                    <a:pt x="56057" y="245555"/>
                    <a:pt x="27453" y="240419"/>
                    <a:pt x="24" y="231279"/>
                  </a:cubicBezTo>
                  <a:close/>
                </a:path>
              </a:pathLst>
            </a:custGeom>
            <a:solidFill>
              <a:srgbClr val="EB871E"/>
            </a:solidFill>
            <a:ln w="21168" cap="flat">
              <a:noFill/>
              <a:prstDash val="solid"/>
              <a:miter/>
            </a:ln>
          </p:spPr>
          <p:txBody>
            <a:bodyPr rtlCol="0" anchor="ctr"/>
            <a:lstStyle/>
            <a:p>
              <a:endParaRPr lang="en-US" sz="1500"/>
            </a:p>
          </p:txBody>
        </p:sp>
        <p:sp>
          <p:nvSpPr>
            <p:cNvPr id="116" name="Freeform: Shape 115">
              <a:extLst>
                <a:ext uri="{FF2B5EF4-FFF2-40B4-BE49-F238E27FC236}">
                  <a16:creationId xmlns:a16="http://schemas.microsoft.com/office/drawing/2014/main" id="{14EC2C46-D283-44A0-A767-6EE3747D6E29}"/>
                </a:ext>
              </a:extLst>
            </p:cNvPr>
            <p:cNvSpPr/>
            <p:nvPr/>
          </p:nvSpPr>
          <p:spPr>
            <a:xfrm>
              <a:off x="772473" y="169853"/>
              <a:ext cx="236060" cy="259440"/>
            </a:xfrm>
            <a:custGeom>
              <a:avLst/>
              <a:gdLst>
                <a:gd name="connsiteX0" fmla="*/ 168524 w 236060"/>
                <a:gd name="connsiteY0" fmla="*/ 256905 h 259440"/>
                <a:gd name="connsiteX1" fmla="*/ 4600 w 236060"/>
                <a:gd name="connsiteY1" fmla="*/ 117337 h 259440"/>
                <a:gd name="connsiteX2" fmla="*/ 16037 w 236060"/>
                <a:gd name="connsiteY2" fmla="*/ 54859 h 259440"/>
                <a:gd name="connsiteX3" fmla="*/ 210882 w 236060"/>
                <a:gd name="connsiteY3" fmla="*/ 6 h 259440"/>
                <a:gd name="connsiteX4" fmla="*/ 236084 w 236060"/>
                <a:gd name="connsiteY4" fmla="*/ 4030 h 259440"/>
                <a:gd name="connsiteX5" fmla="*/ 177631 w 236060"/>
                <a:gd name="connsiteY5" fmla="*/ 259447 h 259440"/>
                <a:gd name="connsiteX6" fmla="*/ 168524 w 236060"/>
                <a:gd name="connsiteY6" fmla="*/ 256905 h 25944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236060" h="259440">
                  <a:moveTo>
                    <a:pt x="168524" y="256905"/>
                  </a:moveTo>
                  <a:cubicBezTo>
                    <a:pt x="138874" y="251610"/>
                    <a:pt x="15189" y="135339"/>
                    <a:pt x="4600" y="117337"/>
                  </a:cubicBezTo>
                  <a:cubicBezTo>
                    <a:pt x="-4392" y="96094"/>
                    <a:pt x="102" y="71539"/>
                    <a:pt x="16037" y="54859"/>
                  </a:cubicBezTo>
                  <a:cubicBezTo>
                    <a:pt x="37215" y="36222"/>
                    <a:pt x="178266" y="5089"/>
                    <a:pt x="210882" y="6"/>
                  </a:cubicBezTo>
                  <a:cubicBezTo>
                    <a:pt x="219425" y="219"/>
                    <a:pt x="227901" y="1572"/>
                    <a:pt x="236084" y="4030"/>
                  </a:cubicBezTo>
                  <a:cubicBezTo>
                    <a:pt x="236084" y="4030"/>
                    <a:pt x="186738" y="95523"/>
                    <a:pt x="177631" y="259447"/>
                  </a:cubicBezTo>
                  <a:cubicBezTo>
                    <a:pt x="174647" y="258424"/>
                    <a:pt x="171605" y="257574"/>
                    <a:pt x="168524" y="256905"/>
                  </a:cubicBezTo>
                  <a:close/>
                </a:path>
              </a:pathLst>
            </a:custGeom>
            <a:solidFill>
              <a:srgbClr val="EB871E"/>
            </a:solidFill>
            <a:ln w="21168" cap="flat">
              <a:noFill/>
              <a:prstDash val="solid"/>
              <a:miter/>
            </a:ln>
          </p:spPr>
          <p:txBody>
            <a:bodyPr rtlCol="0" anchor="ctr"/>
            <a:lstStyle/>
            <a:p>
              <a:endParaRPr lang="en-US" sz="1500"/>
            </a:p>
          </p:txBody>
        </p:sp>
        <p:sp>
          <p:nvSpPr>
            <p:cNvPr id="117" name="Freeform: Shape 116">
              <a:extLst>
                <a:ext uri="{FF2B5EF4-FFF2-40B4-BE49-F238E27FC236}">
                  <a16:creationId xmlns:a16="http://schemas.microsoft.com/office/drawing/2014/main" id="{1AAEC096-E920-4F44-BCCE-7568A6018523}"/>
                </a:ext>
              </a:extLst>
            </p:cNvPr>
            <p:cNvSpPr/>
            <p:nvPr/>
          </p:nvSpPr>
          <p:spPr>
            <a:xfrm>
              <a:off x="1353651" y="313758"/>
              <a:ext cx="101118" cy="251279"/>
            </a:xfrm>
            <a:custGeom>
              <a:avLst/>
              <a:gdLst>
                <a:gd name="connsiteX0" fmla="*/ 2238 w 101118"/>
                <a:gd name="connsiteY0" fmla="*/ 233932 h 251279"/>
                <a:gd name="connsiteX1" fmla="*/ 7533 w 101118"/>
                <a:gd name="connsiteY1" fmla="*/ 229484 h 251279"/>
                <a:gd name="connsiteX2" fmla="*/ 7533 w 101118"/>
                <a:gd name="connsiteY2" fmla="*/ 233085 h 251279"/>
                <a:gd name="connsiteX3" fmla="*/ 17275 w 101118"/>
                <a:gd name="connsiteY3" fmla="*/ 250663 h 251279"/>
                <a:gd name="connsiteX4" fmla="*/ 24963 w 101118"/>
                <a:gd name="connsiteY4" fmla="*/ 248155 h 251279"/>
                <a:gd name="connsiteX5" fmla="*/ 25323 w 101118"/>
                <a:gd name="connsiteY5" fmla="*/ 247274 h 251279"/>
                <a:gd name="connsiteX6" fmla="*/ 56667 w 101118"/>
                <a:gd name="connsiteY6" fmla="*/ 130791 h 251279"/>
                <a:gd name="connsiteX7" fmla="*/ 101143 w 101118"/>
                <a:gd name="connsiteY7" fmla="*/ 17484 h 251279"/>
                <a:gd name="connsiteX8" fmla="*/ 98178 w 101118"/>
                <a:gd name="connsiteY8" fmla="*/ 14308 h 251279"/>
                <a:gd name="connsiteX9" fmla="*/ 71493 w 101118"/>
                <a:gd name="connsiteY9" fmla="*/ 61536 h 251279"/>
                <a:gd name="connsiteX10" fmla="*/ 49043 w 101118"/>
                <a:gd name="connsiteY10" fmla="*/ 121261 h 251279"/>
                <a:gd name="connsiteX11" fmla="*/ 31253 w 101118"/>
                <a:gd name="connsiteY11" fmla="*/ 177596 h 251279"/>
                <a:gd name="connsiteX12" fmla="*/ 48619 w 101118"/>
                <a:gd name="connsiteY12" fmla="*/ 115754 h 251279"/>
                <a:gd name="connsiteX13" fmla="*/ 73187 w 101118"/>
                <a:gd name="connsiteY13" fmla="*/ 48617 h 251279"/>
                <a:gd name="connsiteX14" fmla="*/ 81658 w 101118"/>
                <a:gd name="connsiteY14" fmla="*/ 541 h 251279"/>
                <a:gd name="connsiteX15" fmla="*/ 75517 w 101118"/>
                <a:gd name="connsiteY15" fmla="*/ 2236 h 251279"/>
                <a:gd name="connsiteX16" fmla="*/ 27441 w 101118"/>
                <a:gd name="connsiteY16" fmla="*/ 135239 h 251279"/>
                <a:gd name="connsiteX17" fmla="*/ 9439 w 101118"/>
                <a:gd name="connsiteY17" fmla="*/ 205129 h 251279"/>
                <a:gd name="connsiteX18" fmla="*/ 7956 w 101118"/>
                <a:gd name="connsiteY18" fmla="*/ 221436 h 251279"/>
                <a:gd name="connsiteX19" fmla="*/ 967 w 101118"/>
                <a:gd name="connsiteY19" fmla="*/ 232026 h 251279"/>
                <a:gd name="connsiteX20" fmla="*/ 2238 w 101118"/>
                <a:gd name="connsiteY20" fmla="*/ 233932 h 251279"/>
                <a:gd name="connsiteX21" fmla="*/ 26382 w 101118"/>
                <a:gd name="connsiteY21" fmla="*/ 192845 h 251279"/>
                <a:gd name="connsiteX22" fmla="*/ 16428 w 101118"/>
                <a:gd name="connsiteY22" fmla="*/ 237320 h 251279"/>
                <a:gd name="connsiteX23" fmla="*/ 12827 w 101118"/>
                <a:gd name="connsiteY23" fmla="*/ 228425 h 251279"/>
                <a:gd name="connsiteX24" fmla="*/ 12827 w 101118"/>
                <a:gd name="connsiteY24" fmla="*/ 223131 h 251279"/>
                <a:gd name="connsiteX25" fmla="*/ 26382 w 101118"/>
                <a:gd name="connsiteY25" fmla="*/ 192845 h 251279"/>
                <a:gd name="connsiteX26" fmla="*/ 76576 w 101118"/>
                <a:gd name="connsiteY26" fmla="*/ 20873 h 251279"/>
                <a:gd name="connsiteX27" fmla="*/ 72763 w 101118"/>
                <a:gd name="connsiteY27" fmla="*/ 27862 h 251279"/>
                <a:gd name="connsiteX28" fmla="*/ 66198 w 101118"/>
                <a:gd name="connsiteY28" fmla="*/ 41205 h 251279"/>
                <a:gd name="connsiteX29" fmla="*/ 60480 w 101118"/>
                <a:gd name="connsiteY29" fmla="*/ 54336 h 251279"/>
                <a:gd name="connsiteX30" fmla="*/ 78058 w 101118"/>
                <a:gd name="connsiteY30" fmla="*/ 15578 h 251279"/>
                <a:gd name="connsiteX31" fmla="*/ 76576 w 101118"/>
                <a:gd name="connsiteY31" fmla="*/ 20873 h 25127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Lst>
              <a:rect l="l" t="t" r="r" b="b"/>
              <a:pathLst>
                <a:path w="101118" h="251279">
                  <a:moveTo>
                    <a:pt x="2238" y="233932"/>
                  </a:moveTo>
                  <a:cubicBezTo>
                    <a:pt x="4097" y="232566"/>
                    <a:pt x="5866" y="231079"/>
                    <a:pt x="7533" y="229484"/>
                  </a:cubicBezTo>
                  <a:cubicBezTo>
                    <a:pt x="7431" y="230683"/>
                    <a:pt x="7431" y="231886"/>
                    <a:pt x="7533" y="233085"/>
                  </a:cubicBezTo>
                  <a:cubicBezTo>
                    <a:pt x="9227" y="239226"/>
                    <a:pt x="10921" y="247698"/>
                    <a:pt x="17275" y="250663"/>
                  </a:cubicBezTo>
                  <a:cubicBezTo>
                    <a:pt x="20089" y="252095"/>
                    <a:pt x="23533" y="250972"/>
                    <a:pt x="24963" y="248155"/>
                  </a:cubicBezTo>
                  <a:cubicBezTo>
                    <a:pt x="25107" y="247874"/>
                    <a:pt x="25227" y="247577"/>
                    <a:pt x="25323" y="247274"/>
                  </a:cubicBezTo>
                  <a:cubicBezTo>
                    <a:pt x="35700" y="208305"/>
                    <a:pt x="43960" y="169336"/>
                    <a:pt x="56667" y="130791"/>
                  </a:cubicBezTo>
                  <a:cubicBezTo>
                    <a:pt x="68282" y="91839"/>
                    <a:pt x="83160" y="53935"/>
                    <a:pt x="101143" y="17484"/>
                  </a:cubicBezTo>
                  <a:cubicBezTo>
                    <a:pt x="101143" y="15578"/>
                    <a:pt x="101143" y="13037"/>
                    <a:pt x="98178" y="14308"/>
                  </a:cubicBezTo>
                  <a:cubicBezTo>
                    <a:pt x="85072" y="27270"/>
                    <a:pt x="75834" y="43623"/>
                    <a:pt x="71493" y="61536"/>
                  </a:cubicBezTo>
                  <a:cubicBezTo>
                    <a:pt x="63233" y="81233"/>
                    <a:pt x="55820" y="101141"/>
                    <a:pt x="49043" y="121261"/>
                  </a:cubicBezTo>
                  <a:cubicBezTo>
                    <a:pt x="42266" y="141380"/>
                    <a:pt x="36759" y="158535"/>
                    <a:pt x="31253" y="177596"/>
                  </a:cubicBezTo>
                  <a:cubicBezTo>
                    <a:pt x="36971" y="156417"/>
                    <a:pt x="42266" y="136298"/>
                    <a:pt x="48619" y="115754"/>
                  </a:cubicBezTo>
                  <a:cubicBezTo>
                    <a:pt x="55191" y="92815"/>
                    <a:pt x="63402" y="70381"/>
                    <a:pt x="73187" y="48617"/>
                  </a:cubicBezTo>
                  <a:cubicBezTo>
                    <a:pt x="79329" y="35486"/>
                    <a:pt x="98390" y="12613"/>
                    <a:pt x="81658" y="541"/>
                  </a:cubicBezTo>
                  <a:cubicBezTo>
                    <a:pt x="79485" y="-601"/>
                    <a:pt x="76798" y="141"/>
                    <a:pt x="75517" y="2236"/>
                  </a:cubicBezTo>
                  <a:cubicBezTo>
                    <a:pt x="54655" y="44670"/>
                    <a:pt x="38534" y="89274"/>
                    <a:pt x="27441" y="135239"/>
                  </a:cubicBezTo>
                  <a:cubicBezTo>
                    <a:pt x="20051" y="158156"/>
                    <a:pt x="14041" y="181493"/>
                    <a:pt x="9439" y="205129"/>
                  </a:cubicBezTo>
                  <a:cubicBezTo>
                    <a:pt x="8481" y="210512"/>
                    <a:pt x="7984" y="215968"/>
                    <a:pt x="7956" y="221436"/>
                  </a:cubicBezTo>
                  <a:cubicBezTo>
                    <a:pt x="5826" y="225094"/>
                    <a:pt x="3492" y="228629"/>
                    <a:pt x="967" y="232026"/>
                  </a:cubicBezTo>
                  <a:cubicBezTo>
                    <a:pt x="-939" y="232661"/>
                    <a:pt x="332" y="235202"/>
                    <a:pt x="2238" y="233932"/>
                  </a:cubicBezTo>
                  <a:close/>
                  <a:moveTo>
                    <a:pt x="26382" y="192845"/>
                  </a:moveTo>
                  <a:cubicBezTo>
                    <a:pt x="22358" y="207670"/>
                    <a:pt x="19181" y="222495"/>
                    <a:pt x="16428" y="237320"/>
                  </a:cubicBezTo>
                  <a:cubicBezTo>
                    <a:pt x="14005" y="235010"/>
                    <a:pt x="12694" y="231769"/>
                    <a:pt x="12827" y="228425"/>
                  </a:cubicBezTo>
                  <a:cubicBezTo>
                    <a:pt x="12724" y="226661"/>
                    <a:pt x="12724" y="224895"/>
                    <a:pt x="12827" y="223131"/>
                  </a:cubicBezTo>
                  <a:cubicBezTo>
                    <a:pt x="19094" y="213911"/>
                    <a:pt x="23681" y="203659"/>
                    <a:pt x="26382" y="192845"/>
                  </a:cubicBezTo>
                  <a:close/>
                  <a:moveTo>
                    <a:pt x="76576" y="20873"/>
                  </a:moveTo>
                  <a:lnTo>
                    <a:pt x="72763" y="27862"/>
                  </a:lnTo>
                  <a:cubicBezTo>
                    <a:pt x="70434" y="32310"/>
                    <a:pt x="68316" y="36757"/>
                    <a:pt x="66198" y="41205"/>
                  </a:cubicBezTo>
                  <a:cubicBezTo>
                    <a:pt x="64080" y="45652"/>
                    <a:pt x="62386" y="50100"/>
                    <a:pt x="60480" y="54336"/>
                  </a:cubicBezTo>
                  <a:cubicBezTo>
                    <a:pt x="65601" y="41095"/>
                    <a:pt x="71469" y="28154"/>
                    <a:pt x="78058" y="15578"/>
                  </a:cubicBezTo>
                  <a:cubicBezTo>
                    <a:pt x="77848" y="17411"/>
                    <a:pt x="77349" y="19198"/>
                    <a:pt x="76576" y="20873"/>
                  </a:cubicBezTo>
                  <a:close/>
                </a:path>
              </a:pathLst>
            </a:custGeom>
            <a:solidFill>
              <a:srgbClr val="000000"/>
            </a:solidFill>
            <a:ln w="21168" cap="flat">
              <a:noFill/>
              <a:prstDash val="solid"/>
              <a:miter/>
            </a:ln>
          </p:spPr>
          <p:txBody>
            <a:bodyPr rtlCol="0" anchor="ctr"/>
            <a:lstStyle/>
            <a:p>
              <a:endParaRPr lang="en-US" sz="1500"/>
            </a:p>
          </p:txBody>
        </p:sp>
        <p:sp>
          <p:nvSpPr>
            <p:cNvPr id="118" name="Freeform: Shape 117">
              <a:extLst>
                <a:ext uri="{FF2B5EF4-FFF2-40B4-BE49-F238E27FC236}">
                  <a16:creationId xmlns:a16="http://schemas.microsoft.com/office/drawing/2014/main" id="{75E31EE5-CCE0-4357-9A01-5B45D03DCC12}"/>
                </a:ext>
              </a:extLst>
            </p:cNvPr>
            <p:cNvSpPr/>
            <p:nvPr/>
          </p:nvSpPr>
          <p:spPr>
            <a:xfrm>
              <a:off x="1343458" y="309509"/>
              <a:ext cx="81918" cy="247235"/>
            </a:xfrm>
            <a:custGeom>
              <a:avLst/>
              <a:gdLst>
                <a:gd name="connsiteX0" fmla="*/ 18149 w 81918"/>
                <a:gd name="connsiteY0" fmla="*/ 246864 h 247235"/>
                <a:gd name="connsiteX1" fmla="*/ 23232 w 81918"/>
                <a:gd name="connsiteY1" fmla="*/ 241146 h 247235"/>
                <a:gd name="connsiteX2" fmla="*/ 27885 w 81918"/>
                <a:gd name="connsiteY2" fmla="*/ 238420 h 247235"/>
                <a:gd name="connsiteX3" fmla="*/ 27892 w 81918"/>
                <a:gd name="connsiteY3" fmla="*/ 238393 h 247235"/>
                <a:gd name="connsiteX4" fmla="*/ 30857 w 81918"/>
                <a:gd name="connsiteY4" fmla="*/ 215096 h 247235"/>
                <a:gd name="connsiteX5" fmla="*/ 27212 w 81918"/>
                <a:gd name="connsiteY5" fmla="*/ 213022 h 247235"/>
                <a:gd name="connsiteX6" fmla="*/ 25138 w 81918"/>
                <a:gd name="connsiteY6" fmla="*/ 215096 h 247235"/>
                <a:gd name="connsiteX7" fmla="*/ 18785 w 81918"/>
                <a:gd name="connsiteY7" fmla="*/ 228438 h 247235"/>
                <a:gd name="connsiteX8" fmla="*/ 14761 w 81918"/>
                <a:gd name="connsiteY8" fmla="*/ 233310 h 247235"/>
                <a:gd name="connsiteX9" fmla="*/ 35940 w 81918"/>
                <a:gd name="connsiteY9" fmla="*/ 114497 h 247235"/>
                <a:gd name="connsiteX10" fmla="*/ 55848 w 81918"/>
                <a:gd name="connsiteY10" fmla="*/ 59220 h 247235"/>
                <a:gd name="connsiteX11" fmla="*/ 68343 w 81918"/>
                <a:gd name="connsiteY11" fmla="*/ 30417 h 247235"/>
                <a:gd name="connsiteX12" fmla="*/ 81686 w 81918"/>
                <a:gd name="connsiteY12" fmla="*/ 4579 h 247235"/>
                <a:gd name="connsiteX13" fmla="*/ 75332 w 81918"/>
                <a:gd name="connsiteY13" fmla="*/ 978 h 247235"/>
                <a:gd name="connsiteX14" fmla="*/ 56907 w 81918"/>
                <a:gd name="connsiteY14" fmla="*/ 30840 h 247235"/>
                <a:gd name="connsiteX15" fmla="*/ 45046 w 81918"/>
                <a:gd name="connsiteY15" fmla="*/ 61126 h 247235"/>
                <a:gd name="connsiteX16" fmla="*/ 21114 w 81918"/>
                <a:gd name="connsiteY16" fmla="*/ 131651 h 247235"/>
                <a:gd name="connsiteX17" fmla="*/ 3536 w 81918"/>
                <a:gd name="connsiteY17" fmla="*/ 202177 h 247235"/>
                <a:gd name="connsiteX18" fmla="*/ 18149 w 81918"/>
                <a:gd name="connsiteY18" fmla="*/ 246864 h 24723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Lst>
              <a:rect l="l" t="t" r="r" b="b"/>
              <a:pathLst>
                <a:path w="81918" h="247235">
                  <a:moveTo>
                    <a:pt x="18149" y="246864"/>
                  </a:moveTo>
                  <a:cubicBezTo>
                    <a:pt x="20894" y="246243"/>
                    <a:pt x="22938" y="243943"/>
                    <a:pt x="23232" y="241146"/>
                  </a:cubicBezTo>
                  <a:cubicBezTo>
                    <a:pt x="25270" y="241677"/>
                    <a:pt x="27352" y="240457"/>
                    <a:pt x="27885" y="238420"/>
                  </a:cubicBezTo>
                  <a:cubicBezTo>
                    <a:pt x="27887" y="238412"/>
                    <a:pt x="27890" y="238401"/>
                    <a:pt x="27892" y="238393"/>
                  </a:cubicBezTo>
                  <a:cubicBezTo>
                    <a:pt x="30355" y="230887"/>
                    <a:pt x="31361" y="222979"/>
                    <a:pt x="30857" y="215096"/>
                  </a:cubicBezTo>
                  <a:cubicBezTo>
                    <a:pt x="30422" y="213516"/>
                    <a:pt x="28792" y="212588"/>
                    <a:pt x="27212" y="213022"/>
                  </a:cubicBezTo>
                  <a:cubicBezTo>
                    <a:pt x="26204" y="213300"/>
                    <a:pt x="25416" y="214088"/>
                    <a:pt x="25138" y="215096"/>
                  </a:cubicBezTo>
                  <a:cubicBezTo>
                    <a:pt x="23453" y="219736"/>
                    <a:pt x="21324" y="224205"/>
                    <a:pt x="18785" y="228438"/>
                  </a:cubicBezTo>
                  <a:cubicBezTo>
                    <a:pt x="17624" y="230205"/>
                    <a:pt x="16275" y="231838"/>
                    <a:pt x="14761" y="233310"/>
                  </a:cubicBezTo>
                  <a:cubicBezTo>
                    <a:pt x="6713" y="221026"/>
                    <a:pt x="33398" y="125510"/>
                    <a:pt x="35940" y="114497"/>
                  </a:cubicBezTo>
                  <a:cubicBezTo>
                    <a:pt x="41870" y="95859"/>
                    <a:pt x="48647" y="77434"/>
                    <a:pt x="55848" y="59220"/>
                  </a:cubicBezTo>
                  <a:cubicBezTo>
                    <a:pt x="59660" y="49478"/>
                    <a:pt x="63684" y="39735"/>
                    <a:pt x="68343" y="30417"/>
                  </a:cubicBezTo>
                  <a:cubicBezTo>
                    <a:pt x="73002" y="21098"/>
                    <a:pt x="78509" y="13897"/>
                    <a:pt x="81686" y="4579"/>
                  </a:cubicBezTo>
                  <a:cubicBezTo>
                    <a:pt x="83168" y="766"/>
                    <a:pt x="77874" y="-1351"/>
                    <a:pt x="75332" y="978"/>
                  </a:cubicBezTo>
                  <a:cubicBezTo>
                    <a:pt x="67068" y="9456"/>
                    <a:pt x="60778" y="19652"/>
                    <a:pt x="56907" y="30840"/>
                  </a:cubicBezTo>
                  <a:cubicBezTo>
                    <a:pt x="52459" y="40794"/>
                    <a:pt x="48647" y="50960"/>
                    <a:pt x="45046" y="61126"/>
                  </a:cubicBezTo>
                  <a:cubicBezTo>
                    <a:pt x="36575" y="84423"/>
                    <a:pt x="28315" y="107931"/>
                    <a:pt x="21114" y="131651"/>
                  </a:cubicBezTo>
                  <a:cubicBezTo>
                    <a:pt x="14013" y="154834"/>
                    <a:pt x="8145" y="178374"/>
                    <a:pt x="3536" y="202177"/>
                  </a:cubicBezTo>
                  <a:cubicBezTo>
                    <a:pt x="1206" y="215308"/>
                    <a:pt x="-8112" y="251312"/>
                    <a:pt x="18149" y="246864"/>
                  </a:cubicBezTo>
                  <a:close/>
                </a:path>
              </a:pathLst>
            </a:custGeom>
            <a:solidFill>
              <a:srgbClr val="000000"/>
            </a:solidFill>
            <a:ln w="21168" cap="flat">
              <a:noFill/>
              <a:prstDash val="solid"/>
              <a:miter/>
            </a:ln>
          </p:spPr>
          <p:txBody>
            <a:bodyPr rtlCol="0" anchor="ctr"/>
            <a:lstStyle/>
            <a:p>
              <a:endParaRPr lang="en-US" sz="1500"/>
            </a:p>
          </p:txBody>
        </p:sp>
        <p:sp>
          <p:nvSpPr>
            <p:cNvPr id="119" name="Freeform: Shape 118">
              <a:extLst>
                <a:ext uri="{FF2B5EF4-FFF2-40B4-BE49-F238E27FC236}">
                  <a16:creationId xmlns:a16="http://schemas.microsoft.com/office/drawing/2014/main" id="{786ACC3A-ECC0-4B90-AA25-F2899E60C613}"/>
                </a:ext>
              </a:extLst>
            </p:cNvPr>
            <p:cNvSpPr/>
            <p:nvPr/>
          </p:nvSpPr>
          <p:spPr>
            <a:xfrm>
              <a:off x="1001544" y="191485"/>
              <a:ext cx="75396" cy="256975"/>
            </a:xfrm>
            <a:custGeom>
              <a:avLst/>
              <a:gdLst>
                <a:gd name="connsiteX0" fmla="*/ 12308 w 75396"/>
                <a:gd name="connsiteY0" fmla="*/ 250945 h 256975"/>
                <a:gd name="connsiteX1" fmla="*/ 34546 w 75396"/>
                <a:gd name="connsiteY1" fmla="*/ 121966 h 256975"/>
                <a:gd name="connsiteX2" fmla="*/ 53818 w 75396"/>
                <a:gd name="connsiteY2" fmla="*/ 60972 h 256975"/>
                <a:gd name="connsiteX3" fmla="*/ 65255 w 75396"/>
                <a:gd name="connsiteY3" fmla="*/ 31109 h 256975"/>
                <a:gd name="connsiteX4" fmla="*/ 75421 w 75396"/>
                <a:gd name="connsiteY4" fmla="*/ 2094 h 256975"/>
                <a:gd name="connsiteX5" fmla="*/ 73273 w 75396"/>
                <a:gd name="connsiteY5" fmla="*/ 6 h 256975"/>
                <a:gd name="connsiteX6" fmla="*/ 71820 w 75396"/>
                <a:gd name="connsiteY6" fmla="*/ 612 h 256975"/>
                <a:gd name="connsiteX7" fmla="*/ 57419 w 75396"/>
                <a:gd name="connsiteY7" fmla="*/ 27721 h 256975"/>
                <a:gd name="connsiteX8" fmla="*/ 45770 w 75396"/>
                <a:gd name="connsiteY8" fmla="*/ 56948 h 256975"/>
                <a:gd name="connsiteX9" fmla="*/ 24592 w 75396"/>
                <a:gd name="connsiteY9" fmla="*/ 120484 h 256975"/>
                <a:gd name="connsiteX10" fmla="*/ 24 w 75396"/>
                <a:gd name="connsiteY10" fmla="*/ 250945 h 256975"/>
                <a:gd name="connsiteX11" fmla="*/ 12308 w 75396"/>
                <a:gd name="connsiteY11" fmla="*/ 250945 h 2569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75396" h="256975">
                  <a:moveTo>
                    <a:pt x="12308" y="250945"/>
                  </a:moveTo>
                  <a:cubicBezTo>
                    <a:pt x="16019" y="207395"/>
                    <a:pt x="23459" y="164244"/>
                    <a:pt x="34546" y="121966"/>
                  </a:cubicBezTo>
                  <a:cubicBezTo>
                    <a:pt x="40052" y="100788"/>
                    <a:pt x="46618" y="81091"/>
                    <a:pt x="53818" y="60972"/>
                  </a:cubicBezTo>
                  <a:cubicBezTo>
                    <a:pt x="57419" y="50806"/>
                    <a:pt x="61231" y="41063"/>
                    <a:pt x="65255" y="31109"/>
                  </a:cubicBezTo>
                  <a:cubicBezTo>
                    <a:pt x="69859" y="21908"/>
                    <a:pt x="73275" y="12158"/>
                    <a:pt x="75421" y="2094"/>
                  </a:cubicBezTo>
                  <a:cubicBezTo>
                    <a:pt x="75404" y="925"/>
                    <a:pt x="74442" y="-10"/>
                    <a:pt x="73273" y="6"/>
                  </a:cubicBezTo>
                  <a:cubicBezTo>
                    <a:pt x="72729" y="14"/>
                    <a:pt x="72208" y="231"/>
                    <a:pt x="71820" y="612"/>
                  </a:cubicBezTo>
                  <a:cubicBezTo>
                    <a:pt x="65547" y="8786"/>
                    <a:pt x="60680" y="17947"/>
                    <a:pt x="57419" y="27721"/>
                  </a:cubicBezTo>
                  <a:cubicBezTo>
                    <a:pt x="53183" y="37463"/>
                    <a:pt x="49371" y="47205"/>
                    <a:pt x="45770" y="56948"/>
                  </a:cubicBezTo>
                  <a:cubicBezTo>
                    <a:pt x="37934" y="78126"/>
                    <a:pt x="30945" y="99305"/>
                    <a:pt x="24592" y="120484"/>
                  </a:cubicBezTo>
                  <a:cubicBezTo>
                    <a:pt x="12579" y="163163"/>
                    <a:pt x="4357" y="206819"/>
                    <a:pt x="24" y="250945"/>
                  </a:cubicBezTo>
                  <a:cubicBezTo>
                    <a:pt x="24" y="258993"/>
                    <a:pt x="11461" y="258993"/>
                    <a:pt x="12308" y="250945"/>
                  </a:cubicBezTo>
                  <a:close/>
                </a:path>
              </a:pathLst>
            </a:custGeom>
            <a:solidFill>
              <a:srgbClr val="000000"/>
            </a:solidFill>
            <a:ln w="21168" cap="flat">
              <a:noFill/>
              <a:prstDash val="solid"/>
              <a:miter/>
            </a:ln>
          </p:spPr>
          <p:txBody>
            <a:bodyPr rtlCol="0" anchor="ctr"/>
            <a:lstStyle/>
            <a:p>
              <a:endParaRPr lang="en-US" sz="1500"/>
            </a:p>
          </p:txBody>
        </p:sp>
        <p:sp>
          <p:nvSpPr>
            <p:cNvPr id="120" name="Freeform: Shape 119">
              <a:extLst>
                <a:ext uri="{FF2B5EF4-FFF2-40B4-BE49-F238E27FC236}">
                  <a16:creationId xmlns:a16="http://schemas.microsoft.com/office/drawing/2014/main" id="{21CEF9D7-1970-4888-ABC4-EDBE049935CA}"/>
                </a:ext>
              </a:extLst>
            </p:cNvPr>
            <p:cNvSpPr/>
            <p:nvPr/>
          </p:nvSpPr>
          <p:spPr>
            <a:xfrm>
              <a:off x="980362" y="183872"/>
              <a:ext cx="69635" cy="254317"/>
            </a:xfrm>
            <a:custGeom>
              <a:avLst/>
              <a:gdLst>
                <a:gd name="connsiteX0" fmla="*/ 5110 w 69635"/>
                <a:gd name="connsiteY0" fmla="*/ 253053 h 254317"/>
                <a:gd name="connsiteX1" fmla="*/ 24171 w 69635"/>
                <a:gd name="connsiteY1" fmla="*/ 124498 h 254317"/>
                <a:gd name="connsiteX2" fmla="*/ 41326 w 69635"/>
                <a:gd name="connsiteY2" fmla="*/ 63503 h 254317"/>
                <a:gd name="connsiteX3" fmla="*/ 69070 w 69635"/>
                <a:gd name="connsiteY3" fmla="*/ 3778 h 254317"/>
                <a:gd name="connsiteX4" fmla="*/ 66529 w 69635"/>
                <a:gd name="connsiteY4" fmla="*/ 390 h 254317"/>
                <a:gd name="connsiteX5" fmla="*/ 36243 w 69635"/>
                <a:gd name="connsiteY5" fmla="*/ 50372 h 254317"/>
                <a:gd name="connsiteX6" fmla="*/ 16123 w 69635"/>
                <a:gd name="connsiteY6" fmla="*/ 117085 h 254317"/>
                <a:gd name="connsiteX7" fmla="*/ 27 w 69635"/>
                <a:gd name="connsiteY7" fmla="*/ 253053 h 254317"/>
                <a:gd name="connsiteX8" fmla="*/ 4475 w 69635"/>
                <a:gd name="connsiteY8" fmla="*/ 253688 h 254317"/>
                <a:gd name="connsiteX9" fmla="*/ 5110 w 69635"/>
                <a:gd name="connsiteY9" fmla="*/ 253053 h 25431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69635" h="254317">
                  <a:moveTo>
                    <a:pt x="5110" y="253053"/>
                  </a:moveTo>
                  <a:cubicBezTo>
                    <a:pt x="8270" y="209789"/>
                    <a:pt x="14641" y="166817"/>
                    <a:pt x="24171" y="124498"/>
                  </a:cubicBezTo>
                  <a:cubicBezTo>
                    <a:pt x="28830" y="103319"/>
                    <a:pt x="34760" y="83622"/>
                    <a:pt x="41326" y="63503"/>
                  </a:cubicBezTo>
                  <a:cubicBezTo>
                    <a:pt x="46981" y="42115"/>
                    <a:pt x="56373" y="21895"/>
                    <a:pt x="69070" y="3778"/>
                  </a:cubicBezTo>
                  <a:cubicBezTo>
                    <a:pt x="70553" y="2084"/>
                    <a:pt x="69070" y="-1093"/>
                    <a:pt x="66529" y="390"/>
                  </a:cubicBezTo>
                  <a:cubicBezTo>
                    <a:pt x="51460" y="13477"/>
                    <a:pt x="40868" y="30956"/>
                    <a:pt x="36243" y="50372"/>
                  </a:cubicBezTo>
                  <a:cubicBezTo>
                    <a:pt x="28415" y="72256"/>
                    <a:pt x="21700" y="94522"/>
                    <a:pt x="16123" y="117085"/>
                  </a:cubicBezTo>
                  <a:cubicBezTo>
                    <a:pt x="5282" y="161590"/>
                    <a:pt x="-121" y="207247"/>
                    <a:pt x="27" y="253053"/>
                  </a:cubicBezTo>
                  <a:cubicBezTo>
                    <a:pt x="1080" y="254457"/>
                    <a:pt x="3071" y="254741"/>
                    <a:pt x="4475" y="253688"/>
                  </a:cubicBezTo>
                  <a:cubicBezTo>
                    <a:pt x="4716" y="253508"/>
                    <a:pt x="4930" y="253294"/>
                    <a:pt x="5110" y="253053"/>
                  </a:cubicBezTo>
                  <a:close/>
                </a:path>
              </a:pathLst>
            </a:custGeom>
            <a:solidFill>
              <a:srgbClr val="000000"/>
            </a:solidFill>
            <a:ln w="21168" cap="flat">
              <a:noFill/>
              <a:prstDash val="solid"/>
              <a:miter/>
            </a:ln>
          </p:spPr>
          <p:txBody>
            <a:bodyPr rtlCol="0" anchor="ctr"/>
            <a:lstStyle/>
            <a:p>
              <a:endParaRPr lang="en-US" sz="1500"/>
            </a:p>
          </p:txBody>
        </p:sp>
        <p:sp>
          <p:nvSpPr>
            <p:cNvPr id="121" name="Freeform: Shape 120">
              <a:extLst>
                <a:ext uri="{FF2B5EF4-FFF2-40B4-BE49-F238E27FC236}">
                  <a16:creationId xmlns:a16="http://schemas.microsoft.com/office/drawing/2014/main" id="{482EED83-29B8-4474-AA09-A9B120A1DB17}"/>
                </a:ext>
              </a:extLst>
            </p:cNvPr>
            <p:cNvSpPr/>
            <p:nvPr/>
          </p:nvSpPr>
          <p:spPr>
            <a:xfrm>
              <a:off x="992618" y="191910"/>
              <a:ext cx="74579" cy="257000"/>
            </a:xfrm>
            <a:custGeom>
              <a:avLst/>
              <a:gdLst>
                <a:gd name="connsiteX0" fmla="*/ 8950 w 74579"/>
                <a:gd name="connsiteY0" fmla="*/ 252427 h 257000"/>
                <a:gd name="connsiteX1" fmla="*/ 74604 w 74579"/>
                <a:gd name="connsiteY1" fmla="*/ 2517 h 257000"/>
                <a:gd name="connsiteX2" fmla="*/ 70792 w 74579"/>
                <a:gd name="connsiteY2" fmla="*/ 1034 h 257000"/>
                <a:gd name="connsiteX3" fmla="*/ 55 w 74579"/>
                <a:gd name="connsiteY3" fmla="*/ 252215 h 257000"/>
                <a:gd name="connsiteX4" fmla="*/ 8950 w 74579"/>
                <a:gd name="connsiteY4" fmla="*/ 252427 h 2570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74579" h="257000">
                  <a:moveTo>
                    <a:pt x="8950" y="252427"/>
                  </a:moveTo>
                  <a:cubicBezTo>
                    <a:pt x="16578" y="166015"/>
                    <a:pt x="38776" y="81520"/>
                    <a:pt x="74604" y="2517"/>
                  </a:cubicBezTo>
                  <a:cubicBezTo>
                    <a:pt x="74604" y="399"/>
                    <a:pt x="71851" y="-1083"/>
                    <a:pt x="70792" y="1034"/>
                  </a:cubicBezTo>
                  <a:cubicBezTo>
                    <a:pt x="31450" y="79500"/>
                    <a:pt x="7442" y="164751"/>
                    <a:pt x="55" y="252215"/>
                  </a:cubicBezTo>
                  <a:cubicBezTo>
                    <a:pt x="-581" y="258569"/>
                    <a:pt x="8950" y="258569"/>
                    <a:pt x="8950" y="252427"/>
                  </a:cubicBezTo>
                  <a:close/>
                </a:path>
              </a:pathLst>
            </a:custGeom>
            <a:solidFill>
              <a:srgbClr val="000000"/>
            </a:solidFill>
            <a:ln w="21168" cap="flat">
              <a:noFill/>
              <a:prstDash val="solid"/>
              <a:miter/>
            </a:ln>
          </p:spPr>
          <p:txBody>
            <a:bodyPr rtlCol="0" anchor="ctr"/>
            <a:lstStyle/>
            <a:p>
              <a:endParaRPr lang="en-US" sz="1500"/>
            </a:p>
          </p:txBody>
        </p:sp>
        <p:sp>
          <p:nvSpPr>
            <p:cNvPr id="122" name="Freeform: Shape 121">
              <a:extLst>
                <a:ext uri="{FF2B5EF4-FFF2-40B4-BE49-F238E27FC236}">
                  <a16:creationId xmlns:a16="http://schemas.microsoft.com/office/drawing/2014/main" id="{A6D9CCFC-16DB-430F-BDB5-828A527ADFCB}"/>
                </a:ext>
              </a:extLst>
            </p:cNvPr>
            <p:cNvSpPr/>
            <p:nvPr/>
          </p:nvSpPr>
          <p:spPr>
            <a:xfrm>
              <a:off x="982479" y="191698"/>
              <a:ext cx="73493" cy="252870"/>
            </a:xfrm>
            <a:custGeom>
              <a:avLst/>
              <a:gdLst>
                <a:gd name="connsiteX0" fmla="*/ 9982 w 73493"/>
                <a:gd name="connsiteY0" fmla="*/ 248615 h 252870"/>
                <a:gd name="connsiteX1" fmla="*/ 73518 w 73493"/>
                <a:gd name="connsiteY1" fmla="*/ 2517 h 252870"/>
                <a:gd name="connsiteX2" fmla="*/ 69918 w 73493"/>
                <a:gd name="connsiteY2" fmla="*/ 1034 h 252870"/>
                <a:gd name="connsiteX3" fmla="*/ 28 w 73493"/>
                <a:gd name="connsiteY3" fmla="*/ 248403 h 252870"/>
                <a:gd name="connsiteX4" fmla="*/ 9982 w 73493"/>
                <a:gd name="connsiteY4" fmla="*/ 248615 h 25287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73493" h="252870">
                  <a:moveTo>
                    <a:pt x="9982" y="248615"/>
                  </a:moveTo>
                  <a:cubicBezTo>
                    <a:pt x="21372" y="164361"/>
                    <a:pt x="42699" y="81754"/>
                    <a:pt x="73518" y="2517"/>
                  </a:cubicBezTo>
                  <a:cubicBezTo>
                    <a:pt x="73518" y="399"/>
                    <a:pt x="70765" y="-1083"/>
                    <a:pt x="69918" y="1034"/>
                  </a:cubicBezTo>
                  <a:cubicBezTo>
                    <a:pt x="34174" y="79456"/>
                    <a:pt x="10607" y="162872"/>
                    <a:pt x="28" y="248403"/>
                  </a:cubicBezTo>
                  <a:cubicBezTo>
                    <a:pt x="-184" y="254333"/>
                    <a:pt x="9135" y="254333"/>
                    <a:pt x="9982" y="248615"/>
                  </a:cubicBezTo>
                  <a:close/>
                </a:path>
              </a:pathLst>
            </a:custGeom>
            <a:solidFill>
              <a:srgbClr val="000000"/>
            </a:solidFill>
            <a:ln w="21168" cap="flat">
              <a:noFill/>
              <a:prstDash val="solid"/>
              <a:miter/>
            </a:ln>
          </p:spPr>
          <p:txBody>
            <a:bodyPr rtlCol="0" anchor="ctr"/>
            <a:lstStyle/>
            <a:p>
              <a:endParaRPr lang="en-US" sz="1500"/>
            </a:p>
          </p:txBody>
        </p:sp>
        <p:sp>
          <p:nvSpPr>
            <p:cNvPr id="123" name="Freeform: Shape 122">
              <a:extLst>
                <a:ext uri="{FF2B5EF4-FFF2-40B4-BE49-F238E27FC236}">
                  <a16:creationId xmlns:a16="http://schemas.microsoft.com/office/drawing/2014/main" id="{452F2BC9-B80A-44CE-81C6-CD464E7A72E0}"/>
                </a:ext>
              </a:extLst>
            </p:cNvPr>
            <p:cNvSpPr/>
            <p:nvPr/>
          </p:nvSpPr>
          <p:spPr>
            <a:xfrm>
              <a:off x="1006626" y="183054"/>
              <a:ext cx="47229" cy="161524"/>
            </a:xfrm>
            <a:custGeom>
              <a:avLst/>
              <a:gdLst>
                <a:gd name="connsiteX0" fmla="*/ 4684 w 47229"/>
                <a:gd name="connsiteY0" fmla="*/ 159201 h 161524"/>
                <a:gd name="connsiteX1" fmla="*/ 16121 w 47229"/>
                <a:gd name="connsiteY1" fmla="*/ 78722 h 161524"/>
                <a:gd name="connsiteX2" fmla="*/ 29887 w 47229"/>
                <a:gd name="connsiteY2" fmla="*/ 40388 h 161524"/>
                <a:gd name="connsiteX3" fmla="*/ 38994 w 47229"/>
                <a:gd name="connsiteY3" fmla="*/ 23445 h 161524"/>
                <a:gd name="connsiteX4" fmla="*/ 47253 w 47229"/>
                <a:gd name="connsiteY4" fmla="*/ 5232 h 161524"/>
                <a:gd name="connsiteX5" fmla="*/ 41889 w 47229"/>
                <a:gd name="connsiteY5" fmla="*/ 7 h 161524"/>
                <a:gd name="connsiteX6" fmla="*/ 38358 w 47229"/>
                <a:gd name="connsiteY6" fmla="*/ 1419 h 161524"/>
                <a:gd name="connsiteX7" fmla="*/ 29463 w 47229"/>
                <a:gd name="connsiteY7" fmla="*/ 19421 h 161524"/>
                <a:gd name="connsiteX8" fmla="*/ 23957 w 47229"/>
                <a:gd name="connsiteY8" fmla="*/ 38906 h 161524"/>
                <a:gd name="connsiteX9" fmla="*/ 12308 w 47229"/>
                <a:gd name="connsiteY9" fmla="*/ 78722 h 161524"/>
                <a:gd name="connsiteX10" fmla="*/ 25 w 47229"/>
                <a:gd name="connsiteY10" fmla="*/ 159201 h 161524"/>
                <a:gd name="connsiteX11" fmla="*/ 2354 w 47229"/>
                <a:gd name="connsiteY11" fmla="*/ 161531 h 161524"/>
                <a:gd name="connsiteX12" fmla="*/ 4684 w 47229"/>
                <a:gd name="connsiteY12" fmla="*/ 159201 h 16152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47229" h="161524">
                  <a:moveTo>
                    <a:pt x="4684" y="159201"/>
                  </a:moveTo>
                  <a:cubicBezTo>
                    <a:pt x="6912" y="132173"/>
                    <a:pt x="10731" y="105300"/>
                    <a:pt x="16121" y="78722"/>
                  </a:cubicBezTo>
                  <a:cubicBezTo>
                    <a:pt x="18618" y="65287"/>
                    <a:pt x="23266" y="52343"/>
                    <a:pt x="29887" y="40388"/>
                  </a:cubicBezTo>
                  <a:cubicBezTo>
                    <a:pt x="33064" y="34882"/>
                    <a:pt x="36029" y="29164"/>
                    <a:pt x="38994" y="23445"/>
                  </a:cubicBezTo>
                  <a:cubicBezTo>
                    <a:pt x="41959" y="17727"/>
                    <a:pt x="47253" y="11373"/>
                    <a:pt x="47253" y="5232"/>
                  </a:cubicBezTo>
                  <a:cubicBezTo>
                    <a:pt x="47215" y="2308"/>
                    <a:pt x="44814" y="-32"/>
                    <a:pt x="41889" y="7"/>
                  </a:cubicBezTo>
                  <a:cubicBezTo>
                    <a:pt x="40578" y="24"/>
                    <a:pt x="39320" y="527"/>
                    <a:pt x="38358" y="1419"/>
                  </a:cubicBezTo>
                  <a:cubicBezTo>
                    <a:pt x="33993" y="6620"/>
                    <a:pt x="30941" y="12794"/>
                    <a:pt x="29463" y="19421"/>
                  </a:cubicBezTo>
                  <a:cubicBezTo>
                    <a:pt x="26987" y="25718"/>
                    <a:pt x="25143" y="32245"/>
                    <a:pt x="23957" y="38906"/>
                  </a:cubicBezTo>
                  <a:cubicBezTo>
                    <a:pt x="21415" y="52460"/>
                    <a:pt x="16121" y="65379"/>
                    <a:pt x="12308" y="78722"/>
                  </a:cubicBezTo>
                  <a:cubicBezTo>
                    <a:pt x="4121" y="104762"/>
                    <a:pt x="-22" y="131904"/>
                    <a:pt x="25" y="159201"/>
                  </a:cubicBezTo>
                  <a:cubicBezTo>
                    <a:pt x="25" y="160488"/>
                    <a:pt x="1067" y="161531"/>
                    <a:pt x="2354" y="161531"/>
                  </a:cubicBezTo>
                  <a:cubicBezTo>
                    <a:pt x="3642" y="161531"/>
                    <a:pt x="4684" y="160488"/>
                    <a:pt x="4684" y="159201"/>
                  </a:cubicBezTo>
                  <a:close/>
                </a:path>
              </a:pathLst>
            </a:custGeom>
            <a:solidFill>
              <a:srgbClr val="000000"/>
            </a:solidFill>
            <a:ln w="21168" cap="flat">
              <a:noFill/>
              <a:prstDash val="solid"/>
              <a:miter/>
            </a:ln>
          </p:spPr>
          <p:txBody>
            <a:bodyPr rtlCol="0" anchor="ctr"/>
            <a:lstStyle/>
            <a:p>
              <a:endParaRPr lang="en-US" sz="1500"/>
            </a:p>
          </p:txBody>
        </p:sp>
        <p:sp>
          <p:nvSpPr>
            <p:cNvPr id="124" name="Freeform: Shape 123">
              <a:extLst>
                <a:ext uri="{FF2B5EF4-FFF2-40B4-BE49-F238E27FC236}">
                  <a16:creationId xmlns:a16="http://schemas.microsoft.com/office/drawing/2014/main" id="{3FF50410-8BDC-4F1C-80E5-03ABF10FB8A8}"/>
                </a:ext>
              </a:extLst>
            </p:cNvPr>
            <p:cNvSpPr/>
            <p:nvPr/>
          </p:nvSpPr>
          <p:spPr>
            <a:xfrm>
              <a:off x="1054418" y="286248"/>
              <a:ext cx="268304" cy="157650"/>
            </a:xfrm>
            <a:custGeom>
              <a:avLst/>
              <a:gdLst>
                <a:gd name="connsiteX0" fmla="*/ 14597 w 268304"/>
                <a:gd name="connsiteY0" fmla="*/ 70159 h 157650"/>
                <a:gd name="connsiteX1" fmla="*/ 84276 w 268304"/>
                <a:gd name="connsiteY1" fmla="*/ 124589 h 157650"/>
                <a:gd name="connsiteX2" fmla="*/ 192499 w 268304"/>
                <a:gd name="connsiteY2" fmla="*/ 157627 h 157650"/>
                <a:gd name="connsiteX3" fmla="*/ 245023 w 268304"/>
                <a:gd name="connsiteY3" fmla="*/ 147250 h 157650"/>
                <a:gd name="connsiteX4" fmla="*/ 254553 w 268304"/>
                <a:gd name="connsiteY4" fmla="*/ 141955 h 157650"/>
                <a:gd name="connsiteX5" fmla="*/ 267684 w 268304"/>
                <a:gd name="connsiteY5" fmla="*/ 126706 h 157650"/>
                <a:gd name="connsiteX6" fmla="*/ 266413 w 268304"/>
                <a:gd name="connsiteY6" fmla="*/ 108281 h 157650"/>
                <a:gd name="connsiteX7" fmla="*/ 249894 w 268304"/>
                <a:gd name="connsiteY7" fmla="*/ 80113 h 157650"/>
                <a:gd name="connsiteX8" fmla="*/ 216220 w 268304"/>
                <a:gd name="connsiteY8" fmla="*/ 52157 h 157650"/>
                <a:gd name="connsiteX9" fmla="*/ 173862 w 268304"/>
                <a:gd name="connsiteY9" fmla="*/ 29072 h 157650"/>
                <a:gd name="connsiteX10" fmla="*/ 131504 w 268304"/>
                <a:gd name="connsiteY10" fmla="*/ 11706 h 157650"/>
                <a:gd name="connsiteX11" fmla="*/ 82581 w 268304"/>
                <a:gd name="connsiteY11" fmla="*/ 2810 h 157650"/>
                <a:gd name="connsiteX12" fmla="*/ 35776 w 268304"/>
                <a:gd name="connsiteY12" fmla="*/ 1116 h 157650"/>
                <a:gd name="connsiteX13" fmla="*/ 11632 w 268304"/>
                <a:gd name="connsiteY13" fmla="*/ 13400 h 157650"/>
                <a:gd name="connsiteX14" fmla="*/ 6338 w 268304"/>
                <a:gd name="connsiteY14" fmla="*/ 18483 h 157650"/>
                <a:gd name="connsiteX15" fmla="*/ 3373 w 268304"/>
                <a:gd name="connsiteY15" fmla="*/ 53216 h 157650"/>
                <a:gd name="connsiteX16" fmla="*/ 14597 w 268304"/>
                <a:gd name="connsiteY16" fmla="*/ 70159 h 157650"/>
                <a:gd name="connsiteX17" fmla="*/ 145059 w 268304"/>
                <a:gd name="connsiteY17" fmla="*/ 111246 h 157650"/>
                <a:gd name="connsiteX18" fmla="*/ 78134 w 268304"/>
                <a:gd name="connsiteY18" fmla="*/ 84772 h 157650"/>
                <a:gd name="connsiteX19" fmla="*/ 47636 w 268304"/>
                <a:gd name="connsiteY19" fmla="*/ 63594 h 157650"/>
                <a:gd name="connsiteX20" fmla="*/ 37471 w 268304"/>
                <a:gd name="connsiteY20" fmla="*/ 55757 h 157650"/>
                <a:gd name="connsiteX21" fmla="*/ 82370 w 268304"/>
                <a:gd name="connsiteY21" fmla="*/ 83078 h 157650"/>
                <a:gd name="connsiteX22" fmla="*/ 148024 w 268304"/>
                <a:gd name="connsiteY22" fmla="*/ 111246 h 157650"/>
                <a:gd name="connsiteX23" fmla="*/ 192288 w 268304"/>
                <a:gd name="connsiteY23" fmla="*/ 111246 h 157650"/>
                <a:gd name="connsiteX24" fmla="*/ 191017 w 268304"/>
                <a:gd name="connsiteY24" fmla="*/ 107857 h 157650"/>
                <a:gd name="connsiteX25" fmla="*/ 159037 w 268304"/>
                <a:gd name="connsiteY25" fmla="*/ 88585 h 157650"/>
                <a:gd name="connsiteX26" fmla="*/ 120068 w 268304"/>
                <a:gd name="connsiteY26" fmla="*/ 70794 h 157650"/>
                <a:gd name="connsiteX27" fmla="*/ 105454 w 268304"/>
                <a:gd name="connsiteY27" fmla="*/ 66347 h 157650"/>
                <a:gd name="connsiteX28" fmla="*/ 188052 w 268304"/>
                <a:gd name="connsiteY28" fmla="*/ 104469 h 157650"/>
                <a:gd name="connsiteX29" fmla="*/ 194829 w 268304"/>
                <a:gd name="connsiteY29" fmla="*/ 109552 h 157650"/>
                <a:gd name="connsiteX30" fmla="*/ 191440 w 268304"/>
                <a:gd name="connsiteY30" fmla="*/ 111881 h 157650"/>
                <a:gd name="connsiteX31" fmla="*/ 209019 w 268304"/>
                <a:gd name="connsiteY31" fmla="*/ 117811 h 157650"/>
                <a:gd name="connsiteX32" fmla="*/ 206477 w 268304"/>
                <a:gd name="connsiteY32" fmla="*/ 117811 h 157650"/>
                <a:gd name="connsiteX33" fmla="*/ 209231 w 268304"/>
                <a:gd name="connsiteY33" fmla="*/ 111881 h 157650"/>
                <a:gd name="connsiteX34" fmla="*/ 185299 w 268304"/>
                <a:gd name="connsiteY34" fmla="*/ 85408 h 157650"/>
                <a:gd name="connsiteX35" fmla="*/ 94442 w 268304"/>
                <a:gd name="connsiteY35" fmla="*/ 47710 h 157650"/>
                <a:gd name="connsiteX36" fmla="*/ 56955 w 268304"/>
                <a:gd name="connsiteY36" fmla="*/ 43050 h 157650"/>
                <a:gd name="connsiteX37" fmla="*/ 55684 w 268304"/>
                <a:gd name="connsiteY37" fmla="*/ 43050 h 157650"/>
                <a:gd name="connsiteX38" fmla="*/ 131504 w 268304"/>
                <a:gd name="connsiteY38" fmla="*/ 58723 h 157650"/>
                <a:gd name="connsiteX39" fmla="*/ 195041 w 268304"/>
                <a:gd name="connsiteY39" fmla="*/ 84984 h 157650"/>
                <a:gd name="connsiteX40" fmla="*/ 213678 w 268304"/>
                <a:gd name="connsiteY40" fmla="*/ 107434 h 157650"/>
                <a:gd name="connsiteX41" fmla="*/ 208172 w 268304"/>
                <a:gd name="connsiteY41" fmla="*/ 118447 h 157650"/>
                <a:gd name="connsiteX42" fmla="*/ 232315 w 268304"/>
                <a:gd name="connsiteY42" fmla="*/ 124377 h 157650"/>
                <a:gd name="connsiteX43" fmla="*/ 224056 w 268304"/>
                <a:gd name="connsiteY43" fmla="*/ 126071 h 157650"/>
                <a:gd name="connsiteX44" fmla="*/ 228927 w 268304"/>
                <a:gd name="connsiteY44" fmla="*/ 109763 h 157650"/>
                <a:gd name="connsiteX45" fmla="*/ 236763 w 268304"/>
                <a:gd name="connsiteY45" fmla="*/ 118659 h 157650"/>
                <a:gd name="connsiteX46" fmla="*/ 238881 w 268304"/>
                <a:gd name="connsiteY46" fmla="*/ 121412 h 157650"/>
                <a:gd name="connsiteX47" fmla="*/ 231468 w 268304"/>
                <a:gd name="connsiteY47" fmla="*/ 125012 h 157650"/>
                <a:gd name="connsiteX48" fmla="*/ 214949 w 268304"/>
                <a:gd name="connsiteY48" fmla="*/ 82019 h 157650"/>
                <a:gd name="connsiteX49" fmla="*/ 197582 w 268304"/>
                <a:gd name="connsiteY49" fmla="*/ 68253 h 157650"/>
                <a:gd name="connsiteX50" fmla="*/ 106937 w 268304"/>
                <a:gd name="connsiteY50" fmla="*/ 29284 h 157650"/>
                <a:gd name="connsiteX51" fmla="*/ 56955 w 268304"/>
                <a:gd name="connsiteY51" fmla="*/ 21236 h 157650"/>
                <a:gd name="connsiteX52" fmla="*/ 56955 w 268304"/>
                <a:gd name="connsiteY52" fmla="*/ 21236 h 157650"/>
                <a:gd name="connsiteX53" fmla="*/ 64368 w 268304"/>
                <a:gd name="connsiteY53" fmla="*/ 21236 h 157650"/>
                <a:gd name="connsiteX54" fmla="*/ 65638 w 268304"/>
                <a:gd name="connsiteY54" fmla="*/ 21236 h 157650"/>
                <a:gd name="connsiteX55" fmla="*/ 72839 w 268304"/>
                <a:gd name="connsiteY55" fmla="*/ 21236 h 157650"/>
                <a:gd name="connsiteX56" fmla="*/ 97830 w 268304"/>
                <a:gd name="connsiteY56" fmla="*/ 23989 h 157650"/>
                <a:gd name="connsiteX57" fmla="*/ 115832 w 268304"/>
                <a:gd name="connsiteY57" fmla="*/ 29496 h 157650"/>
                <a:gd name="connsiteX58" fmla="*/ 194617 w 268304"/>
                <a:gd name="connsiteY58" fmla="*/ 63170 h 157650"/>
                <a:gd name="connsiteX59" fmla="*/ 235492 w 268304"/>
                <a:gd name="connsiteY59" fmla="*/ 96844 h 157650"/>
                <a:gd name="connsiteX60" fmla="*/ 239516 w 268304"/>
                <a:gd name="connsiteY60" fmla="*/ 101927 h 157650"/>
                <a:gd name="connsiteX61" fmla="*/ 214102 w 268304"/>
                <a:gd name="connsiteY61" fmla="*/ 81596 h 1576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 ang="0">
                  <a:pos x="connsiteX51" y="connsiteY51"/>
                </a:cxn>
                <a:cxn ang="0">
                  <a:pos x="connsiteX52" y="connsiteY52"/>
                </a:cxn>
                <a:cxn ang="0">
                  <a:pos x="connsiteX53" y="connsiteY53"/>
                </a:cxn>
                <a:cxn ang="0">
                  <a:pos x="connsiteX54" y="connsiteY54"/>
                </a:cxn>
                <a:cxn ang="0">
                  <a:pos x="connsiteX55" y="connsiteY55"/>
                </a:cxn>
                <a:cxn ang="0">
                  <a:pos x="connsiteX56" y="connsiteY56"/>
                </a:cxn>
                <a:cxn ang="0">
                  <a:pos x="connsiteX57" y="connsiteY57"/>
                </a:cxn>
                <a:cxn ang="0">
                  <a:pos x="connsiteX58" y="connsiteY58"/>
                </a:cxn>
                <a:cxn ang="0">
                  <a:pos x="connsiteX59" y="connsiteY59"/>
                </a:cxn>
                <a:cxn ang="0">
                  <a:pos x="connsiteX60" y="connsiteY60"/>
                </a:cxn>
                <a:cxn ang="0">
                  <a:pos x="connsiteX61" y="connsiteY61"/>
                </a:cxn>
              </a:cxnLst>
              <a:rect l="l" t="t" r="r" b="b"/>
              <a:pathLst>
                <a:path w="268304" h="157650">
                  <a:moveTo>
                    <a:pt x="14597" y="70159"/>
                  </a:moveTo>
                  <a:cubicBezTo>
                    <a:pt x="32485" y="94258"/>
                    <a:pt x="56563" y="113067"/>
                    <a:pt x="84276" y="124589"/>
                  </a:cubicBezTo>
                  <a:cubicBezTo>
                    <a:pt x="117461" y="143476"/>
                    <a:pt x="154424" y="154760"/>
                    <a:pt x="192499" y="157627"/>
                  </a:cubicBezTo>
                  <a:cubicBezTo>
                    <a:pt x="210552" y="158017"/>
                    <a:pt x="228474" y="154476"/>
                    <a:pt x="245023" y="147250"/>
                  </a:cubicBezTo>
                  <a:cubicBezTo>
                    <a:pt x="248413" y="145903"/>
                    <a:pt x="251618" y="144124"/>
                    <a:pt x="254553" y="141955"/>
                  </a:cubicBezTo>
                  <a:cubicBezTo>
                    <a:pt x="262178" y="141955"/>
                    <a:pt x="266413" y="133484"/>
                    <a:pt x="267684" y="126706"/>
                  </a:cubicBezTo>
                  <a:cubicBezTo>
                    <a:pt x="268859" y="120558"/>
                    <a:pt x="268423" y="114209"/>
                    <a:pt x="266413" y="108281"/>
                  </a:cubicBezTo>
                  <a:cubicBezTo>
                    <a:pt x="263558" y="97569"/>
                    <a:pt x="257849" y="87833"/>
                    <a:pt x="249894" y="80113"/>
                  </a:cubicBezTo>
                  <a:cubicBezTo>
                    <a:pt x="239910" y="69392"/>
                    <a:pt x="228592" y="59997"/>
                    <a:pt x="216220" y="52157"/>
                  </a:cubicBezTo>
                  <a:cubicBezTo>
                    <a:pt x="202693" y="43422"/>
                    <a:pt x="188535" y="35706"/>
                    <a:pt x="173862" y="29072"/>
                  </a:cubicBezTo>
                  <a:cubicBezTo>
                    <a:pt x="160166" y="22300"/>
                    <a:pt x="146012" y="16497"/>
                    <a:pt x="131504" y="11706"/>
                  </a:cubicBezTo>
                  <a:cubicBezTo>
                    <a:pt x="115514" y="7204"/>
                    <a:pt x="99133" y="4225"/>
                    <a:pt x="82581" y="2810"/>
                  </a:cubicBezTo>
                  <a:cubicBezTo>
                    <a:pt x="67167" y="-231"/>
                    <a:pt x="51370" y="-803"/>
                    <a:pt x="35776" y="1116"/>
                  </a:cubicBezTo>
                  <a:cubicBezTo>
                    <a:pt x="26729" y="2846"/>
                    <a:pt x="18357" y="7105"/>
                    <a:pt x="11632" y="13400"/>
                  </a:cubicBezTo>
                  <a:cubicBezTo>
                    <a:pt x="9716" y="14928"/>
                    <a:pt x="7943" y="16629"/>
                    <a:pt x="6338" y="18483"/>
                  </a:cubicBezTo>
                  <a:cubicBezTo>
                    <a:pt x="-852" y="28675"/>
                    <a:pt x="-1986" y="41953"/>
                    <a:pt x="3373" y="53216"/>
                  </a:cubicBezTo>
                  <a:cubicBezTo>
                    <a:pt x="6287" y="59371"/>
                    <a:pt x="10067" y="65076"/>
                    <a:pt x="14597" y="70159"/>
                  </a:cubicBezTo>
                  <a:close/>
                  <a:moveTo>
                    <a:pt x="145059" y="111246"/>
                  </a:moveTo>
                  <a:cubicBezTo>
                    <a:pt x="121625" y="105589"/>
                    <a:pt x="99097" y="96679"/>
                    <a:pt x="78134" y="84772"/>
                  </a:cubicBezTo>
                  <a:cubicBezTo>
                    <a:pt x="67498" y="78415"/>
                    <a:pt x="57309" y="71339"/>
                    <a:pt x="47636" y="63594"/>
                  </a:cubicBezTo>
                  <a:cubicBezTo>
                    <a:pt x="45095" y="61688"/>
                    <a:pt x="41283" y="58934"/>
                    <a:pt x="37471" y="55757"/>
                  </a:cubicBezTo>
                  <a:cubicBezTo>
                    <a:pt x="51826" y="65832"/>
                    <a:pt x="66824" y="74960"/>
                    <a:pt x="82370" y="83078"/>
                  </a:cubicBezTo>
                  <a:cubicBezTo>
                    <a:pt x="103451" y="94241"/>
                    <a:pt x="125409" y="103662"/>
                    <a:pt x="148024" y="111246"/>
                  </a:cubicBezTo>
                  <a:close/>
                  <a:moveTo>
                    <a:pt x="192288" y="111246"/>
                  </a:moveTo>
                  <a:cubicBezTo>
                    <a:pt x="192275" y="110003"/>
                    <a:pt x="191826" y="108802"/>
                    <a:pt x="191017" y="107857"/>
                  </a:cubicBezTo>
                  <a:cubicBezTo>
                    <a:pt x="181488" y="99718"/>
                    <a:pt x="170683" y="93206"/>
                    <a:pt x="159037" y="88585"/>
                  </a:cubicBezTo>
                  <a:cubicBezTo>
                    <a:pt x="146118" y="82443"/>
                    <a:pt x="132987" y="76724"/>
                    <a:pt x="120068" y="70794"/>
                  </a:cubicBezTo>
                  <a:lnTo>
                    <a:pt x="105454" y="66347"/>
                  </a:lnTo>
                  <a:cubicBezTo>
                    <a:pt x="134785" y="74729"/>
                    <a:pt x="162644" y="87589"/>
                    <a:pt x="188052" y="104469"/>
                  </a:cubicBezTo>
                  <a:cubicBezTo>
                    <a:pt x="189323" y="104469"/>
                    <a:pt x="194617" y="108069"/>
                    <a:pt x="194829" y="109552"/>
                  </a:cubicBezTo>
                  <a:cubicBezTo>
                    <a:pt x="195041" y="111034"/>
                    <a:pt x="193558" y="112093"/>
                    <a:pt x="191440" y="111881"/>
                  </a:cubicBezTo>
                  <a:close/>
                  <a:moveTo>
                    <a:pt x="209019" y="117811"/>
                  </a:moveTo>
                  <a:lnTo>
                    <a:pt x="206477" y="117811"/>
                  </a:lnTo>
                  <a:cubicBezTo>
                    <a:pt x="207932" y="116132"/>
                    <a:pt x="208888" y="114078"/>
                    <a:pt x="209231" y="111881"/>
                  </a:cubicBezTo>
                  <a:cubicBezTo>
                    <a:pt x="211348" y="99174"/>
                    <a:pt x="194194" y="90702"/>
                    <a:pt x="185299" y="85408"/>
                  </a:cubicBezTo>
                  <a:cubicBezTo>
                    <a:pt x="157311" y="67895"/>
                    <a:pt x="126606" y="55156"/>
                    <a:pt x="94442" y="47710"/>
                  </a:cubicBezTo>
                  <a:cubicBezTo>
                    <a:pt x="82050" y="45414"/>
                    <a:pt x="69531" y="43858"/>
                    <a:pt x="56955" y="43050"/>
                  </a:cubicBezTo>
                  <a:lnTo>
                    <a:pt x="55684" y="43050"/>
                  </a:lnTo>
                  <a:cubicBezTo>
                    <a:pt x="81794" y="42740"/>
                    <a:pt x="107659" y="48087"/>
                    <a:pt x="131504" y="58723"/>
                  </a:cubicBezTo>
                  <a:cubicBezTo>
                    <a:pt x="153433" y="65538"/>
                    <a:pt x="174699" y="74329"/>
                    <a:pt x="195041" y="84984"/>
                  </a:cubicBezTo>
                  <a:cubicBezTo>
                    <a:pt x="203716" y="90025"/>
                    <a:pt x="210321" y="97980"/>
                    <a:pt x="213678" y="107434"/>
                  </a:cubicBezTo>
                  <a:cubicBezTo>
                    <a:pt x="212831" y="111034"/>
                    <a:pt x="213678" y="115905"/>
                    <a:pt x="208172" y="118447"/>
                  </a:cubicBezTo>
                  <a:close/>
                  <a:moveTo>
                    <a:pt x="232315" y="124377"/>
                  </a:moveTo>
                  <a:lnTo>
                    <a:pt x="224056" y="126071"/>
                  </a:lnTo>
                  <a:cubicBezTo>
                    <a:pt x="227588" y="121397"/>
                    <a:pt x="229317" y="115609"/>
                    <a:pt x="228927" y="109763"/>
                  </a:cubicBezTo>
                  <a:cubicBezTo>
                    <a:pt x="231680" y="112517"/>
                    <a:pt x="234222" y="115693"/>
                    <a:pt x="236763" y="118659"/>
                  </a:cubicBezTo>
                  <a:cubicBezTo>
                    <a:pt x="237386" y="119639"/>
                    <a:pt x="238093" y="120560"/>
                    <a:pt x="238881" y="121412"/>
                  </a:cubicBezTo>
                  <a:cubicBezTo>
                    <a:pt x="236606" y="122979"/>
                    <a:pt x="234107" y="124195"/>
                    <a:pt x="231468" y="125012"/>
                  </a:cubicBezTo>
                  <a:close/>
                  <a:moveTo>
                    <a:pt x="214949" y="82019"/>
                  </a:moveTo>
                  <a:cubicBezTo>
                    <a:pt x="209703" y="76784"/>
                    <a:pt x="203877" y="72165"/>
                    <a:pt x="197582" y="68253"/>
                  </a:cubicBezTo>
                  <a:cubicBezTo>
                    <a:pt x="169662" y="50469"/>
                    <a:pt x="139053" y="37310"/>
                    <a:pt x="106937" y="29284"/>
                  </a:cubicBezTo>
                  <a:cubicBezTo>
                    <a:pt x="90551" y="25114"/>
                    <a:pt x="73822" y="22421"/>
                    <a:pt x="56955" y="21236"/>
                  </a:cubicBezTo>
                  <a:lnTo>
                    <a:pt x="56955" y="21236"/>
                  </a:lnTo>
                  <a:lnTo>
                    <a:pt x="64368" y="21236"/>
                  </a:lnTo>
                  <a:lnTo>
                    <a:pt x="65638" y="21236"/>
                  </a:lnTo>
                  <a:lnTo>
                    <a:pt x="72839" y="21236"/>
                  </a:lnTo>
                  <a:lnTo>
                    <a:pt x="97830" y="23989"/>
                  </a:lnTo>
                  <a:cubicBezTo>
                    <a:pt x="103972" y="25684"/>
                    <a:pt x="109902" y="27378"/>
                    <a:pt x="115832" y="29496"/>
                  </a:cubicBezTo>
                  <a:cubicBezTo>
                    <a:pt x="142899" y="38735"/>
                    <a:pt x="169234" y="49990"/>
                    <a:pt x="194617" y="63170"/>
                  </a:cubicBezTo>
                  <a:cubicBezTo>
                    <a:pt x="209466" y="72821"/>
                    <a:pt x="223177" y="84118"/>
                    <a:pt x="235492" y="96844"/>
                  </a:cubicBezTo>
                  <a:cubicBezTo>
                    <a:pt x="236962" y="98433"/>
                    <a:pt x="238307" y="100133"/>
                    <a:pt x="239516" y="101927"/>
                  </a:cubicBezTo>
                  <a:cubicBezTo>
                    <a:pt x="231864" y="94184"/>
                    <a:pt x="223336" y="87360"/>
                    <a:pt x="214102" y="81596"/>
                  </a:cubicBezTo>
                  <a:close/>
                </a:path>
              </a:pathLst>
            </a:custGeom>
            <a:solidFill>
              <a:srgbClr val="000000"/>
            </a:solidFill>
            <a:ln w="21168" cap="flat">
              <a:noFill/>
              <a:prstDash val="solid"/>
              <a:miter/>
            </a:ln>
          </p:spPr>
          <p:txBody>
            <a:bodyPr rtlCol="0" anchor="ctr"/>
            <a:lstStyle/>
            <a:p>
              <a:endParaRPr lang="en-US" sz="1500"/>
            </a:p>
          </p:txBody>
        </p:sp>
        <p:sp>
          <p:nvSpPr>
            <p:cNvPr id="125" name="Freeform: Shape 124">
              <a:extLst>
                <a:ext uri="{FF2B5EF4-FFF2-40B4-BE49-F238E27FC236}">
                  <a16:creationId xmlns:a16="http://schemas.microsoft.com/office/drawing/2014/main" id="{050010F5-04C8-48DE-BF0C-E24AD52BA211}"/>
                </a:ext>
              </a:extLst>
            </p:cNvPr>
            <p:cNvSpPr/>
            <p:nvPr/>
          </p:nvSpPr>
          <p:spPr>
            <a:xfrm>
              <a:off x="754890" y="157532"/>
              <a:ext cx="801825" cy="409809"/>
            </a:xfrm>
            <a:custGeom>
              <a:avLst/>
              <a:gdLst>
                <a:gd name="connsiteX0" fmla="*/ 168839 w 801825"/>
                <a:gd name="connsiteY0" fmla="*/ 256058 h 409809"/>
                <a:gd name="connsiteX1" fmla="*/ 177946 w 801825"/>
                <a:gd name="connsiteY1" fmla="*/ 258388 h 409809"/>
                <a:gd name="connsiteX2" fmla="*/ 207596 w 801825"/>
                <a:gd name="connsiteY2" fmla="*/ 267283 h 409809"/>
                <a:gd name="connsiteX3" fmla="*/ 210985 w 801825"/>
                <a:gd name="connsiteY3" fmla="*/ 268977 h 409809"/>
                <a:gd name="connsiteX4" fmla="*/ 210985 w 801825"/>
                <a:gd name="connsiteY4" fmla="*/ 268977 h 409809"/>
                <a:gd name="connsiteX5" fmla="*/ 219880 w 801825"/>
                <a:gd name="connsiteY5" fmla="*/ 270671 h 409809"/>
                <a:gd name="connsiteX6" fmla="*/ 220939 w 801825"/>
                <a:gd name="connsiteY6" fmla="*/ 270671 h 409809"/>
                <a:gd name="connsiteX7" fmla="*/ 220939 w 801825"/>
                <a:gd name="connsiteY7" fmla="*/ 272789 h 409809"/>
                <a:gd name="connsiteX8" fmla="*/ 229410 w 801825"/>
                <a:gd name="connsiteY8" fmla="*/ 272789 h 409809"/>
                <a:gd name="connsiteX9" fmla="*/ 230681 w 801825"/>
                <a:gd name="connsiteY9" fmla="*/ 272789 h 409809"/>
                <a:gd name="connsiteX10" fmla="*/ 238306 w 801825"/>
                <a:gd name="connsiteY10" fmla="*/ 275331 h 409809"/>
                <a:gd name="connsiteX11" fmla="*/ 574201 w 801825"/>
                <a:gd name="connsiteY11" fmla="*/ 378683 h 409809"/>
                <a:gd name="connsiteX12" fmla="*/ 589450 w 801825"/>
                <a:gd name="connsiteY12" fmla="*/ 385672 h 409809"/>
                <a:gd name="connsiteX13" fmla="*/ 591991 w 801825"/>
                <a:gd name="connsiteY13" fmla="*/ 384401 h 409809"/>
                <a:gd name="connsiteX14" fmla="*/ 593474 w 801825"/>
                <a:gd name="connsiteY14" fmla="*/ 384401 h 409809"/>
                <a:gd name="connsiteX15" fmla="*/ 600251 w 801825"/>
                <a:gd name="connsiteY15" fmla="*/ 392661 h 409809"/>
                <a:gd name="connsiteX16" fmla="*/ 607939 w 801825"/>
                <a:gd name="connsiteY16" fmla="*/ 390154 h 409809"/>
                <a:gd name="connsiteX17" fmla="*/ 608299 w 801825"/>
                <a:gd name="connsiteY17" fmla="*/ 389273 h 409809"/>
                <a:gd name="connsiteX18" fmla="*/ 608299 w 801825"/>
                <a:gd name="connsiteY18" fmla="*/ 389273 h 409809"/>
                <a:gd name="connsiteX19" fmla="*/ 628207 w 801825"/>
                <a:gd name="connsiteY19" fmla="*/ 394567 h 409809"/>
                <a:gd name="connsiteX20" fmla="*/ 712922 w 801825"/>
                <a:gd name="connsiteY20" fmla="*/ 409816 h 409809"/>
                <a:gd name="connsiteX21" fmla="*/ 786413 w 801825"/>
                <a:gd name="connsiteY21" fmla="*/ 199511 h 409809"/>
                <a:gd name="connsiteX22" fmla="*/ 713981 w 801825"/>
                <a:gd name="connsiteY22" fmla="*/ 163295 h 409809"/>
                <a:gd name="connsiteX23" fmla="*/ 304595 w 801825"/>
                <a:gd name="connsiteY23" fmla="*/ 22032 h 409809"/>
                <a:gd name="connsiteX24" fmla="*/ 301630 w 801825"/>
                <a:gd name="connsiteY24" fmla="*/ 22032 h 409809"/>
                <a:gd name="connsiteX25" fmla="*/ 281934 w 801825"/>
                <a:gd name="connsiteY25" fmla="*/ 16102 h 409809"/>
                <a:gd name="connsiteX26" fmla="*/ 275057 w 801825"/>
                <a:gd name="connsiteY26" fmla="*/ 14007 h 409809"/>
                <a:gd name="connsiteX27" fmla="*/ 274733 w 801825"/>
                <a:gd name="connsiteY27" fmla="*/ 14196 h 409809"/>
                <a:gd name="connsiteX28" fmla="*/ 236399 w 801825"/>
                <a:gd name="connsiteY28" fmla="*/ 4030 h 409809"/>
                <a:gd name="connsiteX29" fmla="*/ 211197 w 801825"/>
                <a:gd name="connsiteY29" fmla="*/ 6 h 409809"/>
                <a:gd name="connsiteX30" fmla="*/ 16352 w 801825"/>
                <a:gd name="connsiteY30" fmla="*/ 54012 h 409809"/>
                <a:gd name="connsiteX31" fmla="*/ 4915 w 801825"/>
                <a:gd name="connsiteY31" fmla="*/ 117549 h 409809"/>
                <a:gd name="connsiteX32" fmla="*/ 168839 w 801825"/>
                <a:gd name="connsiteY32" fmla="*/ 256058 h 40980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Lst>
              <a:rect l="l" t="t" r="r" b="b"/>
              <a:pathLst>
                <a:path w="801825" h="409809">
                  <a:moveTo>
                    <a:pt x="168839" y="256058"/>
                  </a:moveTo>
                  <a:cubicBezTo>
                    <a:pt x="171916" y="256657"/>
                    <a:pt x="174958" y="257437"/>
                    <a:pt x="177946" y="258388"/>
                  </a:cubicBezTo>
                  <a:lnTo>
                    <a:pt x="207596" y="267283"/>
                  </a:lnTo>
                  <a:cubicBezTo>
                    <a:pt x="208170" y="268589"/>
                    <a:pt x="209596" y="269301"/>
                    <a:pt x="210985" y="268977"/>
                  </a:cubicBezTo>
                  <a:lnTo>
                    <a:pt x="210985" y="268977"/>
                  </a:lnTo>
                  <a:cubicBezTo>
                    <a:pt x="210985" y="274272"/>
                    <a:pt x="217974" y="274907"/>
                    <a:pt x="219880" y="270671"/>
                  </a:cubicBezTo>
                  <a:lnTo>
                    <a:pt x="220939" y="270671"/>
                  </a:lnTo>
                  <a:cubicBezTo>
                    <a:pt x="220939" y="270671"/>
                    <a:pt x="220939" y="272154"/>
                    <a:pt x="220939" y="272789"/>
                  </a:cubicBezTo>
                  <a:cubicBezTo>
                    <a:pt x="220939" y="278084"/>
                    <a:pt x="228775" y="278296"/>
                    <a:pt x="229410" y="272789"/>
                  </a:cubicBezTo>
                  <a:lnTo>
                    <a:pt x="230681" y="272789"/>
                  </a:lnTo>
                  <a:cubicBezTo>
                    <a:pt x="232098" y="275581"/>
                    <a:pt x="235497" y="276714"/>
                    <a:pt x="238306" y="275331"/>
                  </a:cubicBezTo>
                  <a:cubicBezTo>
                    <a:pt x="323021" y="301804"/>
                    <a:pt x="466401" y="348186"/>
                    <a:pt x="574201" y="378683"/>
                  </a:cubicBezTo>
                  <a:cubicBezTo>
                    <a:pt x="576732" y="384586"/>
                    <a:pt x="583327" y="387608"/>
                    <a:pt x="589450" y="385672"/>
                  </a:cubicBezTo>
                  <a:cubicBezTo>
                    <a:pt x="590435" y="385615"/>
                    <a:pt x="591354" y="385155"/>
                    <a:pt x="591991" y="384401"/>
                  </a:cubicBezTo>
                  <a:lnTo>
                    <a:pt x="593474" y="384401"/>
                  </a:lnTo>
                  <a:cubicBezTo>
                    <a:pt x="594550" y="387943"/>
                    <a:pt x="596988" y="390914"/>
                    <a:pt x="600251" y="392661"/>
                  </a:cubicBezTo>
                  <a:cubicBezTo>
                    <a:pt x="603066" y="394093"/>
                    <a:pt x="606510" y="392970"/>
                    <a:pt x="607939" y="390154"/>
                  </a:cubicBezTo>
                  <a:cubicBezTo>
                    <a:pt x="608083" y="389872"/>
                    <a:pt x="608204" y="389575"/>
                    <a:pt x="608299" y="389273"/>
                  </a:cubicBezTo>
                  <a:lnTo>
                    <a:pt x="608299" y="389273"/>
                  </a:lnTo>
                  <a:lnTo>
                    <a:pt x="628207" y="394567"/>
                  </a:lnTo>
                  <a:cubicBezTo>
                    <a:pt x="655568" y="403689"/>
                    <a:pt x="684098" y="408825"/>
                    <a:pt x="712922" y="409816"/>
                  </a:cubicBezTo>
                  <a:cubicBezTo>
                    <a:pt x="753162" y="398591"/>
                    <a:pt x="836183" y="267706"/>
                    <a:pt x="786413" y="199511"/>
                  </a:cubicBezTo>
                  <a:cubicBezTo>
                    <a:pt x="764186" y="183934"/>
                    <a:pt x="739779" y="171731"/>
                    <a:pt x="713981" y="163295"/>
                  </a:cubicBezTo>
                  <a:cubicBezTo>
                    <a:pt x="610629" y="121149"/>
                    <a:pt x="420020" y="56130"/>
                    <a:pt x="304595" y="22032"/>
                  </a:cubicBezTo>
                  <a:cubicBezTo>
                    <a:pt x="303771" y="21225"/>
                    <a:pt x="302454" y="21225"/>
                    <a:pt x="301630" y="22032"/>
                  </a:cubicBezTo>
                  <a:lnTo>
                    <a:pt x="281934" y="16102"/>
                  </a:lnTo>
                  <a:cubicBezTo>
                    <a:pt x="280614" y="13625"/>
                    <a:pt x="277535" y="12687"/>
                    <a:pt x="275057" y="14007"/>
                  </a:cubicBezTo>
                  <a:cubicBezTo>
                    <a:pt x="274947" y="14066"/>
                    <a:pt x="274839" y="14129"/>
                    <a:pt x="274733" y="14196"/>
                  </a:cubicBezTo>
                  <a:cubicBezTo>
                    <a:pt x="259696" y="9960"/>
                    <a:pt x="246565" y="6360"/>
                    <a:pt x="236399" y="4030"/>
                  </a:cubicBezTo>
                  <a:cubicBezTo>
                    <a:pt x="228216" y="1572"/>
                    <a:pt x="219740" y="219"/>
                    <a:pt x="211197" y="6"/>
                  </a:cubicBezTo>
                  <a:cubicBezTo>
                    <a:pt x="178581" y="4454"/>
                    <a:pt x="36683" y="35375"/>
                    <a:pt x="16352" y="54012"/>
                  </a:cubicBezTo>
                  <a:cubicBezTo>
                    <a:pt x="-30" y="70893"/>
                    <a:pt x="-4552" y="96015"/>
                    <a:pt x="4915" y="117549"/>
                  </a:cubicBezTo>
                  <a:cubicBezTo>
                    <a:pt x="15505" y="134492"/>
                    <a:pt x="139189" y="250763"/>
                    <a:pt x="168839" y="256058"/>
                  </a:cubicBezTo>
                  <a:close/>
                </a:path>
              </a:pathLst>
            </a:custGeom>
            <a:noFill/>
            <a:ln w="18628" cap="rnd">
              <a:solidFill>
                <a:srgbClr val="190B0B"/>
              </a:solidFill>
              <a:prstDash val="solid"/>
              <a:round/>
            </a:ln>
          </p:spPr>
          <p:txBody>
            <a:bodyPr rtlCol="0" anchor="ctr"/>
            <a:lstStyle/>
            <a:p>
              <a:endParaRPr lang="en-US" sz="1500"/>
            </a:p>
          </p:txBody>
        </p:sp>
      </p:grpSp>
      <p:grpSp>
        <p:nvGrpSpPr>
          <p:cNvPr id="126" name="Group 125">
            <a:extLst>
              <a:ext uri="{FF2B5EF4-FFF2-40B4-BE49-F238E27FC236}">
                <a16:creationId xmlns:a16="http://schemas.microsoft.com/office/drawing/2014/main" id="{EEB5D66E-513C-4996-BC0E-A65E18536466}"/>
              </a:ext>
            </a:extLst>
          </p:cNvPr>
          <p:cNvGrpSpPr/>
          <p:nvPr/>
        </p:nvGrpSpPr>
        <p:grpSpPr>
          <a:xfrm>
            <a:off x="827831" y="4388888"/>
            <a:ext cx="691711" cy="382904"/>
            <a:chOff x="3736781" y="5995118"/>
            <a:chExt cx="1222642" cy="676808"/>
          </a:xfrm>
        </p:grpSpPr>
        <p:sp>
          <p:nvSpPr>
            <p:cNvPr id="127" name="Freeform: Shape 126">
              <a:extLst>
                <a:ext uri="{FF2B5EF4-FFF2-40B4-BE49-F238E27FC236}">
                  <a16:creationId xmlns:a16="http://schemas.microsoft.com/office/drawing/2014/main" id="{1B4DEC07-6D49-4316-A280-59B9AC8D6D3E}"/>
                </a:ext>
              </a:extLst>
            </p:cNvPr>
            <p:cNvSpPr/>
            <p:nvPr/>
          </p:nvSpPr>
          <p:spPr>
            <a:xfrm>
              <a:off x="3739953" y="6005993"/>
              <a:ext cx="1219470" cy="664111"/>
            </a:xfrm>
            <a:custGeom>
              <a:avLst/>
              <a:gdLst>
                <a:gd name="connsiteX0" fmla="*/ 1117487 w 1219470"/>
                <a:gd name="connsiteY0" fmla="*/ 369 h 664111"/>
                <a:gd name="connsiteX1" fmla="*/ 1045031 w 1219470"/>
                <a:gd name="connsiteY1" fmla="*/ 31538 h 664111"/>
                <a:gd name="connsiteX2" fmla="*/ 1045031 w 1219470"/>
                <a:gd name="connsiteY2" fmla="*/ 31538 h 664111"/>
                <a:gd name="connsiteX3" fmla="*/ 990588 w 1219470"/>
                <a:gd name="connsiteY3" fmla="*/ 5429 h 664111"/>
                <a:gd name="connsiteX4" fmla="*/ 595923 w 1219470"/>
                <a:gd name="connsiteY4" fmla="*/ 167343 h 664111"/>
                <a:gd name="connsiteX5" fmla="*/ 408913 w 1219470"/>
                <a:gd name="connsiteY5" fmla="*/ 241419 h 664111"/>
                <a:gd name="connsiteX6" fmla="*/ 410734 w 1219470"/>
                <a:gd name="connsiteY6" fmla="*/ 243442 h 664111"/>
                <a:gd name="connsiteX7" fmla="*/ 164019 w 1219470"/>
                <a:gd name="connsiteY7" fmla="*/ 344638 h 664111"/>
                <a:gd name="connsiteX8" fmla="*/ 146006 w 1219470"/>
                <a:gd name="connsiteY8" fmla="*/ 428631 h 664111"/>
                <a:gd name="connsiteX9" fmla="*/ 147423 w 1219470"/>
                <a:gd name="connsiteY9" fmla="*/ 432072 h 664111"/>
                <a:gd name="connsiteX10" fmla="*/ 81645 w 1219470"/>
                <a:gd name="connsiteY10" fmla="*/ 459193 h 664111"/>
                <a:gd name="connsiteX11" fmla="*/ 81645 w 1219470"/>
                <a:gd name="connsiteY11" fmla="*/ 459193 h 664111"/>
                <a:gd name="connsiteX12" fmla="*/ 77800 w 1219470"/>
                <a:gd name="connsiteY12" fmla="*/ 459193 h 664111"/>
                <a:gd name="connsiteX13" fmla="*/ 67073 w 1219470"/>
                <a:gd name="connsiteY13" fmla="*/ 503111 h 664111"/>
                <a:gd name="connsiteX14" fmla="*/ 62418 w 1219470"/>
                <a:gd name="connsiteY14" fmla="*/ 506957 h 664111"/>
                <a:gd name="connsiteX15" fmla="*/ 28213 w 1219470"/>
                <a:gd name="connsiteY15" fmla="*/ 534685 h 664111"/>
                <a:gd name="connsiteX16" fmla="*/ 688 w 1219470"/>
                <a:gd name="connsiteY16" fmla="*/ 587103 h 664111"/>
                <a:gd name="connsiteX17" fmla="*/ 108361 w 1219470"/>
                <a:gd name="connsiteY17" fmla="*/ 608760 h 664111"/>
                <a:gd name="connsiteX18" fmla="*/ 148840 w 1219470"/>
                <a:gd name="connsiteY18" fmla="*/ 640333 h 664111"/>
                <a:gd name="connsiteX19" fmla="*/ 148840 w 1219470"/>
                <a:gd name="connsiteY19" fmla="*/ 640333 h 664111"/>
                <a:gd name="connsiteX20" fmla="*/ 152280 w 1219470"/>
                <a:gd name="connsiteY20" fmla="*/ 640333 h 664111"/>
                <a:gd name="connsiteX21" fmla="*/ 155114 w 1219470"/>
                <a:gd name="connsiteY21" fmla="*/ 638714 h 664111"/>
                <a:gd name="connsiteX22" fmla="*/ 221700 w 1219470"/>
                <a:gd name="connsiteY22" fmla="*/ 611593 h 664111"/>
                <a:gd name="connsiteX23" fmla="*/ 223522 w 1219470"/>
                <a:gd name="connsiteY23" fmla="*/ 615844 h 664111"/>
                <a:gd name="connsiteX24" fmla="*/ 294966 w 1219470"/>
                <a:gd name="connsiteY24" fmla="*/ 662191 h 664111"/>
                <a:gd name="connsiteX25" fmla="*/ 294966 w 1219470"/>
                <a:gd name="connsiteY25" fmla="*/ 662191 h 664111"/>
                <a:gd name="connsiteX26" fmla="*/ 549778 w 1219470"/>
                <a:gd name="connsiteY26" fmla="*/ 557352 h 664111"/>
                <a:gd name="connsiteX27" fmla="*/ 891618 w 1219470"/>
                <a:gd name="connsiteY27" fmla="*/ 419523 h 664111"/>
                <a:gd name="connsiteX28" fmla="*/ 891618 w 1219470"/>
                <a:gd name="connsiteY28" fmla="*/ 416690 h 664111"/>
                <a:gd name="connsiteX29" fmla="*/ 1121738 w 1219470"/>
                <a:gd name="connsiteY29" fmla="*/ 322173 h 664111"/>
                <a:gd name="connsiteX30" fmla="*/ 1141977 w 1219470"/>
                <a:gd name="connsiteY30" fmla="*/ 256193 h 664111"/>
                <a:gd name="connsiteX31" fmla="*/ 1045639 w 1219470"/>
                <a:gd name="connsiteY31" fmla="*/ 29919 h 664111"/>
                <a:gd name="connsiteX32" fmla="*/ 1112225 w 1219470"/>
                <a:gd name="connsiteY32" fmla="*/ 140223 h 664111"/>
                <a:gd name="connsiteX33" fmla="*/ 1141977 w 1219470"/>
                <a:gd name="connsiteY33" fmla="*/ 256193 h 664111"/>
                <a:gd name="connsiteX34" fmla="*/ 1210183 w 1219470"/>
                <a:gd name="connsiteY34" fmla="*/ 228465 h 664111"/>
                <a:gd name="connsiteX35" fmla="*/ 1200266 w 1219470"/>
                <a:gd name="connsiteY35" fmla="*/ 101768 h 664111"/>
                <a:gd name="connsiteX36" fmla="*/ 1117487 w 1219470"/>
                <a:gd name="connsiteY36" fmla="*/ 369 h 66411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Lst>
              <a:rect l="l" t="t" r="r" b="b"/>
              <a:pathLst>
                <a:path w="1219470" h="664111">
                  <a:moveTo>
                    <a:pt x="1117487" y="369"/>
                  </a:moveTo>
                  <a:lnTo>
                    <a:pt x="1045031" y="31538"/>
                  </a:lnTo>
                  <a:lnTo>
                    <a:pt x="1045031" y="31538"/>
                  </a:lnTo>
                  <a:cubicBezTo>
                    <a:pt x="1024792" y="9882"/>
                    <a:pt x="1004553" y="-440"/>
                    <a:pt x="990588" y="5429"/>
                  </a:cubicBezTo>
                  <a:lnTo>
                    <a:pt x="595923" y="167343"/>
                  </a:lnTo>
                  <a:cubicBezTo>
                    <a:pt x="501609" y="204987"/>
                    <a:pt x="408913" y="241419"/>
                    <a:pt x="408913" y="241419"/>
                  </a:cubicBezTo>
                  <a:lnTo>
                    <a:pt x="410734" y="243442"/>
                  </a:lnTo>
                  <a:lnTo>
                    <a:pt x="164019" y="344638"/>
                  </a:lnTo>
                  <a:cubicBezTo>
                    <a:pt x="145601" y="352329"/>
                    <a:pt x="139732" y="385117"/>
                    <a:pt x="146006" y="428631"/>
                  </a:cubicBezTo>
                  <a:lnTo>
                    <a:pt x="147423" y="432072"/>
                  </a:lnTo>
                  <a:lnTo>
                    <a:pt x="81645" y="459193"/>
                  </a:lnTo>
                  <a:lnTo>
                    <a:pt x="81645" y="459193"/>
                  </a:lnTo>
                  <a:cubicBezTo>
                    <a:pt x="80370" y="458990"/>
                    <a:pt x="79075" y="458990"/>
                    <a:pt x="77800" y="459193"/>
                  </a:cubicBezTo>
                  <a:cubicBezTo>
                    <a:pt x="67883" y="463240"/>
                    <a:pt x="64442" y="479432"/>
                    <a:pt x="67073" y="503111"/>
                  </a:cubicBezTo>
                  <a:lnTo>
                    <a:pt x="62418" y="506957"/>
                  </a:lnTo>
                  <a:cubicBezTo>
                    <a:pt x="50052" y="514951"/>
                    <a:pt x="38596" y="524241"/>
                    <a:pt x="28213" y="534685"/>
                  </a:cubicBezTo>
                  <a:cubicBezTo>
                    <a:pt x="12083" y="547516"/>
                    <a:pt x="2105" y="566541"/>
                    <a:pt x="688" y="587103"/>
                  </a:cubicBezTo>
                  <a:cubicBezTo>
                    <a:pt x="2510" y="606331"/>
                    <a:pt x="53108" y="616653"/>
                    <a:pt x="108361" y="608760"/>
                  </a:cubicBezTo>
                  <a:cubicBezTo>
                    <a:pt x="122731" y="628999"/>
                    <a:pt x="137708" y="641547"/>
                    <a:pt x="148840" y="640333"/>
                  </a:cubicBezTo>
                  <a:lnTo>
                    <a:pt x="148840" y="640333"/>
                  </a:lnTo>
                  <a:cubicBezTo>
                    <a:pt x="149973" y="640535"/>
                    <a:pt x="151147" y="640535"/>
                    <a:pt x="152280" y="640333"/>
                  </a:cubicBezTo>
                  <a:lnTo>
                    <a:pt x="155114" y="638714"/>
                  </a:lnTo>
                  <a:lnTo>
                    <a:pt x="221700" y="611593"/>
                  </a:lnTo>
                  <a:lnTo>
                    <a:pt x="223522" y="615844"/>
                  </a:lnTo>
                  <a:cubicBezTo>
                    <a:pt x="249833" y="651060"/>
                    <a:pt x="276549" y="669882"/>
                    <a:pt x="294966" y="662191"/>
                  </a:cubicBezTo>
                  <a:lnTo>
                    <a:pt x="294966" y="662191"/>
                  </a:lnTo>
                  <a:lnTo>
                    <a:pt x="549778" y="557352"/>
                  </a:lnTo>
                  <a:cubicBezTo>
                    <a:pt x="628913" y="524970"/>
                    <a:pt x="891618" y="419523"/>
                    <a:pt x="891618" y="419523"/>
                  </a:cubicBezTo>
                  <a:cubicBezTo>
                    <a:pt x="891618" y="419523"/>
                    <a:pt x="891618" y="419523"/>
                    <a:pt x="891618" y="416690"/>
                  </a:cubicBezTo>
                  <a:lnTo>
                    <a:pt x="1121738" y="322173"/>
                  </a:lnTo>
                  <a:cubicBezTo>
                    <a:pt x="1137524" y="315494"/>
                    <a:pt x="1144001" y="290802"/>
                    <a:pt x="1141977" y="256193"/>
                  </a:cubicBezTo>
                  <a:cubicBezTo>
                    <a:pt x="1131736" y="173213"/>
                    <a:pt x="1098361" y="94806"/>
                    <a:pt x="1045639" y="29919"/>
                  </a:cubicBezTo>
                  <a:cubicBezTo>
                    <a:pt x="1074135" y="62504"/>
                    <a:pt x="1096662" y="99825"/>
                    <a:pt x="1112225" y="140223"/>
                  </a:cubicBezTo>
                  <a:cubicBezTo>
                    <a:pt x="1128052" y="177119"/>
                    <a:pt x="1138091" y="216241"/>
                    <a:pt x="1141977" y="256193"/>
                  </a:cubicBezTo>
                  <a:lnTo>
                    <a:pt x="1210183" y="228465"/>
                  </a:lnTo>
                  <a:cubicBezTo>
                    <a:pt x="1227589" y="221382"/>
                    <a:pt x="1220910" y="151557"/>
                    <a:pt x="1200266" y="101768"/>
                  </a:cubicBezTo>
                  <a:cubicBezTo>
                    <a:pt x="1179622" y="51979"/>
                    <a:pt x="1134691" y="-6714"/>
                    <a:pt x="1117487" y="369"/>
                  </a:cubicBezTo>
                  <a:close/>
                </a:path>
              </a:pathLst>
            </a:custGeom>
            <a:solidFill>
              <a:srgbClr val="63D1E1"/>
            </a:solidFill>
            <a:ln w="20234" cap="flat">
              <a:noFill/>
              <a:prstDash val="solid"/>
              <a:miter/>
            </a:ln>
          </p:spPr>
          <p:txBody>
            <a:bodyPr rtlCol="0" anchor="ctr"/>
            <a:lstStyle/>
            <a:p>
              <a:endParaRPr lang="en-US" sz="1500"/>
            </a:p>
          </p:txBody>
        </p:sp>
        <p:sp>
          <p:nvSpPr>
            <p:cNvPr id="128" name="Freeform: Shape 127">
              <a:extLst>
                <a:ext uri="{FF2B5EF4-FFF2-40B4-BE49-F238E27FC236}">
                  <a16:creationId xmlns:a16="http://schemas.microsoft.com/office/drawing/2014/main" id="{3C5C823C-1ECE-4835-BB0F-549D0C7FF9B9}"/>
                </a:ext>
              </a:extLst>
            </p:cNvPr>
            <p:cNvSpPr/>
            <p:nvPr/>
          </p:nvSpPr>
          <p:spPr>
            <a:xfrm>
              <a:off x="3882905" y="6350220"/>
              <a:ext cx="172166" cy="321706"/>
            </a:xfrm>
            <a:custGeom>
              <a:avLst/>
              <a:gdLst>
                <a:gd name="connsiteX0" fmla="*/ 3054 w 172166"/>
                <a:gd name="connsiteY0" fmla="*/ 85416 h 321706"/>
                <a:gd name="connsiteX1" fmla="*/ 21067 w 172166"/>
                <a:gd name="connsiteY1" fmla="*/ 1422 h 321706"/>
                <a:gd name="connsiteX2" fmla="*/ 142502 w 172166"/>
                <a:gd name="connsiteY2" fmla="*/ 137633 h 321706"/>
                <a:gd name="connsiteX3" fmla="*/ 152419 w 172166"/>
                <a:gd name="connsiteY3" fmla="*/ 319786 h 321706"/>
                <a:gd name="connsiteX4" fmla="*/ 80975 w 172166"/>
                <a:gd name="connsiteY4" fmla="*/ 273437 h 32170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72166" h="321706">
                  <a:moveTo>
                    <a:pt x="3054" y="85416"/>
                  </a:moveTo>
                  <a:cubicBezTo>
                    <a:pt x="-3220" y="41497"/>
                    <a:pt x="3054" y="9113"/>
                    <a:pt x="21067" y="1422"/>
                  </a:cubicBezTo>
                  <a:cubicBezTo>
                    <a:pt x="51831" y="-11126"/>
                    <a:pt x="106072" y="49794"/>
                    <a:pt x="142502" y="137633"/>
                  </a:cubicBezTo>
                  <a:cubicBezTo>
                    <a:pt x="178933" y="225471"/>
                    <a:pt x="182981" y="307035"/>
                    <a:pt x="152419" y="319786"/>
                  </a:cubicBezTo>
                  <a:cubicBezTo>
                    <a:pt x="134002" y="327477"/>
                    <a:pt x="107286" y="308653"/>
                    <a:pt x="80975" y="273437"/>
                  </a:cubicBezTo>
                </a:path>
              </a:pathLst>
            </a:custGeom>
            <a:solidFill>
              <a:srgbClr val="160A0A"/>
            </a:solidFill>
            <a:ln w="20234" cap="flat">
              <a:noFill/>
              <a:prstDash val="solid"/>
              <a:miter/>
            </a:ln>
          </p:spPr>
          <p:txBody>
            <a:bodyPr rtlCol="0" anchor="ctr"/>
            <a:lstStyle/>
            <a:p>
              <a:endParaRPr lang="en-US" sz="1500"/>
            </a:p>
          </p:txBody>
        </p:sp>
        <p:sp>
          <p:nvSpPr>
            <p:cNvPr id="129" name="Freeform: Shape 128">
              <a:extLst>
                <a:ext uri="{FF2B5EF4-FFF2-40B4-BE49-F238E27FC236}">
                  <a16:creationId xmlns:a16="http://schemas.microsoft.com/office/drawing/2014/main" id="{DC8407F4-D0D5-48A7-889E-918E061EDC57}"/>
                </a:ext>
              </a:extLst>
            </p:cNvPr>
            <p:cNvSpPr/>
            <p:nvPr/>
          </p:nvSpPr>
          <p:spPr>
            <a:xfrm>
              <a:off x="4148380" y="6108179"/>
              <a:ext cx="482707" cy="460239"/>
            </a:xfrm>
            <a:custGeom>
              <a:avLst/>
              <a:gdLst>
                <a:gd name="connsiteX0" fmla="*/ 688 w 482707"/>
                <a:gd name="connsiteY0" fmla="*/ 139840 h 460239"/>
                <a:gd name="connsiteX1" fmla="*/ 133862 w 482707"/>
                <a:gd name="connsiteY1" fmla="*/ 460024 h 460239"/>
                <a:gd name="connsiteX2" fmla="*/ 483394 w 482707"/>
                <a:gd name="connsiteY2" fmla="*/ 318350 h 460239"/>
                <a:gd name="connsiteX3" fmla="*/ 349410 w 482707"/>
                <a:gd name="connsiteY3" fmla="*/ -215 h 460239"/>
                <a:gd name="connsiteX4" fmla="*/ 688 w 482707"/>
                <a:gd name="connsiteY4" fmla="*/ 139840 h 46023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82707" h="460239">
                  <a:moveTo>
                    <a:pt x="688" y="139840"/>
                  </a:moveTo>
                  <a:cubicBezTo>
                    <a:pt x="688" y="139840"/>
                    <a:pt x="133053" y="290622"/>
                    <a:pt x="133862" y="460024"/>
                  </a:cubicBezTo>
                  <a:cubicBezTo>
                    <a:pt x="201866" y="432094"/>
                    <a:pt x="483394" y="318350"/>
                    <a:pt x="483394" y="318350"/>
                  </a:cubicBezTo>
                  <a:cubicBezTo>
                    <a:pt x="483394" y="318350"/>
                    <a:pt x="485620" y="106041"/>
                    <a:pt x="349410" y="-215"/>
                  </a:cubicBezTo>
                  <a:cubicBezTo>
                    <a:pt x="252869" y="40263"/>
                    <a:pt x="688" y="139840"/>
                    <a:pt x="688" y="139840"/>
                  </a:cubicBezTo>
                  <a:close/>
                </a:path>
              </a:pathLst>
            </a:custGeom>
            <a:solidFill>
              <a:srgbClr val="FFE21A"/>
            </a:solidFill>
            <a:ln w="20234" cap="flat">
              <a:noFill/>
              <a:prstDash val="solid"/>
              <a:miter/>
            </a:ln>
          </p:spPr>
          <p:txBody>
            <a:bodyPr rtlCol="0" anchor="ctr"/>
            <a:lstStyle/>
            <a:p>
              <a:endParaRPr lang="en-US" sz="1500"/>
            </a:p>
          </p:txBody>
        </p:sp>
        <p:sp>
          <p:nvSpPr>
            <p:cNvPr id="130" name="Freeform: Shape 129">
              <a:extLst>
                <a:ext uri="{FF2B5EF4-FFF2-40B4-BE49-F238E27FC236}">
                  <a16:creationId xmlns:a16="http://schemas.microsoft.com/office/drawing/2014/main" id="{BAAEC32A-BB22-4100-BDA6-8BDF9D7D1DFD}"/>
                </a:ext>
              </a:extLst>
            </p:cNvPr>
            <p:cNvSpPr/>
            <p:nvPr/>
          </p:nvSpPr>
          <p:spPr>
            <a:xfrm>
              <a:off x="4784094" y="6006007"/>
              <a:ext cx="174407" cy="258013"/>
            </a:xfrm>
            <a:custGeom>
              <a:avLst/>
              <a:gdLst>
                <a:gd name="connsiteX0" fmla="*/ 155316 w 174407"/>
                <a:gd name="connsiteY0" fmla="*/ 103373 h 258013"/>
                <a:gd name="connsiteX1" fmla="*/ 165233 w 174407"/>
                <a:gd name="connsiteY1" fmla="*/ 230071 h 258013"/>
                <a:gd name="connsiteX2" fmla="*/ 97027 w 174407"/>
                <a:gd name="connsiteY2" fmla="*/ 257798 h 258013"/>
                <a:gd name="connsiteX3" fmla="*/ 67276 w 174407"/>
                <a:gd name="connsiteY3" fmla="*/ 141827 h 258013"/>
                <a:gd name="connsiteX4" fmla="*/ 688 w 174407"/>
                <a:gd name="connsiteY4" fmla="*/ 31524 h 258013"/>
                <a:gd name="connsiteX5" fmla="*/ 73145 w 174407"/>
                <a:gd name="connsiteY5" fmla="*/ 355 h 258013"/>
                <a:gd name="connsiteX6" fmla="*/ 155316 w 174407"/>
                <a:gd name="connsiteY6" fmla="*/ 103373 h 25801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174407" h="258013">
                  <a:moveTo>
                    <a:pt x="155316" y="103373"/>
                  </a:moveTo>
                  <a:cubicBezTo>
                    <a:pt x="175555" y="153161"/>
                    <a:pt x="182639" y="222986"/>
                    <a:pt x="165233" y="230071"/>
                  </a:cubicBezTo>
                  <a:lnTo>
                    <a:pt x="97027" y="257798"/>
                  </a:lnTo>
                  <a:cubicBezTo>
                    <a:pt x="93141" y="217846"/>
                    <a:pt x="83102" y="178723"/>
                    <a:pt x="67276" y="141827"/>
                  </a:cubicBezTo>
                  <a:cubicBezTo>
                    <a:pt x="51711" y="101430"/>
                    <a:pt x="29185" y="64109"/>
                    <a:pt x="688" y="31524"/>
                  </a:cubicBezTo>
                  <a:lnTo>
                    <a:pt x="73145" y="355"/>
                  </a:lnTo>
                  <a:cubicBezTo>
                    <a:pt x="90551" y="-6728"/>
                    <a:pt x="134065" y="53584"/>
                    <a:pt x="155316" y="103373"/>
                  </a:cubicBezTo>
                  <a:close/>
                </a:path>
              </a:pathLst>
            </a:custGeom>
            <a:solidFill>
              <a:srgbClr val="160A0A"/>
            </a:solidFill>
            <a:ln w="20234" cap="flat">
              <a:noFill/>
              <a:prstDash val="solid"/>
              <a:miter/>
            </a:ln>
          </p:spPr>
          <p:txBody>
            <a:bodyPr rtlCol="0" anchor="ctr"/>
            <a:lstStyle/>
            <a:p>
              <a:endParaRPr lang="en-US" sz="1500"/>
            </a:p>
          </p:txBody>
        </p:sp>
        <p:sp>
          <p:nvSpPr>
            <p:cNvPr id="131" name="Freeform: Shape 130">
              <a:extLst>
                <a:ext uri="{FF2B5EF4-FFF2-40B4-BE49-F238E27FC236}">
                  <a16:creationId xmlns:a16="http://schemas.microsoft.com/office/drawing/2014/main" id="{601588EF-A9D7-4DAC-A96D-2FB96203BD9F}"/>
                </a:ext>
              </a:extLst>
            </p:cNvPr>
            <p:cNvSpPr/>
            <p:nvPr/>
          </p:nvSpPr>
          <p:spPr>
            <a:xfrm>
              <a:off x="3901462" y="5995118"/>
              <a:ext cx="985446" cy="676721"/>
            </a:xfrm>
            <a:custGeom>
              <a:avLst/>
              <a:gdLst>
                <a:gd name="connsiteX0" fmla="*/ 132648 w 985446"/>
                <a:gd name="connsiteY0" fmla="*/ 673066 h 676721"/>
                <a:gd name="connsiteX1" fmla="*/ 378959 w 985446"/>
                <a:gd name="connsiteY1" fmla="*/ 558108 h 676721"/>
                <a:gd name="connsiteX2" fmla="*/ 629723 w 985446"/>
                <a:gd name="connsiteY2" fmla="*/ 453472 h 676721"/>
                <a:gd name="connsiteX3" fmla="*/ 884535 w 985446"/>
                <a:gd name="connsiteY3" fmla="*/ 358752 h 676721"/>
                <a:gd name="connsiteX4" fmla="*/ 947681 w 985446"/>
                <a:gd name="connsiteY4" fmla="*/ 333453 h 676721"/>
                <a:gd name="connsiteX5" fmla="*/ 961443 w 985446"/>
                <a:gd name="connsiteY5" fmla="*/ 326977 h 676721"/>
                <a:gd name="connsiteX6" fmla="*/ 969337 w 985446"/>
                <a:gd name="connsiteY6" fmla="*/ 315440 h 676721"/>
                <a:gd name="connsiteX7" fmla="*/ 973992 w 985446"/>
                <a:gd name="connsiteY7" fmla="*/ 284271 h 676721"/>
                <a:gd name="connsiteX8" fmla="*/ 940192 w 985446"/>
                <a:gd name="connsiteY8" fmla="*/ 156764 h 676721"/>
                <a:gd name="connsiteX9" fmla="*/ 908215 w 985446"/>
                <a:gd name="connsiteY9" fmla="*/ 98678 h 676721"/>
                <a:gd name="connsiteX10" fmla="*/ 867736 w 985446"/>
                <a:gd name="connsiteY10" fmla="*/ 48080 h 676721"/>
                <a:gd name="connsiteX11" fmla="*/ 844461 w 985446"/>
                <a:gd name="connsiteY11" fmla="*/ 32091 h 676721"/>
                <a:gd name="connsiteX12" fmla="*/ 835758 w 985446"/>
                <a:gd name="connsiteY12" fmla="*/ 30674 h 676721"/>
                <a:gd name="connsiteX13" fmla="*/ 831913 w 985446"/>
                <a:gd name="connsiteY13" fmla="*/ 32294 h 676721"/>
                <a:gd name="connsiteX14" fmla="*/ 824222 w 985446"/>
                <a:gd name="connsiteY14" fmla="*/ 35734 h 676721"/>
                <a:gd name="connsiteX15" fmla="*/ 761885 w 985446"/>
                <a:gd name="connsiteY15" fmla="*/ 62653 h 676721"/>
                <a:gd name="connsiteX16" fmla="*/ 511526 w 985446"/>
                <a:gd name="connsiteY16" fmla="*/ 168301 h 676721"/>
                <a:gd name="connsiteX17" fmla="*/ 2105 w 985446"/>
                <a:gd name="connsiteY17" fmla="*/ 358347 h 676721"/>
                <a:gd name="connsiteX18" fmla="*/ 688 w 985446"/>
                <a:gd name="connsiteY18" fmla="*/ 354704 h 676721"/>
                <a:gd name="connsiteX19" fmla="*/ 496347 w 985446"/>
                <a:gd name="connsiteY19" fmla="*/ 132073 h 676721"/>
                <a:gd name="connsiteX20" fmla="*/ 748527 w 985446"/>
                <a:gd name="connsiteY20" fmla="*/ 30877 h 676721"/>
                <a:gd name="connsiteX21" fmla="*/ 811673 w 985446"/>
                <a:gd name="connsiteY21" fmla="*/ 6184 h 676721"/>
                <a:gd name="connsiteX22" fmla="*/ 819769 w 985446"/>
                <a:gd name="connsiteY22" fmla="*/ 3149 h 676721"/>
                <a:gd name="connsiteX23" fmla="*/ 832115 w 985446"/>
                <a:gd name="connsiteY23" fmla="*/ -90 h 676721"/>
                <a:gd name="connsiteX24" fmla="*/ 856402 w 985446"/>
                <a:gd name="connsiteY24" fmla="*/ 4566 h 676721"/>
                <a:gd name="connsiteX25" fmla="*/ 887976 w 985446"/>
                <a:gd name="connsiteY25" fmla="*/ 28246 h 676721"/>
                <a:gd name="connsiteX26" fmla="*/ 910036 w 985446"/>
                <a:gd name="connsiteY26" fmla="*/ 56985 h 676721"/>
                <a:gd name="connsiteX27" fmla="*/ 928251 w 985446"/>
                <a:gd name="connsiteY27" fmla="*/ 86939 h 676721"/>
                <a:gd name="connsiteX28" fmla="*/ 957396 w 985446"/>
                <a:gd name="connsiteY28" fmla="*/ 150085 h 676721"/>
                <a:gd name="connsiteX29" fmla="*/ 977635 w 985446"/>
                <a:gd name="connsiteY29" fmla="*/ 216470 h 676721"/>
                <a:gd name="connsiteX30" fmla="*/ 986135 w 985446"/>
                <a:gd name="connsiteY30" fmla="*/ 285284 h 676721"/>
                <a:gd name="connsiteX31" fmla="*/ 979861 w 985446"/>
                <a:gd name="connsiteY31" fmla="*/ 320702 h 676721"/>
                <a:gd name="connsiteX32" fmla="*/ 968325 w 985446"/>
                <a:gd name="connsiteY32" fmla="*/ 336894 h 676721"/>
                <a:gd name="connsiteX33" fmla="*/ 951729 w 985446"/>
                <a:gd name="connsiteY33" fmla="*/ 344787 h 676721"/>
                <a:gd name="connsiteX34" fmla="*/ 889190 w 985446"/>
                <a:gd name="connsiteY34" fmla="*/ 371098 h 676721"/>
                <a:gd name="connsiteX35" fmla="*/ 641462 w 985446"/>
                <a:gd name="connsiteY35" fmla="*/ 483425 h 676721"/>
                <a:gd name="connsiteX36" fmla="*/ 389889 w 985446"/>
                <a:gd name="connsiteY36" fmla="*/ 584621 h 676721"/>
                <a:gd name="connsiteX37" fmla="*/ 133863 w 985446"/>
                <a:gd name="connsiteY37" fmla="*/ 676507 h 67672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Lst>
              <a:rect l="l" t="t" r="r" b="b"/>
              <a:pathLst>
                <a:path w="985446" h="676721">
                  <a:moveTo>
                    <a:pt x="132648" y="673066"/>
                  </a:moveTo>
                  <a:cubicBezTo>
                    <a:pt x="213605" y="632588"/>
                    <a:pt x="295979" y="594538"/>
                    <a:pt x="378959" y="558108"/>
                  </a:cubicBezTo>
                  <a:cubicBezTo>
                    <a:pt x="461940" y="521678"/>
                    <a:pt x="545325" y="486056"/>
                    <a:pt x="629723" y="453472"/>
                  </a:cubicBezTo>
                  <a:cubicBezTo>
                    <a:pt x="714120" y="420885"/>
                    <a:pt x="800137" y="391540"/>
                    <a:pt x="884535" y="358752"/>
                  </a:cubicBezTo>
                  <a:lnTo>
                    <a:pt x="947681" y="333453"/>
                  </a:lnTo>
                  <a:cubicBezTo>
                    <a:pt x="952498" y="331813"/>
                    <a:pt x="957112" y="329647"/>
                    <a:pt x="961443" y="326977"/>
                  </a:cubicBezTo>
                  <a:cubicBezTo>
                    <a:pt x="964986" y="323839"/>
                    <a:pt x="967698" y="319872"/>
                    <a:pt x="969337" y="315440"/>
                  </a:cubicBezTo>
                  <a:cubicBezTo>
                    <a:pt x="972777" y="305422"/>
                    <a:pt x="974356" y="294856"/>
                    <a:pt x="973992" y="284271"/>
                  </a:cubicBezTo>
                  <a:cubicBezTo>
                    <a:pt x="970713" y="240048"/>
                    <a:pt x="959258" y="196818"/>
                    <a:pt x="940192" y="156764"/>
                  </a:cubicBezTo>
                  <a:cubicBezTo>
                    <a:pt x="931024" y="136626"/>
                    <a:pt x="920338" y="117196"/>
                    <a:pt x="908215" y="98678"/>
                  </a:cubicBezTo>
                  <a:cubicBezTo>
                    <a:pt x="896334" y="80584"/>
                    <a:pt x="882794" y="63643"/>
                    <a:pt x="867736" y="48080"/>
                  </a:cubicBezTo>
                  <a:cubicBezTo>
                    <a:pt x="861037" y="41340"/>
                    <a:pt x="853144" y="35937"/>
                    <a:pt x="844461" y="32091"/>
                  </a:cubicBezTo>
                  <a:cubicBezTo>
                    <a:pt x="841709" y="30978"/>
                    <a:pt x="838733" y="30512"/>
                    <a:pt x="835758" y="30674"/>
                  </a:cubicBezTo>
                  <a:lnTo>
                    <a:pt x="831913" y="32294"/>
                  </a:lnTo>
                  <a:lnTo>
                    <a:pt x="824222" y="35734"/>
                  </a:lnTo>
                  <a:lnTo>
                    <a:pt x="761885" y="62653"/>
                  </a:lnTo>
                  <a:cubicBezTo>
                    <a:pt x="678500" y="98273"/>
                    <a:pt x="595519" y="134096"/>
                    <a:pt x="511526" y="168301"/>
                  </a:cubicBezTo>
                  <a:cubicBezTo>
                    <a:pt x="343339" y="235495"/>
                    <a:pt x="174139" y="300261"/>
                    <a:pt x="2105" y="358347"/>
                  </a:cubicBezTo>
                  <a:lnTo>
                    <a:pt x="688" y="354704"/>
                  </a:lnTo>
                  <a:cubicBezTo>
                    <a:pt x="163816" y="273747"/>
                    <a:pt x="329576" y="201898"/>
                    <a:pt x="496347" y="132073"/>
                  </a:cubicBezTo>
                  <a:cubicBezTo>
                    <a:pt x="579935" y="97261"/>
                    <a:pt x="664332" y="64271"/>
                    <a:pt x="748527" y="30877"/>
                  </a:cubicBezTo>
                  <a:lnTo>
                    <a:pt x="811673" y="6184"/>
                  </a:lnTo>
                  <a:lnTo>
                    <a:pt x="819769" y="3149"/>
                  </a:lnTo>
                  <a:cubicBezTo>
                    <a:pt x="823695" y="1448"/>
                    <a:pt x="827865" y="376"/>
                    <a:pt x="832115" y="-90"/>
                  </a:cubicBezTo>
                  <a:cubicBezTo>
                    <a:pt x="840474" y="-696"/>
                    <a:pt x="848853" y="902"/>
                    <a:pt x="856402" y="4566"/>
                  </a:cubicBezTo>
                  <a:cubicBezTo>
                    <a:pt x="868303" y="10435"/>
                    <a:pt x="879009" y="18450"/>
                    <a:pt x="887976" y="28246"/>
                  </a:cubicBezTo>
                  <a:cubicBezTo>
                    <a:pt x="896253" y="37069"/>
                    <a:pt x="903640" y="46704"/>
                    <a:pt x="910036" y="56985"/>
                  </a:cubicBezTo>
                  <a:cubicBezTo>
                    <a:pt x="916512" y="66699"/>
                    <a:pt x="922584" y="77224"/>
                    <a:pt x="928251" y="86939"/>
                  </a:cubicBezTo>
                  <a:cubicBezTo>
                    <a:pt x="939484" y="107259"/>
                    <a:pt x="949219" y="128368"/>
                    <a:pt x="957396" y="150085"/>
                  </a:cubicBezTo>
                  <a:cubicBezTo>
                    <a:pt x="965977" y="171620"/>
                    <a:pt x="972737" y="193822"/>
                    <a:pt x="977635" y="216470"/>
                  </a:cubicBezTo>
                  <a:cubicBezTo>
                    <a:pt x="982917" y="239037"/>
                    <a:pt x="985771" y="262110"/>
                    <a:pt x="986135" y="285284"/>
                  </a:cubicBezTo>
                  <a:cubicBezTo>
                    <a:pt x="986115" y="297366"/>
                    <a:pt x="983990" y="309348"/>
                    <a:pt x="979861" y="320702"/>
                  </a:cubicBezTo>
                  <a:cubicBezTo>
                    <a:pt x="977493" y="327016"/>
                    <a:pt x="973527" y="332602"/>
                    <a:pt x="968325" y="336894"/>
                  </a:cubicBezTo>
                  <a:cubicBezTo>
                    <a:pt x="963083" y="340112"/>
                    <a:pt x="957537" y="342762"/>
                    <a:pt x="951729" y="344787"/>
                  </a:cubicBezTo>
                  <a:lnTo>
                    <a:pt x="889190" y="371098"/>
                  </a:lnTo>
                  <a:cubicBezTo>
                    <a:pt x="806006" y="407326"/>
                    <a:pt x="724240" y="446590"/>
                    <a:pt x="641462" y="483425"/>
                  </a:cubicBezTo>
                  <a:cubicBezTo>
                    <a:pt x="558683" y="520261"/>
                    <a:pt x="474286" y="553048"/>
                    <a:pt x="389889" y="584621"/>
                  </a:cubicBezTo>
                  <a:cubicBezTo>
                    <a:pt x="305491" y="616194"/>
                    <a:pt x="220082" y="648173"/>
                    <a:pt x="133863" y="676507"/>
                  </a:cubicBezTo>
                  <a:close/>
                </a:path>
              </a:pathLst>
            </a:custGeom>
            <a:solidFill>
              <a:srgbClr val="160A0A"/>
            </a:solidFill>
            <a:ln w="20234" cap="flat">
              <a:noFill/>
              <a:prstDash val="solid"/>
              <a:miter/>
            </a:ln>
          </p:spPr>
          <p:txBody>
            <a:bodyPr rtlCol="0" anchor="ctr"/>
            <a:lstStyle/>
            <a:p>
              <a:endParaRPr lang="en-US" sz="1500"/>
            </a:p>
          </p:txBody>
        </p:sp>
        <p:sp>
          <p:nvSpPr>
            <p:cNvPr id="132" name="Freeform: Shape 131">
              <a:extLst>
                <a:ext uri="{FF2B5EF4-FFF2-40B4-BE49-F238E27FC236}">
                  <a16:creationId xmlns:a16="http://schemas.microsoft.com/office/drawing/2014/main" id="{652CA6BA-9207-4031-8D9E-DA772808F573}"/>
                </a:ext>
              </a:extLst>
            </p:cNvPr>
            <p:cNvSpPr/>
            <p:nvPr/>
          </p:nvSpPr>
          <p:spPr>
            <a:xfrm>
              <a:off x="3820708" y="6423549"/>
              <a:ext cx="187003" cy="225420"/>
            </a:xfrm>
            <a:custGeom>
              <a:avLst/>
              <a:gdLst>
                <a:gd name="connsiteX0" fmla="*/ 688 w 187003"/>
                <a:gd name="connsiteY0" fmla="*/ 42649 h 225420"/>
                <a:gd name="connsiteX1" fmla="*/ 101884 w 187003"/>
                <a:gd name="connsiteY1" fmla="*/ 753 h 225420"/>
                <a:gd name="connsiteX2" fmla="*/ 170496 w 187003"/>
                <a:gd name="connsiteY2" fmla="*/ 77865 h 225420"/>
                <a:gd name="connsiteX3" fmla="*/ 176163 w 187003"/>
                <a:gd name="connsiteY3" fmla="*/ 181084 h 225420"/>
                <a:gd name="connsiteX4" fmla="*/ 67276 w 187003"/>
                <a:gd name="connsiteY4" fmla="*/ 225206 h 22542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87003" h="225420">
                  <a:moveTo>
                    <a:pt x="688" y="42649"/>
                  </a:moveTo>
                  <a:lnTo>
                    <a:pt x="101884" y="753"/>
                  </a:lnTo>
                  <a:cubicBezTo>
                    <a:pt x="119291" y="-6532"/>
                    <a:pt x="150054" y="28076"/>
                    <a:pt x="170496" y="77865"/>
                  </a:cubicBezTo>
                  <a:cubicBezTo>
                    <a:pt x="190937" y="127654"/>
                    <a:pt x="193568" y="173798"/>
                    <a:pt x="176163" y="181084"/>
                  </a:cubicBezTo>
                  <a:lnTo>
                    <a:pt x="67276" y="225206"/>
                  </a:lnTo>
                </a:path>
              </a:pathLst>
            </a:custGeom>
            <a:solidFill>
              <a:srgbClr val="FFFFFF"/>
            </a:solidFill>
            <a:ln w="20234" cap="flat">
              <a:noFill/>
              <a:prstDash val="solid"/>
              <a:miter/>
            </a:ln>
          </p:spPr>
          <p:txBody>
            <a:bodyPr rtlCol="0" anchor="ctr"/>
            <a:lstStyle/>
            <a:p>
              <a:endParaRPr lang="en-US" sz="1500"/>
            </a:p>
          </p:txBody>
        </p:sp>
        <p:sp>
          <p:nvSpPr>
            <p:cNvPr id="133" name="Freeform: Shape 132">
              <a:extLst>
                <a:ext uri="{FF2B5EF4-FFF2-40B4-BE49-F238E27FC236}">
                  <a16:creationId xmlns:a16="http://schemas.microsoft.com/office/drawing/2014/main" id="{DF04A18E-16E1-45E5-9BDC-56C4BF3BFAF5}"/>
                </a:ext>
              </a:extLst>
            </p:cNvPr>
            <p:cNvSpPr/>
            <p:nvPr/>
          </p:nvSpPr>
          <p:spPr>
            <a:xfrm>
              <a:off x="3820303" y="6416085"/>
              <a:ext cx="197562" cy="233897"/>
            </a:xfrm>
            <a:custGeom>
              <a:avLst/>
              <a:gdLst>
                <a:gd name="connsiteX0" fmla="*/ 688 w 197562"/>
                <a:gd name="connsiteY0" fmla="*/ 49302 h 233897"/>
                <a:gd name="connsiteX1" fmla="*/ 49870 w 197562"/>
                <a:gd name="connsiteY1" fmla="*/ 22182 h 233897"/>
                <a:gd name="connsiteX2" fmla="*/ 102289 w 197562"/>
                <a:gd name="connsiteY2" fmla="*/ 121 h 233897"/>
                <a:gd name="connsiteX3" fmla="*/ 120707 w 197562"/>
                <a:gd name="connsiteY3" fmla="*/ 4169 h 233897"/>
                <a:gd name="connsiteX4" fmla="*/ 132445 w 197562"/>
                <a:gd name="connsiteY4" fmla="*/ 14289 h 233897"/>
                <a:gd name="connsiteX5" fmla="*/ 149447 w 197562"/>
                <a:gd name="connsiteY5" fmla="*/ 37766 h 233897"/>
                <a:gd name="connsiteX6" fmla="*/ 177983 w 197562"/>
                <a:gd name="connsiteY6" fmla="*/ 86745 h 233897"/>
                <a:gd name="connsiteX7" fmla="*/ 196401 w 197562"/>
                <a:gd name="connsiteY7" fmla="*/ 141391 h 233897"/>
                <a:gd name="connsiteX8" fmla="*/ 197616 w 197562"/>
                <a:gd name="connsiteY8" fmla="*/ 171952 h 233897"/>
                <a:gd name="connsiteX9" fmla="*/ 191544 w 197562"/>
                <a:gd name="connsiteY9" fmla="*/ 188953 h 233897"/>
                <a:gd name="connsiteX10" fmla="*/ 182841 w 197562"/>
                <a:gd name="connsiteY10" fmla="*/ 196847 h 233897"/>
                <a:gd name="connsiteX11" fmla="*/ 175555 w 197562"/>
                <a:gd name="connsiteY11" fmla="*/ 199882 h 233897"/>
                <a:gd name="connsiteX12" fmla="*/ 68692 w 197562"/>
                <a:gd name="connsiteY12" fmla="*/ 233682 h 233897"/>
                <a:gd name="connsiteX13" fmla="*/ 68692 w 197562"/>
                <a:gd name="connsiteY13" fmla="*/ 231860 h 233897"/>
                <a:gd name="connsiteX14" fmla="*/ 168876 w 197562"/>
                <a:gd name="connsiteY14" fmla="*/ 181667 h 233897"/>
                <a:gd name="connsiteX15" fmla="*/ 174341 w 197562"/>
                <a:gd name="connsiteY15" fmla="*/ 179036 h 233897"/>
                <a:gd name="connsiteX16" fmla="*/ 175757 w 197562"/>
                <a:gd name="connsiteY16" fmla="*/ 177619 h 233897"/>
                <a:gd name="connsiteX17" fmla="*/ 178996 w 197562"/>
                <a:gd name="connsiteY17" fmla="*/ 168714 h 233897"/>
                <a:gd name="connsiteX18" fmla="*/ 178996 w 197562"/>
                <a:gd name="connsiteY18" fmla="*/ 143617 h 233897"/>
                <a:gd name="connsiteX19" fmla="*/ 168269 w 197562"/>
                <a:gd name="connsiteY19" fmla="*/ 90793 h 233897"/>
                <a:gd name="connsiteX20" fmla="*/ 144791 w 197562"/>
                <a:gd name="connsiteY20" fmla="*/ 41207 h 233897"/>
                <a:gd name="connsiteX21" fmla="*/ 125767 w 197562"/>
                <a:gd name="connsiteY21" fmla="*/ 21980 h 233897"/>
                <a:gd name="connsiteX22" fmla="*/ 106539 w 197562"/>
                <a:gd name="connsiteY22" fmla="*/ 15098 h 233897"/>
                <a:gd name="connsiteX23" fmla="*/ 1498 w 197562"/>
                <a:gd name="connsiteY23" fmla="*/ 50922 h 23389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Lst>
              <a:rect l="l" t="t" r="r" b="b"/>
              <a:pathLst>
                <a:path w="197562" h="233897">
                  <a:moveTo>
                    <a:pt x="688" y="49302"/>
                  </a:moveTo>
                  <a:cubicBezTo>
                    <a:pt x="16495" y="39244"/>
                    <a:pt x="32929" y="30197"/>
                    <a:pt x="49870" y="22182"/>
                  </a:cubicBezTo>
                  <a:cubicBezTo>
                    <a:pt x="66870" y="13743"/>
                    <a:pt x="84377" y="6375"/>
                    <a:pt x="102289" y="121"/>
                  </a:cubicBezTo>
                  <a:cubicBezTo>
                    <a:pt x="108725" y="-931"/>
                    <a:pt x="115303" y="506"/>
                    <a:pt x="120707" y="4169"/>
                  </a:cubicBezTo>
                  <a:cubicBezTo>
                    <a:pt x="125058" y="7003"/>
                    <a:pt x="129005" y="10402"/>
                    <a:pt x="132445" y="14289"/>
                  </a:cubicBezTo>
                  <a:cubicBezTo>
                    <a:pt x="138719" y="21656"/>
                    <a:pt x="144407" y="29509"/>
                    <a:pt x="149447" y="37766"/>
                  </a:cubicBezTo>
                  <a:cubicBezTo>
                    <a:pt x="159829" y="53573"/>
                    <a:pt x="169341" y="69927"/>
                    <a:pt x="177983" y="86745"/>
                  </a:cubicBezTo>
                  <a:cubicBezTo>
                    <a:pt x="186909" y="103888"/>
                    <a:pt x="193123" y="122326"/>
                    <a:pt x="196401" y="141391"/>
                  </a:cubicBezTo>
                  <a:cubicBezTo>
                    <a:pt x="198344" y="151449"/>
                    <a:pt x="198769" y="161752"/>
                    <a:pt x="197616" y="171952"/>
                  </a:cubicBezTo>
                  <a:cubicBezTo>
                    <a:pt x="196887" y="178003"/>
                    <a:pt x="194822" y="183812"/>
                    <a:pt x="191544" y="188953"/>
                  </a:cubicBezTo>
                  <a:cubicBezTo>
                    <a:pt x="189358" y="192272"/>
                    <a:pt x="186363" y="194984"/>
                    <a:pt x="182841" y="196847"/>
                  </a:cubicBezTo>
                  <a:cubicBezTo>
                    <a:pt x="178996" y="198668"/>
                    <a:pt x="177983" y="198870"/>
                    <a:pt x="175555" y="199882"/>
                  </a:cubicBezTo>
                  <a:cubicBezTo>
                    <a:pt x="140703" y="213422"/>
                    <a:pt x="105001" y="224715"/>
                    <a:pt x="68692" y="233682"/>
                  </a:cubicBezTo>
                  <a:lnTo>
                    <a:pt x="68692" y="231860"/>
                  </a:lnTo>
                  <a:cubicBezTo>
                    <a:pt x="100973" y="212997"/>
                    <a:pt x="134449" y="196239"/>
                    <a:pt x="168876" y="181667"/>
                  </a:cubicBezTo>
                  <a:cubicBezTo>
                    <a:pt x="170495" y="181667"/>
                    <a:pt x="173936" y="179440"/>
                    <a:pt x="174341" y="179036"/>
                  </a:cubicBezTo>
                  <a:cubicBezTo>
                    <a:pt x="174746" y="178631"/>
                    <a:pt x="174341" y="179036"/>
                    <a:pt x="175757" y="177619"/>
                  </a:cubicBezTo>
                  <a:cubicBezTo>
                    <a:pt x="177478" y="174927"/>
                    <a:pt x="178591" y="171891"/>
                    <a:pt x="178996" y="168714"/>
                  </a:cubicBezTo>
                  <a:cubicBezTo>
                    <a:pt x="180129" y="160395"/>
                    <a:pt x="180129" y="151936"/>
                    <a:pt x="178996" y="143617"/>
                  </a:cubicBezTo>
                  <a:cubicBezTo>
                    <a:pt x="176870" y="125746"/>
                    <a:pt x="173268" y="108077"/>
                    <a:pt x="168269" y="90793"/>
                  </a:cubicBezTo>
                  <a:cubicBezTo>
                    <a:pt x="163411" y="73022"/>
                    <a:pt x="155458" y="56245"/>
                    <a:pt x="144791" y="41207"/>
                  </a:cubicBezTo>
                  <a:cubicBezTo>
                    <a:pt x="139509" y="33840"/>
                    <a:pt x="133093" y="27343"/>
                    <a:pt x="125767" y="21980"/>
                  </a:cubicBezTo>
                  <a:cubicBezTo>
                    <a:pt x="119088" y="16717"/>
                    <a:pt x="109777" y="13074"/>
                    <a:pt x="106539" y="15098"/>
                  </a:cubicBezTo>
                  <a:cubicBezTo>
                    <a:pt x="72902" y="30764"/>
                    <a:pt x="37686" y="42786"/>
                    <a:pt x="1498" y="50922"/>
                  </a:cubicBezTo>
                  <a:close/>
                </a:path>
              </a:pathLst>
            </a:custGeom>
            <a:solidFill>
              <a:srgbClr val="160A0A"/>
            </a:solidFill>
            <a:ln w="20234" cap="flat">
              <a:noFill/>
              <a:prstDash val="solid"/>
              <a:miter/>
            </a:ln>
          </p:spPr>
          <p:txBody>
            <a:bodyPr rtlCol="0" anchor="ctr"/>
            <a:lstStyle/>
            <a:p>
              <a:endParaRPr lang="en-US" sz="1500"/>
            </a:p>
          </p:txBody>
        </p:sp>
        <p:sp>
          <p:nvSpPr>
            <p:cNvPr id="134" name="Freeform: Shape 133">
              <a:extLst>
                <a:ext uri="{FF2B5EF4-FFF2-40B4-BE49-F238E27FC236}">
                  <a16:creationId xmlns:a16="http://schemas.microsoft.com/office/drawing/2014/main" id="{1A11DFD6-2F02-4EEF-A002-0F7F200D24F2}"/>
                </a:ext>
              </a:extLst>
            </p:cNvPr>
            <p:cNvSpPr/>
            <p:nvPr/>
          </p:nvSpPr>
          <p:spPr>
            <a:xfrm>
              <a:off x="3805535" y="6466906"/>
              <a:ext cx="97336" cy="182223"/>
            </a:xfrm>
            <a:custGeom>
              <a:avLst/>
              <a:gdLst>
                <a:gd name="connsiteX0" fmla="*/ 86496 w 97336"/>
                <a:gd name="connsiteY0" fmla="*/ 181040 h 182223"/>
                <a:gd name="connsiteX1" fmla="*/ 17885 w 97336"/>
                <a:gd name="connsiteY1" fmla="*/ 103928 h 182223"/>
                <a:gd name="connsiteX2" fmla="*/ 12218 w 97336"/>
                <a:gd name="connsiteY2" fmla="*/ 709 h 182223"/>
                <a:gd name="connsiteX3" fmla="*/ 80829 w 97336"/>
                <a:gd name="connsiteY3" fmla="*/ 78022 h 182223"/>
                <a:gd name="connsiteX4" fmla="*/ 86496 w 97336"/>
                <a:gd name="connsiteY4" fmla="*/ 181040 h 182223"/>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7336" h="182223">
                  <a:moveTo>
                    <a:pt x="86496" y="181040"/>
                  </a:moveTo>
                  <a:cubicBezTo>
                    <a:pt x="69090" y="188325"/>
                    <a:pt x="38327" y="153717"/>
                    <a:pt x="17885" y="103928"/>
                  </a:cubicBezTo>
                  <a:cubicBezTo>
                    <a:pt x="-2557" y="54139"/>
                    <a:pt x="-5188" y="7792"/>
                    <a:pt x="12218" y="709"/>
                  </a:cubicBezTo>
                  <a:cubicBezTo>
                    <a:pt x="29624" y="-6376"/>
                    <a:pt x="60388" y="28031"/>
                    <a:pt x="80829" y="78022"/>
                  </a:cubicBezTo>
                  <a:cubicBezTo>
                    <a:pt x="101270" y="128013"/>
                    <a:pt x="103902" y="173956"/>
                    <a:pt x="86496" y="181040"/>
                  </a:cubicBezTo>
                  <a:close/>
                </a:path>
              </a:pathLst>
            </a:custGeom>
            <a:solidFill>
              <a:srgbClr val="FFFFFF"/>
            </a:solidFill>
            <a:ln w="20234" cap="flat">
              <a:noFill/>
              <a:prstDash val="solid"/>
              <a:miter/>
            </a:ln>
          </p:spPr>
          <p:txBody>
            <a:bodyPr rtlCol="0" anchor="ctr"/>
            <a:lstStyle/>
            <a:p>
              <a:endParaRPr lang="en-US" sz="1500"/>
            </a:p>
          </p:txBody>
        </p:sp>
        <p:sp>
          <p:nvSpPr>
            <p:cNvPr id="135" name="Freeform: Shape 134">
              <a:extLst>
                <a:ext uri="{FF2B5EF4-FFF2-40B4-BE49-F238E27FC236}">
                  <a16:creationId xmlns:a16="http://schemas.microsoft.com/office/drawing/2014/main" id="{A48AEB01-1C14-4BCB-A522-E94FD23861D0}"/>
                </a:ext>
              </a:extLst>
            </p:cNvPr>
            <p:cNvSpPr/>
            <p:nvPr/>
          </p:nvSpPr>
          <p:spPr>
            <a:xfrm>
              <a:off x="3802661" y="6462147"/>
              <a:ext cx="104589" cy="188355"/>
            </a:xfrm>
            <a:custGeom>
              <a:avLst/>
              <a:gdLst>
                <a:gd name="connsiteX0" fmla="*/ 89775 w 104589"/>
                <a:gd name="connsiteY0" fmla="*/ 186607 h 188355"/>
                <a:gd name="connsiteX1" fmla="*/ 75607 w 104589"/>
                <a:gd name="connsiteY1" fmla="*/ 186607 h 188355"/>
                <a:gd name="connsiteX2" fmla="*/ 63262 w 104589"/>
                <a:gd name="connsiteY2" fmla="*/ 179727 h 188355"/>
                <a:gd name="connsiteX3" fmla="*/ 42010 w 104589"/>
                <a:gd name="connsiteY3" fmla="*/ 160904 h 188355"/>
                <a:gd name="connsiteX4" fmla="*/ 13473 w 104589"/>
                <a:gd name="connsiteY4" fmla="*/ 112330 h 188355"/>
                <a:gd name="connsiteX5" fmla="*/ 2342 w 104589"/>
                <a:gd name="connsiteY5" fmla="*/ 57481 h 188355"/>
                <a:gd name="connsiteX6" fmla="*/ 723 w 104589"/>
                <a:gd name="connsiteY6" fmla="*/ 29552 h 188355"/>
                <a:gd name="connsiteX7" fmla="*/ 2746 w 104589"/>
                <a:gd name="connsiteY7" fmla="*/ 14979 h 188355"/>
                <a:gd name="connsiteX8" fmla="*/ 13271 w 104589"/>
                <a:gd name="connsiteY8" fmla="*/ 1622 h 188355"/>
                <a:gd name="connsiteX9" fmla="*/ 30879 w 104589"/>
                <a:gd name="connsiteY9" fmla="*/ 1622 h 188355"/>
                <a:gd name="connsiteX10" fmla="*/ 44641 w 104589"/>
                <a:gd name="connsiteY10" fmla="*/ 9313 h 188355"/>
                <a:gd name="connsiteX11" fmla="*/ 64881 w 104589"/>
                <a:gd name="connsiteY11" fmla="*/ 29552 h 188355"/>
                <a:gd name="connsiteX12" fmla="*/ 93013 w 104589"/>
                <a:gd name="connsiteY12" fmla="*/ 78936 h 188355"/>
                <a:gd name="connsiteX13" fmla="*/ 105156 w 104589"/>
                <a:gd name="connsiteY13" fmla="*/ 134189 h 188355"/>
                <a:gd name="connsiteX14" fmla="*/ 103335 w 104589"/>
                <a:gd name="connsiteY14" fmla="*/ 162523 h 188355"/>
                <a:gd name="connsiteX15" fmla="*/ 89775 w 104589"/>
                <a:gd name="connsiteY15" fmla="*/ 186607 h 188355"/>
                <a:gd name="connsiteX16" fmla="*/ 89775 w 104589"/>
                <a:gd name="connsiteY16" fmla="*/ 184989 h 188355"/>
                <a:gd name="connsiteX17" fmla="*/ 98882 w 104589"/>
                <a:gd name="connsiteY17" fmla="*/ 162119 h 188355"/>
                <a:gd name="connsiteX18" fmla="*/ 93823 w 104589"/>
                <a:gd name="connsiteY18" fmla="*/ 136009 h 188355"/>
                <a:gd name="connsiteX19" fmla="*/ 75405 w 104589"/>
                <a:gd name="connsiteY19" fmla="*/ 86424 h 188355"/>
                <a:gd name="connsiteX20" fmla="*/ 51523 w 104589"/>
                <a:gd name="connsiteY20" fmla="*/ 39873 h 188355"/>
                <a:gd name="connsiteX21" fmla="*/ 35736 w 104589"/>
                <a:gd name="connsiteY21" fmla="*/ 19634 h 188355"/>
                <a:gd name="connsiteX22" fmla="*/ 17926 w 104589"/>
                <a:gd name="connsiteY22" fmla="*/ 9920 h 188355"/>
                <a:gd name="connsiteX23" fmla="*/ 7806 w 104589"/>
                <a:gd name="connsiteY23" fmla="*/ 28944 h 188355"/>
                <a:gd name="connsiteX24" fmla="*/ 9223 w 104589"/>
                <a:gd name="connsiteY24" fmla="*/ 55458 h 188355"/>
                <a:gd name="connsiteX25" fmla="*/ 29462 w 104589"/>
                <a:gd name="connsiteY25" fmla="*/ 105449 h 188355"/>
                <a:gd name="connsiteX26" fmla="*/ 53142 w 104589"/>
                <a:gd name="connsiteY26" fmla="*/ 153011 h 188355"/>
                <a:gd name="connsiteX27" fmla="*/ 67916 w 104589"/>
                <a:gd name="connsiteY27" fmla="*/ 175072 h 188355"/>
                <a:gd name="connsiteX28" fmla="*/ 88965 w 104589"/>
                <a:gd name="connsiteY28" fmla="*/ 184989 h 1883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Lst>
              <a:rect l="l" t="t" r="r" b="b"/>
              <a:pathLst>
                <a:path w="104589" h="188355">
                  <a:moveTo>
                    <a:pt x="89775" y="186607"/>
                  </a:moveTo>
                  <a:cubicBezTo>
                    <a:pt x="85282" y="188652"/>
                    <a:pt x="80101" y="188652"/>
                    <a:pt x="75607" y="186607"/>
                  </a:cubicBezTo>
                  <a:cubicBezTo>
                    <a:pt x="71216" y="184847"/>
                    <a:pt x="67066" y="182520"/>
                    <a:pt x="63262" y="179727"/>
                  </a:cubicBezTo>
                  <a:cubicBezTo>
                    <a:pt x="55490" y="174283"/>
                    <a:pt x="48365" y="167968"/>
                    <a:pt x="42010" y="160904"/>
                  </a:cubicBezTo>
                  <a:cubicBezTo>
                    <a:pt x="29199" y="146879"/>
                    <a:pt x="19484" y="130343"/>
                    <a:pt x="13473" y="112330"/>
                  </a:cubicBezTo>
                  <a:cubicBezTo>
                    <a:pt x="8150" y="94418"/>
                    <a:pt x="4426" y="76061"/>
                    <a:pt x="2342" y="57481"/>
                  </a:cubicBezTo>
                  <a:cubicBezTo>
                    <a:pt x="1086" y="48232"/>
                    <a:pt x="540" y="38882"/>
                    <a:pt x="723" y="29552"/>
                  </a:cubicBezTo>
                  <a:cubicBezTo>
                    <a:pt x="804" y="24633"/>
                    <a:pt x="1492" y="19735"/>
                    <a:pt x="2746" y="14979"/>
                  </a:cubicBezTo>
                  <a:cubicBezTo>
                    <a:pt x="4123" y="9191"/>
                    <a:pt x="7968" y="4314"/>
                    <a:pt x="13271" y="1622"/>
                  </a:cubicBezTo>
                  <a:cubicBezTo>
                    <a:pt x="18877" y="-828"/>
                    <a:pt x="25272" y="-828"/>
                    <a:pt x="30879" y="1622"/>
                  </a:cubicBezTo>
                  <a:cubicBezTo>
                    <a:pt x="35858" y="3402"/>
                    <a:pt x="40512" y="5994"/>
                    <a:pt x="44641" y="9313"/>
                  </a:cubicBezTo>
                  <a:cubicBezTo>
                    <a:pt x="52231" y="15141"/>
                    <a:pt x="59052" y="21963"/>
                    <a:pt x="64881" y="29552"/>
                  </a:cubicBezTo>
                  <a:cubicBezTo>
                    <a:pt x="76417" y="44691"/>
                    <a:pt x="85889" y="61287"/>
                    <a:pt x="93013" y="78936"/>
                  </a:cubicBezTo>
                  <a:cubicBezTo>
                    <a:pt x="100279" y="96503"/>
                    <a:pt x="104387" y="115204"/>
                    <a:pt x="105156" y="134189"/>
                  </a:cubicBezTo>
                  <a:cubicBezTo>
                    <a:pt x="105562" y="143681"/>
                    <a:pt x="104954" y="153173"/>
                    <a:pt x="103335" y="162523"/>
                  </a:cubicBezTo>
                  <a:cubicBezTo>
                    <a:pt x="101312" y="171428"/>
                    <a:pt x="99085" y="182358"/>
                    <a:pt x="89775" y="186607"/>
                  </a:cubicBezTo>
                  <a:close/>
                  <a:moveTo>
                    <a:pt x="89775" y="184989"/>
                  </a:moveTo>
                  <a:cubicBezTo>
                    <a:pt x="96919" y="179727"/>
                    <a:pt x="100461" y="170862"/>
                    <a:pt x="98882" y="162119"/>
                  </a:cubicBezTo>
                  <a:cubicBezTo>
                    <a:pt x="98316" y="153233"/>
                    <a:pt x="96616" y="144470"/>
                    <a:pt x="93823" y="136009"/>
                  </a:cubicBezTo>
                  <a:cubicBezTo>
                    <a:pt x="88156" y="119212"/>
                    <a:pt x="82287" y="102615"/>
                    <a:pt x="75405" y="86424"/>
                  </a:cubicBezTo>
                  <a:cubicBezTo>
                    <a:pt x="68666" y="70314"/>
                    <a:pt x="60691" y="54750"/>
                    <a:pt x="51523" y="39873"/>
                  </a:cubicBezTo>
                  <a:cubicBezTo>
                    <a:pt x="46807" y="32708"/>
                    <a:pt x="41525" y="25949"/>
                    <a:pt x="35736" y="19634"/>
                  </a:cubicBezTo>
                  <a:cubicBezTo>
                    <a:pt x="29867" y="13968"/>
                    <a:pt x="22985" y="8705"/>
                    <a:pt x="17926" y="9920"/>
                  </a:cubicBezTo>
                  <a:cubicBezTo>
                    <a:pt x="12866" y="11134"/>
                    <a:pt x="8413" y="20647"/>
                    <a:pt x="7806" y="28944"/>
                  </a:cubicBezTo>
                  <a:cubicBezTo>
                    <a:pt x="6956" y="37809"/>
                    <a:pt x="7442" y="46735"/>
                    <a:pt x="9223" y="55458"/>
                  </a:cubicBezTo>
                  <a:cubicBezTo>
                    <a:pt x="13736" y="72945"/>
                    <a:pt x="20536" y="89744"/>
                    <a:pt x="29462" y="105449"/>
                  </a:cubicBezTo>
                  <a:lnTo>
                    <a:pt x="53142" y="153011"/>
                  </a:lnTo>
                  <a:cubicBezTo>
                    <a:pt x="57210" y="160904"/>
                    <a:pt x="62169" y="168311"/>
                    <a:pt x="67916" y="175072"/>
                  </a:cubicBezTo>
                  <a:cubicBezTo>
                    <a:pt x="72653" y="181892"/>
                    <a:pt x="80688" y="185677"/>
                    <a:pt x="88965" y="184989"/>
                  </a:cubicBezTo>
                  <a:close/>
                </a:path>
              </a:pathLst>
            </a:custGeom>
            <a:solidFill>
              <a:srgbClr val="160A0A"/>
            </a:solidFill>
            <a:ln w="20234" cap="flat">
              <a:noFill/>
              <a:prstDash val="solid"/>
              <a:miter/>
            </a:ln>
          </p:spPr>
          <p:txBody>
            <a:bodyPr rtlCol="0" anchor="ctr"/>
            <a:lstStyle/>
            <a:p>
              <a:endParaRPr lang="en-US" sz="1500"/>
            </a:p>
          </p:txBody>
        </p:sp>
        <p:sp>
          <p:nvSpPr>
            <p:cNvPr id="136" name="Freeform: Shape 135">
              <a:extLst>
                <a:ext uri="{FF2B5EF4-FFF2-40B4-BE49-F238E27FC236}">
                  <a16:creationId xmlns:a16="http://schemas.microsoft.com/office/drawing/2014/main" id="{493F8303-3762-47BE-A0B2-B565967200D1}"/>
                </a:ext>
              </a:extLst>
            </p:cNvPr>
            <p:cNvSpPr/>
            <p:nvPr/>
          </p:nvSpPr>
          <p:spPr>
            <a:xfrm>
              <a:off x="3739953" y="6503085"/>
              <a:ext cx="132672" cy="116951"/>
            </a:xfrm>
            <a:custGeom>
              <a:avLst/>
              <a:gdLst>
                <a:gd name="connsiteX0" fmla="*/ 75169 w 132672"/>
                <a:gd name="connsiteY0" fmla="*/ 2377 h 116951"/>
                <a:gd name="connsiteX1" fmla="*/ 62418 w 132672"/>
                <a:gd name="connsiteY1" fmla="*/ 12294 h 116951"/>
                <a:gd name="connsiteX2" fmla="*/ 28213 w 132672"/>
                <a:gd name="connsiteY2" fmla="*/ 40021 h 116951"/>
                <a:gd name="connsiteX3" fmla="*/ 688 w 132672"/>
                <a:gd name="connsiteY3" fmla="*/ 92440 h 116951"/>
                <a:gd name="connsiteX4" fmla="*/ 115850 w 132672"/>
                <a:gd name="connsiteY4" fmla="*/ 112679 h 116951"/>
                <a:gd name="connsiteX5" fmla="*/ 127385 w 132672"/>
                <a:gd name="connsiteY5" fmla="*/ 67546 h 116951"/>
                <a:gd name="connsiteX6" fmla="*/ 107146 w 132672"/>
                <a:gd name="connsiteY6" fmla="*/ 18973 h 116951"/>
                <a:gd name="connsiteX7" fmla="*/ 78002 w 132672"/>
                <a:gd name="connsiteY7" fmla="*/ 960 h 11695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132672" h="116951">
                  <a:moveTo>
                    <a:pt x="75169" y="2377"/>
                  </a:moveTo>
                  <a:cubicBezTo>
                    <a:pt x="70736" y="5433"/>
                    <a:pt x="66486" y="8752"/>
                    <a:pt x="62418" y="12294"/>
                  </a:cubicBezTo>
                  <a:cubicBezTo>
                    <a:pt x="50052" y="20288"/>
                    <a:pt x="38596" y="29578"/>
                    <a:pt x="28213" y="40021"/>
                  </a:cubicBezTo>
                  <a:cubicBezTo>
                    <a:pt x="12083" y="52852"/>
                    <a:pt x="2105" y="71877"/>
                    <a:pt x="688" y="92440"/>
                  </a:cubicBezTo>
                  <a:cubicBezTo>
                    <a:pt x="2713" y="112679"/>
                    <a:pt x="57763" y="123001"/>
                    <a:pt x="115850" y="112679"/>
                  </a:cubicBezTo>
                  <a:cubicBezTo>
                    <a:pt x="129409" y="109644"/>
                    <a:pt x="140743" y="110049"/>
                    <a:pt x="127385" y="67546"/>
                  </a:cubicBezTo>
                  <a:cubicBezTo>
                    <a:pt x="122650" y="50586"/>
                    <a:pt x="115850" y="34273"/>
                    <a:pt x="107146" y="18973"/>
                  </a:cubicBezTo>
                  <a:cubicBezTo>
                    <a:pt x="101277" y="9257"/>
                    <a:pt x="91158" y="-4303"/>
                    <a:pt x="78002" y="960"/>
                  </a:cubicBezTo>
                  <a:close/>
                </a:path>
              </a:pathLst>
            </a:custGeom>
            <a:solidFill>
              <a:srgbClr val="160A0A"/>
            </a:solidFill>
            <a:ln w="20234" cap="flat">
              <a:noFill/>
              <a:prstDash val="solid"/>
              <a:miter/>
            </a:ln>
          </p:spPr>
          <p:txBody>
            <a:bodyPr rtlCol="0" anchor="ctr"/>
            <a:lstStyle/>
            <a:p>
              <a:endParaRPr lang="en-US" sz="1500"/>
            </a:p>
          </p:txBody>
        </p:sp>
        <p:sp>
          <p:nvSpPr>
            <p:cNvPr id="137" name="Freeform: Shape 136">
              <a:extLst>
                <a:ext uri="{FF2B5EF4-FFF2-40B4-BE49-F238E27FC236}">
                  <a16:creationId xmlns:a16="http://schemas.microsoft.com/office/drawing/2014/main" id="{83C0EB3A-5D9A-482E-84CB-E8E92D1FBF04}"/>
                </a:ext>
              </a:extLst>
            </p:cNvPr>
            <p:cNvSpPr/>
            <p:nvPr/>
          </p:nvSpPr>
          <p:spPr>
            <a:xfrm>
              <a:off x="3736781" y="6499273"/>
              <a:ext cx="142869" cy="126675"/>
            </a:xfrm>
            <a:custGeom>
              <a:avLst/>
              <a:gdLst>
                <a:gd name="connsiteX0" fmla="*/ 77936 w 142869"/>
                <a:gd name="connsiteY0" fmla="*/ 5378 h 126675"/>
                <a:gd name="connsiteX1" fmla="*/ 57697 w 142869"/>
                <a:gd name="connsiteY1" fmla="*/ 19951 h 126675"/>
                <a:gd name="connsiteX2" fmla="*/ 35434 w 142869"/>
                <a:gd name="connsiteY2" fmla="*/ 37357 h 126675"/>
                <a:gd name="connsiteX3" fmla="*/ 4670 w 142869"/>
                <a:gd name="connsiteY3" fmla="*/ 76013 h 126675"/>
                <a:gd name="connsiteX4" fmla="*/ 6087 w 142869"/>
                <a:gd name="connsiteY4" fmla="*/ 107385 h 126675"/>
                <a:gd name="connsiteX5" fmla="*/ 33814 w 142869"/>
                <a:gd name="connsiteY5" fmla="*/ 121147 h 126675"/>
                <a:gd name="connsiteX6" fmla="*/ 82389 w 142869"/>
                <a:gd name="connsiteY6" fmla="*/ 126410 h 126675"/>
                <a:gd name="connsiteX7" fmla="*/ 127320 w 142869"/>
                <a:gd name="connsiteY7" fmla="*/ 121956 h 126675"/>
                <a:gd name="connsiteX8" fmla="*/ 139058 w 142869"/>
                <a:gd name="connsiteY8" fmla="*/ 74597 h 126675"/>
                <a:gd name="connsiteX9" fmla="*/ 113962 w 142869"/>
                <a:gd name="connsiteY9" fmla="*/ 17320 h 126675"/>
                <a:gd name="connsiteX10" fmla="*/ 77531 w 142869"/>
                <a:gd name="connsiteY10" fmla="*/ 3355 h 126675"/>
                <a:gd name="connsiteX11" fmla="*/ 79959 w 142869"/>
                <a:gd name="connsiteY11" fmla="*/ 9224 h 126675"/>
                <a:gd name="connsiteX12" fmla="*/ 106271 w 142869"/>
                <a:gd name="connsiteY12" fmla="*/ 29463 h 126675"/>
                <a:gd name="connsiteX13" fmla="*/ 124081 w 142869"/>
                <a:gd name="connsiteY13" fmla="*/ 72573 h 126675"/>
                <a:gd name="connsiteX14" fmla="*/ 130153 w 142869"/>
                <a:gd name="connsiteY14" fmla="*/ 104146 h 126675"/>
                <a:gd name="connsiteX15" fmla="*/ 123069 w 142869"/>
                <a:gd name="connsiteY15" fmla="*/ 109408 h 126675"/>
                <a:gd name="connsiteX16" fmla="*/ 45553 w 142869"/>
                <a:gd name="connsiteY16" fmla="*/ 113456 h 126675"/>
                <a:gd name="connsiteX17" fmla="*/ 16004 w 142869"/>
                <a:gd name="connsiteY17" fmla="*/ 104956 h 126675"/>
                <a:gd name="connsiteX18" fmla="*/ 9527 w 142869"/>
                <a:gd name="connsiteY18" fmla="*/ 81478 h 126675"/>
                <a:gd name="connsiteX19" fmla="*/ 38469 w 142869"/>
                <a:gd name="connsiteY19" fmla="*/ 40999 h 126675"/>
                <a:gd name="connsiteX20" fmla="*/ 58709 w 142869"/>
                <a:gd name="connsiteY20" fmla="*/ 23391 h 126675"/>
                <a:gd name="connsiteX21" fmla="*/ 78948 w 142869"/>
                <a:gd name="connsiteY21" fmla="*/ 7403 h 126675"/>
                <a:gd name="connsiteX22" fmla="*/ 77936 w 142869"/>
                <a:gd name="connsiteY22" fmla="*/ 5378 h 1266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142869" h="126675">
                  <a:moveTo>
                    <a:pt x="77936" y="5378"/>
                  </a:moveTo>
                  <a:cubicBezTo>
                    <a:pt x="70650" y="9426"/>
                    <a:pt x="63971" y="15295"/>
                    <a:pt x="57697" y="19951"/>
                  </a:cubicBezTo>
                  <a:cubicBezTo>
                    <a:pt x="49925" y="25294"/>
                    <a:pt x="42497" y="31102"/>
                    <a:pt x="35434" y="37357"/>
                  </a:cubicBezTo>
                  <a:cubicBezTo>
                    <a:pt x="22480" y="47841"/>
                    <a:pt x="11976" y="61036"/>
                    <a:pt x="4670" y="76013"/>
                  </a:cubicBezTo>
                  <a:cubicBezTo>
                    <a:pt x="-1118" y="85830"/>
                    <a:pt x="-552" y="98135"/>
                    <a:pt x="6087" y="107385"/>
                  </a:cubicBezTo>
                  <a:cubicBezTo>
                    <a:pt x="13879" y="114448"/>
                    <a:pt x="23472" y="119204"/>
                    <a:pt x="33814" y="121147"/>
                  </a:cubicBezTo>
                  <a:cubicBezTo>
                    <a:pt x="49702" y="125012"/>
                    <a:pt x="66035" y="126794"/>
                    <a:pt x="82389" y="126410"/>
                  </a:cubicBezTo>
                  <a:cubicBezTo>
                    <a:pt x="97487" y="126753"/>
                    <a:pt x="112585" y="125256"/>
                    <a:pt x="127320" y="121956"/>
                  </a:cubicBezTo>
                  <a:cubicBezTo>
                    <a:pt x="149785" y="116491"/>
                    <a:pt x="143915" y="91395"/>
                    <a:pt x="139058" y="74597"/>
                  </a:cubicBezTo>
                  <a:cubicBezTo>
                    <a:pt x="133998" y="54216"/>
                    <a:pt x="125498" y="34867"/>
                    <a:pt x="113962" y="17320"/>
                  </a:cubicBezTo>
                  <a:cubicBezTo>
                    <a:pt x="105664" y="5581"/>
                    <a:pt x="91901" y="-6360"/>
                    <a:pt x="77531" y="3355"/>
                  </a:cubicBezTo>
                  <a:cubicBezTo>
                    <a:pt x="74698" y="5378"/>
                    <a:pt x="76317" y="10235"/>
                    <a:pt x="79959" y="9224"/>
                  </a:cubicBezTo>
                  <a:cubicBezTo>
                    <a:pt x="93115" y="5176"/>
                    <a:pt x="100199" y="19343"/>
                    <a:pt x="106271" y="29463"/>
                  </a:cubicBezTo>
                  <a:cubicBezTo>
                    <a:pt x="113334" y="43348"/>
                    <a:pt x="119285" y="57758"/>
                    <a:pt x="124081" y="72573"/>
                  </a:cubicBezTo>
                  <a:cubicBezTo>
                    <a:pt x="128493" y="82490"/>
                    <a:pt x="130578" y="93297"/>
                    <a:pt x="130153" y="104146"/>
                  </a:cubicBezTo>
                  <a:cubicBezTo>
                    <a:pt x="130153" y="107789"/>
                    <a:pt x="127724" y="108194"/>
                    <a:pt x="123069" y="109408"/>
                  </a:cubicBezTo>
                  <a:cubicBezTo>
                    <a:pt x="97689" y="115399"/>
                    <a:pt x="71419" y="116775"/>
                    <a:pt x="45553" y="113456"/>
                  </a:cubicBezTo>
                  <a:cubicBezTo>
                    <a:pt x="35231" y="112687"/>
                    <a:pt x="25172" y="109792"/>
                    <a:pt x="16004" y="104956"/>
                  </a:cubicBezTo>
                  <a:cubicBezTo>
                    <a:pt x="6896" y="99694"/>
                    <a:pt x="6694" y="91395"/>
                    <a:pt x="9527" y="81478"/>
                  </a:cubicBezTo>
                  <a:cubicBezTo>
                    <a:pt x="15761" y="65854"/>
                    <a:pt x="25698" y="51949"/>
                    <a:pt x="38469" y="40999"/>
                  </a:cubicBezTo>
                  <a:cubicBezTo>
                    <a:pt x="44946" y="34725"/>
                    <a:pt x="52232" y="29059"/>
                    <a:pt x="58709" y="23391"/>
                  </a:cubicBezTo>
                  <a:cubicBezTo>
                    <a:pt x="65185" y="17725"/>
                    <a:pt x="71864" y="12058"/>
                    <a:pt x="78948" y="7403"/>
                  </a:cubicBezTo>
                  <a:cubicBezTo>
                    <a:pt x="79758" y="6391"/>
                    <a:pt x="78948" y="4974"/>
                    <a:pt x="77936" y="5378"/>
                  </a:cubicBezTo>
                  <a:close/>
                </a:path>
              </a:pathLst>
            </a:custGeom>
            <a:solidFill>
              <a:srgbClr val="570D0C"/>
            </a:solidFill>
            <a:ln w="20234" cap="flat">
              <a:noFill/>
              <a:prstDash val="solid"/>
              <a:miter/>
            </a:ln>
          </p:spPr>
          <p:txBody>
            <a:bodyPr rtlCol="0" anchor="ctr"/>
            <a:lstStyle/>
            <a:p>
              <a:endParaRPr lang="en-US" sz="1500"/>
            </a:p>
          </p:txBody>
        </p:sp>
        <p:sp>
          <p:nvSpPr>
            <p:cNvPr id="138" name="Freeform: Shape 137">
              <a:extLst>
                <a:ext uri="{FF2B5EF4-FFF2-40B4-BE49-F238E27FC236}">
                  <a16:creationId xmlns:a16="http://schemas.microsoft.com/office/drawing/2014/main" id="{F159A1DE-6896-4C41-9811-E1E603C123B7}"/>
                </a:ext>
              </a:extLst>
            </p:cNvPr>
            <p:cNvSpPr/>
            <p:nvPr/>
          </p:nvSpPr>
          <p:spPr>
            <a:xfrm>
              <a:off x="4152135" y="6256368"/>
              <a:ext cx="137909" cy="310414"/>
            </a:xfrm>
            <a:custGeom>
              <a:avLst/>
              <a:gdLst>
                <a:gd name="connsiteX0" fmla="*/ 982 w 137909"/>
                <a:gd name="connsiteY0" fmla="*/ 2580 h 310414"/>
                <a:gd name="connsiteX1" fmla="*/ 82950 w 137909"/>
                <a:gd name="connsiteY1" fmla="*/ 149516 h 310414"/>
                <a:gd name="connsiteX2" fmla="*/ 105415 w 137909"/>
                <a:gd name="connsiteY2" fmla="*/ 226627 h 310414"/>
                <a:gd name="connsiteX3" fmla="*/ 125655 w 137909"/>
                <a:gd name="connsiteY3" fmla="*/ 307584 h 310414"/>
                <a:gd name="connsiteX4" fmla="*/ 130533 w 137909"/>
                <a:gd name="connsiteY4" fmla="*/ 309993 h 310414"/>
                <a:gd name="connsiteX5" fmla="*/ 132941 w 137909"/>
                <a:gd name="connsiteY5" fmla="*/ 307584 h 310414"/>
                <a:gd name="connsiteX6" fmla="*/ 106832 w 137909"/>
                <a:gd name="connsiteY6" fmla="*/ 139396 h 310414"/>
                <a:gd name="connsiteX7" fmla="*/ 3208 w 137909"/>
                <a:gd name="connsiteY7" fmla="*/ 353 h 310414"/>
                <a:gd name="connsiteX8" fmla="*/ 982 w 137909"/>
                <a:gd name="connsiteY8" fmla="*/ 2580 h 31041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137909" h="310414">
                  <a:moveTo>
                    <a:pt x="982" y="2580"/>
                  </a:moveTo>
                  <a:cubicBezTo>
                    <a:pt x="36238" y="46702"/>
                    <a:pt x="63925" y="96348"/>
                    <a:pt x="82950" y="149516"/>
                  </a:cubicBezTo>
                  <a:cubicBezTo>
                    <a:pt x="91653" y="175017"/>
                    <a:pt x="98939" y="200316"/>
                    <a:pt x="105415" y="226627"/>
                  </a:cubicBezTo>
                  <a:cubicBezTo>
                    <a:pt x="111892" y="252939"/>
                    <a:pt x="116547" y="281476"/>
                    <a:pt x="125655" y="307584"/>
                  </a:cubicBezTo>
                  <a:cubicBezTo>
                    <a:pt x="126343" y="309588"/>
                    <a:pt x="128509" y="310681"/>
                    <a:pt x="130533" y="309993"/>
                  </a:cubicBezTo>
                  <a:cubicBezTo>
                    <a:pt x="131666" y="309609"/>
                    <a:pt x="132556" y="308718"/>
                    <a:pt x="132941" y="307584"/>
                  </a:cubicBezTo>
                  <a:cubicBezTo>
                    <a:pt x="148323" y="253546"/>
                    <a:pt x="129905" y="188780"/>
                    <a:pt x="106832" y="139396"/>
                  </a:cubicBezTo>
                  <a:cubicBezTo>
                    <a:pt x="82404" y="86309"/>
                    <a:pt x="47107" y="38929"/>
                    <a:pt x="3208" y="353"/>
                  </a:cubicBezTo>
                  <a:cubicBezTo>
                    <a:pt x="1791" y="-1064"/>
                    <a:pt x="-31" y="353"/>
                    <a:pt x="982" y="2580"/>
                  </a:cubicBezTo>
                  <a:close/>
                </a:path>
              </a:pathLst>
            </a:custGeom>
            <a:solidFill>
              <a:srgbClr val="160A0A"/>
            </a:solidFill>
            <a:ln w="20234" cap="flat">
              <a:noFill/>
              <a:prstDash val="solid"/>
              <a:miter/>
            </a:ln>
          </p:spPr>
          <p:txBody>
            <a:bodyPr rtlCol="0" anchor="ctr"/>
            <a:lstStyle/>
            <a:p>
              <a:endParaRPr lang="en-US" sz="1500"/>
            </a:p>
          </p:txBody>
        </p:sp>
        <p:sp>
          <p:nvSpPr>
            <p:cNvPr id="139" name="Freeform: Shape 138">
              <a:extLst>
                <a:ext uri="{FF2B5EF4-FFF2-40B4-BE49-F238E27FC236}">
                  <a16:creationId xmlns:a16="http://schemas.microsoft.com/office/drawing/2014/main" id="{5D3EAECF-7719-4F6A-96D3-D72EFCA2D215}"/>
                </a:ext>
              </a:extLst>
            </p:cNvPr>
            <p:cNvSpPr/>
            <p:nvPr/>
          </p:nvSpPr>
          <p:spPr>
            <a:xfrm>
              <a:off x="4503590" y="6109506"/>
              <a:ext cx="138009" cy="310338"/>
            </a:xfrm>
            <a:custGeom>
              <a:avLst/>
              <a:gdLst>
                <a:gd name="connsiteX0" fmla="*/ 2092 w 138008"/>
                <a:gd name="connsiteY0" fmla="*/ 2302 h 310338"/>
                <a:gd name="connsiteX1" fmla="*/ 83049 w 138008"/>
                <a:gd name="connsiteY1" fmla="*/ 149441 h 310338"/>
                <a:gd name="connsiteX2" fmla="*/ 105515 w 138008"/>
                <a:gd name="connsiteY2" fmla="*/ 226552 h 310338"/>
                <a:gd name="connsiteX3" fmla="*/ 125754 w 138008"/>
                <a:gd name="connsiteY3" fmla="*/ 307509 h 310338"/>
                <a:gd name="connsiteX4" fmla="*/ 130631 w 138008"/>
                <a:gd name="connsiteY4" fmla="*/ 309917 h 310338"/>
                <a:gd name="connsiteX5" fmla="*/ 133040 w 138008"/>
                <a:gd name="connsiteY5" fmla="*/ 307509 h 310338"/>
                <a:gd name="connsiteX6" fmla="*/ 106931 w 138008"/>
                <a:gd name="connsiteY6" fmla="*/ 139321 h 310338"/>
                <a:gd name="connsiteX7" fmla="*/ 3306 w 138008"/>
                <a:gd name="connsiteY7" fmla="*/ 277 h 310338"/>
                <a:gd name="connsiteX8" fmla="*/ 1182 w 138008"/>
                <a:gd name="connsiteY8" fmla="*/ 177 h 310338"/>
                <a:gd name="connsiteX9" fmla="*/ 1080 w 138008"/>
                <a:gd name="connsiteY9" fmla="*/ 2302 h 31033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38008" h="310338">
                  <a:moveTo>
                    <a:pt x="2092" y="2302"/>
                  </a:moveTo>
                  <a:cubicBezTo>
                    <a:pt x="37025" y="46544"/>
                    <a:pt x="64388" y="96251"/>
                    <a:pt x="83049" y="149441"/>
                  </a:cubicBezTo>
                  <a:cubicBezTo>
                    <a:pt x="91853" y="174740"/>
                    <a:pt x="99362" y="200484"/>
                    <a:pt x="105515" y="226552"/>
                  </a:cubicBezTo>
                  <a:cubicBezTo>
                    <a:pt x="111991" y="253470"/>
                    <a:pt x="116848" y="281400"/>
                    <a:pt x="125754" y="307509"/>
                  </a:cubicBezTo>
                  <a:cubicBezTo>
                    <a:pt x="126442" y="309513"/>
                    <a:pt x="128607" y="310605"/>
                    <a:pt x="130631" y="309917"/>
                  </a:cubicBezTo>
                  <a:cubicBezTo>
                    <a:pt x="131765" y="309533"/>
                    <a:pt x="132655" y="308642"/>
                    <a:pt x="133040" y="307509"/>
                  </a:cubicBezTo>
                  <a:cubicBezTo>
                    <a:pt x="148422" y="253267"/>
                    <a:pt x="130004" y="188705"/>
                    <a:pt x="106931" y="139321"/>
                  </a:cubicBezTo>
                  <a:cubicBezTo>
                    <a:pt x="82442" y="86274"/>
                    <a:pt x="47145" y="38915"/>
                    <a:pt x="3306" y="277"/>
                  </a:cubicBezTo>
                  <a:cubicBezTo>
                    <a:pt x="2740" y="-330"/>
                    <a:pt x="1789" y="-390"/>
                    <a:pt x="1182" y="177"/>
                  </a:cubicBezTo>
                  <a:cubicBezTo>
                    <a:pt x="574" y="743"/>
                    <a:pt x="513" y="1694"/>
                    <a:pt x="1080" y="2302"/>
                  </a:cubicBezTo>
                  <a:close/>
                </a:path>
              </a:pathLst>
            </a:custGeom>
            <a:solidFill>
              <a:srgbClr val="160A0A"/>
            </a:solidFill>
            <a:ln w="20234" cap="flat">
              <a:noFill/>
              <a:prstDash val="solid"/>
              <a:miter/>
            </a:ln>
          </p:spPr>
          <p:txBody>
            <a:bodyPr rtlCol="0" anchor="ctr"/>
            <a:lstStyle/>
            <a:p>
              <a:endParaRPr lang="en-US" sz="1500"/>
            </a:p>
          </p:txBody>
        </p:sp>
        <p:sp>
          <p:nvSpPr>
            <p:cNvPr id="140" name="Freeform: Shape 139">
              <a:extLst>
                <a:ext uri="{FF2B5EF4-FFF2-40B4-BE49-F238E27FC236}">
                  <a16:creationId xmlns:a16="http://schemas.microsoft.com/office/drawing/2014/main" id="{CC1DB97C-D714-4E2C-9444-C5CF2601D131}"/>
                </a:ext>
              </a:extLst>
            </p:cNvPr>
            <p:cNvSpPr/>
            <p:nvPr/>
          </p:nvSpPr>
          <p:spPr>
            <a:xfrm>
              <a:off x="4022552" y="6143997"/>
              <a:ext cx="499798" cy="280830"/>
            </a:xfrm>
            <a:custGeom>
              <a:avLst/>
              <a:gdLst>
                <a:gd name="connsiteX0" fmla="*/ 458439 w 499798"/>
                <a:gd name="connsiteY0" fmla="*/ 75687 h 280830"/>
                <a:gd name="connsiteX1" fmla="*/ 497703 w 499798"/>
                <a:gd name="connsiteY1" fmla="*/ 3028 h 280830"/>
                <a:gd name="connsiteX2" fmla="*/ 457225 w 499798"/>
                <a:gd name="connsiteY2" fmla="*/ 5254 h 280830"/>
                <a:gd name="connsiteX3" fmla="*/ 104658 w 499798"/>
                <a:gd name="connsiteY3" fmla="*/ 139036 h 280830"/>
                <a:gd name="connsiteX4" fmla="*/ 52845 w 499798"/>
                <a:gd name="connsiteY4" fmla="*/ 162310 h 280830"/>
                <a:gd name="connsiteX5" fmla="*/ 11355 w 499798"/>
                <a:gd name="connsiteY5" fmla="*/ 199551 h 280830"/>
                <a:gd name="connsiteX6" fmla="*/ 31595 w 499798"/>
                <a:gd name="connsiteY6" fmla="*/ 280508 h 280830"/>
                <a:gd name="connsiteX7" fmla="*/ 79561 w 499798"/>
                <a:gd name="connsiteY7" fmla="*/ 258649 h 280830"/>
                <a:gd name="connsiteX8" fmla="*/ 132588 w 499798"/>
                <a:gd name="connsiteY8" fmla="*/ 233147 h 280830"/>
                <a:gd name="connsiteX9" fmla="*/ 340445 w 499798"/>
                <a:gd name="connsiteY9" fmla="*/ 133166 h 28083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499798" h="280830">
                  <a:moveTo>
                    <a:pt x="458439" y="75687"/>
                  </a:moveTo>
                  <a:cubicBezTo>
                    <a:pt x="482727" y="63948"/>
                    <a:pt x="509240" y="44114"/>
                    <a:pt x="497703" y="3028"/>
                  </a:cubicBezTo>
                  <a:cubicBezTo>
                    <a:pt x="484507" y="-1971"/>
                    <a:pt x="469794" y="-1161"/>
                    <a:pt x="457225" y="5254"/>
                  </a:cubicBezTo>
                  <a:lnTo>
                    <a:pt x="104658" y="139036"/>
                  </a:lnTo>
                  <a:cubicBezTo>
                    <a:pt x="86666" y="145086"/>
                    <a:pt x="69321" y="152879"/>
                    <a:pt x="52845" y="162310"/>
                  </a:cubicBezTo>
                  <a:cubicBezTo>
                    <a:pt x="36877" y="172106"/>
                    <a:pt x="22811" y="184715"/>
                    <a:pt x="11355" y="199551"/>
                  </a:cubicBezTo>
                  <a:cubicBezTo>
                    <a:pt x="-1395" y="215945"/>
                    <a:pt x="-10503" y="275852"/>
                    <a:pt x="31595" y="280508"/>
                  </a:cubicBezTo>
                  <a:cubicBezTo>
                    <a:pt x="48798" y="282126"/>
                    <a:pt x="66001" y="265126"/>
                    <a:pt x="79561" y="258649"/>
                  </a:cubicBezTo>
                  <a:lnTo>
                    <a:pt x="132588" y="233147"/>
                  </a:lnTo>
                  <a:lnTo>
                    <a:pt x="340445" y="133166"/>
                  </a:lnTo>
                  <a:close/>
                </a:path>
              </a:pathLst>
            </a:custGeom>
            <a:solidFill>
              <a:srgbClr val="000000">
                <a:alpha val="8000"/>
              </a:srgbClr>
            </a:solidFill>
            <a:ln w="20234" cap="flat">
              <a:noFill/>
              <a:prstDash val="solid"/>
              <a:miter/>
            </a:ln>
          </p:spPr>
          <p:txBody>
            <a:bodyPr rtlCol="0" anchor="ctr"/>
            <a:lstStyle/>
            <a:p>
              <a:endParaRPr lang="en-US" sz="1500"/>
            </a:p>
          </p:txBody>
        </p:sp>
        <p:sp>
          <p:nvSpPr>
            <p:cNvPr id="141" name="Freeform: Shape 140">
              <a:extLst>
                <a:ext uri="{FF2B5EF4-FFF2-40B4-BE49-F238E27FC236}">
                  <a16:creationId xmlns:a16="http://schemas.microsoft.com/office/drawing/2014/main" id="{5602ED65-03AC-4E66-9AB6-2B58AC0F5644}"/>
                </a:ext>
              </a:extLst>
            </p:cNvPr>
            <p:cNvSpPr/>
            <p:nvPr/>
          </p:nvSpPr>
          <p:spPr>
            <a:xfrm>
              <a:off x="4043421" y="6461949"/>
              <a:ext cx="94494" cy="160116"/>
            </a:xfrm>
            <a:custGeom>
              <a:avLst/>
              <a:gdLst>
                <a:gd name="connsiteX0" fmla="*/ 35013 w 94494"/>
                <a:gd name="connsiteY0" fmla="*/ 146935 h 160116"/>
                <a:gd name="connsiteX1" fmla="*/ 27322 w 94494"/>
                <a:gd name="connsiteY1" fmla="*/ 86217 h 160116"/>
                <a:gd name="connsiteX2" fmla="*/ 4249 w 94494"/>
                <a:gd name="connsiteY2" fmla="*/ 28940 h 160116"/>
                <a:gd name="connsiteX3" fmla="*/ 1416 w 94494"/>
                <a:gd name="connsiteY3" fmla="*/ 9915 h 160116"/>
                <a:gd name="connsiteX4" fmla="*/ 19631 w 94494"/>
                <a:gd name="connsiteY4" fmla="*/ -204 h 160116"/>
                <a:gd name="connsiteX5" fmla="*/ 66788 w 94494"/>
                <a:gd name="connsiteY5" fmla="*/ 28940 h 160116"/>
                <a:gd name="connsiteX6" fmla="*/ 95123 w 94494"/>
                <a:gd name="connsiteY6" fmla="*/ 120219 h 160116"/>
                <a:gd name="connsiteX7" fmla="*/ 91885 w 94494"/>
                <a:gd name="connsiteY7" fmla="*/ 137422 h 160116"/>
                <a:gd name="connsiteX8" fmla="*/ 69015 w 94494"/>
                <a:gd name="connsiteY8" fmla="*/ 156043 h 160116"/>
                <a:gd name="connsiteX9" fmla="*/ 38656 w 94494"/>
                <a:gd name="connsiteY9" fmla="*/ 159888 h 16011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94494" h="160116">
                  <a:moveTo>
                    <a:pt x="35013" y="146935"/>
                  </a:moveTo>
                  <a:cubicBezTo>
                    <a:pt x="36692" y="126392"/>
                    <a:pt x="34062" y="105708"/>
                    <a:pt x="27322" y="86217"/>
                  </a:cubicBezTo>
                  <a:cubicBezTo>
                    <a:pt x="21048" y="65978"/>
                    <a:pt x="12345" y="47965"/>
                    <a:pt x="4249" y="28940"/>
                  </a:cubicBezTo>
                  <a:cubicBezTo>
                    <a:pt x="849" y="23213"/>
                    <a:pt x="-163" y="16392"/>
                    <a:pt x="1416" y="9915"/>
                  </a:cubicBezTo>
                  <a:cubicBezTo>
                    <a:pt x="5160" y="3438"/>
                    <a:pt x="12163" y="-447"/>
                    <a:pt x="19631" y="-204"/>
                  </a:cubicBezTo>
                  <a:cubicBezTo>
                    <a:pt x="39122" y="1354"/>
                    <a:pt x="56689" y="12203"/>
                    <a:pt x="66788" y="28940"/>
                  </a:cubicBezTo>
                  <a:cubicBezTo>
                    <a:pt x="86076" y="55393"/>
                    <a:pt x="96054" y="87492"/>
                    <a:pt x="95123" y="120219"/>
                  </a:cubicBezTo>
                  <a:cubicBezTo>
                    <a:pt x="95164" y="126109"/>
                    <a:pt x="94071" y="131958"/>
                    <a:pt x="91885" y="137422"/>
                  </a:cubicBezTo>
                  <a:cubicBezTo>
                    <a:pt x="87290" y="146631"/>
                    <a:pt x="78952" y="153412"/>
                    <a:pt x="69015" y="156043"/>
                  </a:cubicBezTo>
                  <a:cubicBezTo>
                    <a:pt x="59118" y="158754"/>
                    <a:pt x="48897" y="160050"/>
                    <a:pt x="38656" y="159888"/>
                  </a:cubicBezTo>
                </a:path>
              </a:pathLst>
            </a:custGeom>
            <a:solidFill>
              <a:srgbClr val="FFFFFF">
                <a:alpha val="40000"/>
              </a:srgbClr>
            </a:solidFill>
            <a:ln w="20234" cap="flat">
              <a:noFill/>
              <a:prstDash val="solid"/>
              <a:miter/>
            </a:ln>
          </p:spPr>
          <p:txBody>
            <a:bodyPr rtlCol="0" anchor="ctr"/>
            <a:lstStyle/>
            <a:p>
              <a:endParaRPr lang="en-US" sz="1500"/>
            </a:p>
          </p:txBody>
        </p:sp>
      </p:grpSp>
      <p:grpSp>
        <p:nvGrpSpPr>
          <p:cNvPr id="142" name="Group 141">
            <a:extLst>
              <a:ext uri="{FF2B5EF4-FFF2-40B4-BE49-F238E27FC236}">
                <a16:creationId xmlns:a16="http://schemas.microsoft.com/office/drawing/2014/main" id="{190F18CC-4453-4929-83E4-0777BBADD8E4}"/>
              </a:ext>
            </a:extLst>
          </p:cNvPr>
          <p:cNvGrpSpPr/>
          <p:nvPr/>
        </p:nvGrpSpPr>
        <p:grpSpPr>
          <a:xfrm>
            <a:off x="5965615" y="4249463"/>
            <a:ext cx="496715" cy="380088"/>
            <a:chOff x="5928790" y="5863083"/>
            <a:chExt cx="1479647" cy="1132233"/>
          </a:xfrm>
        </p:grpSpPr>
        <p:sp>
          <p:nvSpPr>
            <p:cNvPr id="143" name="Freeform: Shape 142">
              <a:extLst>
                <a:ext uri="{FF2B5EF4-FFF2-40B4-BE49-F238E27FC236}">
                  <a16:creationId xmlns:a16="http://schemas.microsoft.com/office/drawing/2014/main" id="{D14E5CE5-51AA-4717-8368-2528B7AC1E42}"/>
                </a:ext>
              </a:extLst>
            </p:cNvPr>
            <p:cNvSpPr/>
            <p:nvPr/>
          </p:nvSpPr>
          <p:spPr>
            <a:xfrm>
              <a:off x="6765309" y="6540893"/>
              <a:ext cx="626457" cy="437576"/>
            </a:xfrm>
            <a:custGeom>
              <a:avLst/>
              <a:gdLst>
                <a:gd name="connsiteX0" fmla="*/ 688 w 626457"/>
                <a:gd name="connsiteY0" fmla="*/ 103815 h 437576"/>
                <a:gd name="connsiteX1" fmla="*/ 549374 w 626457"/>
                <a:gd name="connsiteY1" fmla="*/ 424606 h 437576"/>
                <a:gd name="connsiteX2" fmla="*/ 587828 w 626457"/>
                <a:gd name="connsiteY2" fmla="*/ 437356 h 437576"/>
                <a:gd name="connsiteX3" fmla="*/ 624461 w 626457"/>
                <a:gd name="connsiteY3" fmla="*/ 364090 h 437576"/>
                <a:gd name="connsiteX4" fmla="*/ 565160 w 626457"/>
                <a:gd name="connsiteY4" fmla="*/ 303373 h 437576"/>
                <a:gd name="connsiteX5" fmla="*/ 50679 w 626457"/>
                <a:gd name="connsiteY5" fmla="*/ -215 h 43757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626457" h="437576">
                  <a:moveTo>
                    <a:pt x="688" y="103815"/>
                  </a:moveTo>
                  <a:cubicBezTo>
                    <a:pt x="194378" y="219987"/>
                    <a:pt x="355482" y="308433"/>
                    <a:pt x="549374" y="424606"/>
                  </a:cubicBezTo>
                  <a:cubicBezTo>
                    <a:pt x="560404" y="433045"/>
                    <a:pt x="573944" y="437538"/>
                    <a:pt x="587828" y="437356"/>
                  </a:cubicBezTo>
                  <a:cubicBezTo>
                    <a:pt x="617377" y="433916"/>
                    <a:pt x="633973" y="392425"/>
                    <a:pt x="624461" y="364090"/>
                  </a:cubicBezTo>
                  <a:cubicBezTo>
                    <a:pt x="612297" y="337597"/>
                    <a:pt x="591350" y="316143"/>
                    <a:pt x="565160" y="303373"/>
                  </a:cubicBezTo>
                  <a:cubicBezTo>
                    <a:pt x="383007" y="189021"/>
                    <a:pt x="239713" y="103612"/>
                    <a:pt x="50679" y="-215"/>
                  </a:cubicBezTo>
                </a:path>
              </a:pathLst>
            </a:custGeom>
            <a:solidFill>
              <a:srgbClr val="EB871E"/>
            </a:solidFill>
            <a:ln w="20234" cap="flat">
              <a:noFill/>
              <a:prstDash val="solid"/>
              <a:miter/>
            </a:ln>
          </p:spPr>
          <p:txBody>
            <a:bodyPr rtlCol="0" anchor="ctr"/>
            <a:lstStyle/>
            <a:p>
              <a:endParaRPr lang="en-US" sz="1500"/>
            </a:p>
          </p:txBody>
        </p:sp>
        <p:sp>
          <p:nvSpPr>
            <p:cNvPr id="144" name="Freeform: Shape 143">
              <a:extLst>
                <a:ext uri="{FF2B5EF4-FFF2-40B4-BE49-F238E27FC236}">
                  <a16:creationId xmlns:a16="http://schemas.microsoft.com/office/drawing/2014/main" id="{C5274F74-14E8-40B3-A32F-6D8FA3CE2184}"/>
                </a:ext>
              </a:extLst>
            </p:cNvPr>
            <p:cNvSpPr/>
            <p:nvPr/>
          </p:nvSpPr>
          <p:spPr>
            <a:xfrm>
              <a:off x="6761553" y="6531151"/>
              <a:ext cx="646884" cy="464165"/>
            </a:xfrm>
            <a:custGeom>
              <a:avLst/>
              <a:gdLst>
                <a:gd name="connsiteX0" fmla="*/ 2623 w 646884"/>
                <a:gd name="connsiteY0" fmla="*/ 116795 h 464165"/>
                <a:gd name="connsiteX1" fmla="*/ 136606 w 646884"/>
                <a:gd name="connsiteY1" fmla="*/ 210300 h 464165"/>
                <a:gd name="connsiteX2" fmla="*/ 269983 w 646884"/>
                <a:gd name="connsiteY2" fmla="*/ 289030 h 464165"/>
                <a:gd name="connsiteX3" fmla="*/ 541997 w 646884"/>
                <a:gd name="connsiteY3" fmla="*/ 448313 h 464165"/>
                <a:gd name="connsiteX4" fmla="*/ 604334 w 646884"/>
                <a:gd name="connsiteY4" fmla="*/ 462075 h 464165"/>
                <a:gd name="connsiteX5" fmla="*/ 642181 w 646884"/>
                <a:gd name="connsiteY5" fmla="*/ 423014 h 464165"/>
                <a:gd name="connsiteX6" fmla="*/ 609394 w 646884"/>
                <a:gd name="connsiteY6" fmla="*/ 319996 h 464165"/>
                <a:gd name="connsiteX7" fmla="*/ 548676 w 646884"/>
                <a:gd name="connsiteY7" fmla="*/ 279517 h 464165"/>
                <a:gd name="connsiteX8" fmla="*/ 483102 w 646884"/>
                <a:gd name="connsiteY8" fmla="*/ 239039 h 464165"/>
                <a:gd name="connsiteX9" fmla="*/ 356201 w 646884"/>
                <a:gd name="connsiteY9" fmla="*/ 161928 h 464165"/>
                <a:gd name="connsiteX10" fmla="*/ 216754 w 646884"/>
                <a:gd name="connsiteY10" fmla="*/ 80971 h 464165"/>
                <a:gd name="connsiteX11" fmla="*/ 59293 w 646884"/>
                <a:gd name="connsiteY11" fmla="*/ 1027 h 464165"/>
                <a:gd name="connsiteX12" fmla="*/ 45044 w 646884"/>
                <a:gd name="connsiteY12" fmla="*/ 5358 h 464165"/>
                <a:gd name="connsiteX13" fmla="*/ 48768 w 646884"/>
                <a:gd name="connsiteY13" fmla="*/ 19241 h 464165"/>
                <a:gd name="connsiteX14" fmla="*/ 527020 w 646884"/>
                <a:gd name="connsiteY14" fmla="*/ 307853 h 464165"/>
                <a:gd name="connsiteX15" fmla="*/ 582881 w 646884"/>
                <a:gd name="connsiteY15" fmla="*/ 343879 h 464165"/>
                <a:gd name="connsiteX16" fmla="*/ 612834 w 646884"/>
                <a:gd name="connsiteY16" fmla="*/ 385369 h 464165"/>
                <a:gd name="connsiteX17" fmla="*/ 599882 w 646884"/>
                <a:gd name="connsiteY17" fmla="*/ 424228 h 464165"/>
                <a:gd name="connsiteX18" fmla="*/ 552926 w 646884"/>
                <a:gd name="connsiteY18" fmla="*/ 413906 h 464165"/>
                <a:gd name="connsiteX19" fmla="*/ 299127 w 646884"/>
                <a:gd name="connsiteY19" fmla="*/ 265755 h 464165"/>
                <a:gd name="connsiteX20" fmla="*/ 158667 w 646884"/>
                <a:gd name="connsiteY20" fmla="*/ 186012 h 464165"/>
                <a:gd name="connsiteX21" fmla="*/ 5861 w 646884"/>
                <a:gd name="connsiteY21" fmla="*/ 110520 h 464165"/>
                <a:gd name="connsiteX22" fmla="*/ 1024 w 646884"/>
                <a:gd name="connsiteY22" fmla="*/ 112302 h 464165"/>
                <a:gd name="connsiteX23" fmla="*/ 2218 w 646884"/>
                <a:gd name="connsiteY23" fmla="*/ 116795 h 46416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Lst>
              <a:rect l="l" t="t" r="r" b="b"/>
              <a:pathLst>
                <a:path w="646884" h="464165">
                  <a:moveTo>
                    <a:pt x="2623" y="116795"/>
                  </a:moveTo>
                  <a:cubicBezTo>
                    <a:pt x="46542" y="149177"/>
                    <a:pt x="90259" y="181358"/>
                    <a:pt x="136606" y="210300"/>
                  </a:cubicBezTo>
                  <a:cubicBezTo>
                    <a:pt x="182954" y="239242"/>
                    <a:pt x="225254" y="263124"/>
                    <a:pt x="269983" y="289030"/>
                  </a:cubicBezTo>
                  <a:cubicBezTo>
                    <a:pt x="360857" y="341652"/>
                    <a:pt x="452136" y="394274"/>
                    <a:pt x="541997" y="448313"/>
                  </a:cubicBezTo>
                  <a:cubicBezTo>
                    <a:pt x="559666" y="461995"/>
                    <a:pt x="582537" y="467055"/>
                    <a:pt x="604334" y="462075"/>
                  </a:cubicBezTo>
                  <a:cubicBezTo>
                    <a:pt x="621963" y="455072"/>
                    <a:pt x="635745" y="440865"/>
                    <a:pt x="642181" y="423014"/>
                  </a:cubicBezTo>
                  <a:cubicBezTo>
                    <a:pt x="656025" y="385207"/>
                    <a:pt x="642546" y="342846"/>
                    <a:pt x="609394" y="319996"/>
                  </a:cubicBezTo>
                  <a:cubicBezTo>
                    <a:pt x="589944" y="305343"/>
                    <a:pt x="569685" y="291823"/>
                    <a:pt x="548676" y="279517"/>
                  </a:cubicBezTo>
                  <a:lnTo>
                    <a:pt x="483102" y="239039"/>
                  </a:lnTo>
                  <a:cubicBezTo>
                    <a:pt x="441004" y="212991"/>
                    <a:pt x="398704" y="187288"/>
                    <a:pt x="356201" y="161928"/>
                  </a:cubicBezTo>
                  <a:cubicBezTo>
                    <a:pt x="310056" y="134403"/>
                    <a:pt x="263506" y="107080"/>
                    <a:pt x="216754" y="80971"/>
                  </a:cubicBezTo>
                  <a:cubicBezTo>
                    <a:pt x="165548" y="51826"/>
                    <a:pt x="112522" y="26123"/>
                    <a:pt x="59293" y="1027"/>
                  </a:cubicBezTo>
                  <a:cubicBezTo>
                    <a:pt x="54172" y="-1706"/>
                    <a:pt x="47796" y="217"/>
                    <a:pt x="45044" y="5358"/>
                  </a:cubicBezTo>
                  <a:cubicBezTo>
                    <a:pt x="42433" y="10235"/>
                    <a:pt x="44072" y="16306"/>
                    <a:pt x="48768" y="19241"/>
                  </a:cubicBezTo>
                  <a:cubicBezTo>
                    <a:pt x="206431" y="118211"/>
                    <a:pt x="368952" y="209085"/>
                    <a:pt x="527020" y="307853"/>
                  </a:cubicBezTo>
                  <a:cubicBezTo>
                    <a:pt x="545641" y="319592"/>
                    <a:pt x="565273" y="330521"/>
                    <a:pt x="582881" y="343879"/>
                  </a:cubicBezTo>
                  <a:cubicBezTo>
                    <a:pt x="597756" y="353411"/>
                    <a:pt x="608463" y="368247"/>
                    <a:pt x="612834" y="385369"/>
                  </a:cubicBezTo>
                  <a:cubicBezTo>
                    <a:pt x="614757" y="399637"/>
                    <a:pt x="609981" y="413966"/>
                    <a:pt x="599882" y="424228"/>
                  </a:cubicBezTo>
                  <a:cubicBezTo>
                    <a:pt x="585107" y="437384"/>
                    <a:pt x="566284" y="422002"/>
                    <a:pt x="552926" y="413906"/>
                  </a:cubicBezTo>
                  <a:cubicBezTo>
                    <a:pt x="468731" y="363713"/>
                    <a:pt x="383929" y="314735"/>
                    <a:pt x="299127" y="265755"/>
                  </a:cubicBezTo>
                  <a:cubicBezTo>
                    <a:pt x="252374" y="239039"/>
                    <a:pt x="205824" y="211716"/>
                    <a:pt x="158667" y="186012"/>
                  </a:cubicBezTo>
                  <a:cubicBezTo>
                    <a:pt x="111510" y="160309"/>
                    <a:pt x="57471" y="135010"/>
                    <a:pt x="5861" y="110520"/>
                  </a:cubicBezTo>
                  <a:cubicBezTo>
                    <a:pt x="4039" y="109671"/>
                    <a:pt x="1874" y="110460"/>
                    <a:pt x="1024" y="112302"/>
                  </a:cubicBezTo>
                  <a:cubicBezTo>
                    <a:pt x="295" y="113880"/>
                    <a:pt x="781" y="115783"/>
                    <a:pt x="2218" y="116795"/>
                  </a:cubicBezTo>
                  <a:close/>
                </a:path>
              </a:pathLst>
            </a:custGeom>
            <a:solidFill>
              <a:srgbClr val="190B0B"/>
            </a:solidFill>
            <a:ln w="20234" cap="flat">
              <a:noFill/>
              <a:prstDash val="solid"/>
              <a:miter/>
            </a:ln>
          </p:spPr>
          <p:txBody>
            <a:bodyPr rtlCol="0" anchor="ctr"/>
            <a:lstStyle/>
            <a:p>
              <a:endParaRPr lang="en-US" sz="1500"/>
            </a:p>
          </p:txBody>
        </p:sp>
        <p:sp>
          <p:nvSpPr>
            <p:cNvPr id="145" name="Freeform: Shape 144">
              <a:extLst>
                <a:ext uri="{FF2B5EF4-FFF2-40B4-BE49-F238E27FC236}">
                  <a16:creationId xmlns:a16="http://schemas.microsoft.com/office/drawing/2014/main" id="{7B2AC445-5A2F-4EAF-A4B1-DEF001D64B6E}"/>
                </a:ext>
              </a:extLst>
            </p:cNvPr>
            <p:cNvSpPr/>
            <p:nvPr/>
          </p:nvSpPr>
          <p:spPr>
            <a:xfrm>
              <a:off x="5930427" y="5870795"/>
              <a:ext cx="909497" cy="974020"/>
            </a:xfrm>
            <a:custGeom>
              <a:avLst/>
              <a:gdLst>
                <a:gd name="connsiteX0" fmla="*/ 28431 w 909497"/>
                <a:gd name="connsiteY0" fmla="*/ 382891 h 974020"/>
                <a:gd name="connsiteX1" fmla="*/ 21348 w 909497"/>
                <a:gd name="connsiteY1" fmla="*/ 682431 h 974020"/>
                <a:gd name="connsiteX2" fmla="*/ 773234 w 909497"/>
                <a:gd name="connsiteY2" fmla="*/ 848797 h 974020"/>
                <a:gd name="connsiteX3" fmla="*/ 684789 w 909497"/>
                <a:gd name="connsiteY3" fmla="*/ 77278 h 974020"/>
                <a:gd name="connsiteX4" fmla="*/ 638643 w 909497"/>
                <a:gd name="connsiteY4" fmla="*/ 47527 h 974020"/>
                <a:gd name="connsiteX5" fmla="*/ 28431 w 909497"/>
                <a:gd name="connsiteY5" fmla="*/ 382891 h 9740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909497" h="974020">
                  <a:moveTo>
                    <a:pt x="28431" y="382891"/>
                  </a:moveTo>
                  <a:cubicBezTo>
                    <a:pt x="-5955" y="479412"/>
                    <a:pt x="-8445" y="584412"/>
                    <a:pt x="21348" y="682431"/>
                  </a:cubicBezTo>
                  <a:cubicBezTo>
                    <a:pt x="127198" y="992091"/>
                    <a:pt x="544936" y="1066976"/>
                    <a:pt x="773234" y="848797"/>
                  </a:cubicBezTo>
                  <a:cubicBezTo>
                    <a:pt x="1001532" y="630619"/>
                    <a:pt x="925432" y="252145"/>
                    <a:pt x="684789" y="77278"/>
                  </a:cubicBezTo>
                  <a:cubicBezTo>
                    <a:pt x="669974" y="66512"/>
                    <a:pt x="654551" y="56595"/>
                    <a:pt x="638643" y="47527"/>
                  </a:cubicBezTo>
                  <a:cubicBezTo>
                    <a:pt x="376545" y="-101433"/>
                    <a:pt x="113031" y="122614"/>
                    <a:pt x="28431" y="382891"/>
                  </a:cubicBezTo>
                  <a:close/>
                </a:path>
              </a:pathLst>
            </a:custGeom>
            <a:solidFill>
              <a:srgbClr val="EB871E"/>
            </a:solidFill>
            <a:ln w="20234" cap="flat">
              <a:noFill/>
              <a:prstDash val="solid"/>
              <a:miter/>
            </a:ln>
          </p:spPr>
          <p:txBody>
            <a:bodyPr rtlCol="0" anchor="ctr"/>
            <a:lstStyle/>
            <a:p>
              <a:endParaRPr lang="en-US" sz="1500"/>
            </a:p>
          </p:txBody>
        </p:sp>
        <p:sp>
          <p:nvSpPr>
            <p:cNvPr id="146" name="Freeform: Shape 145">
              <a:extLst>
                <a:ext uri="{FF2B5EF4-FFF2-40B4-BE49-F238E27FC236}">
                  <a16:creationId xmlns:a16="http://schemas.microsoft.com/office/drawing/2014/main" id="{A63746E2-BA6A-46E9-90CC-C7E89B42100B}"/>
                </a:ext>
              </a:extLst>
            </p:cNvPr>
            <p:cNvSpPr/>
            <p:nvPr/>
          </p:nvSpPr>
          <p:spPr>
            <a:xfrm>
              <a:off x="5928790" y="5863083"/>
              <a:ext cx="915767" cy="988647"/>
            </a:xfrm>
            <a:custGeom>
              <a:avLst/>
              <a:gdLst>
                <a:gd name="connsiteX0" fmla="*/ 31080 w 915767"/>
                <a:gd name="connsiteY0" fmla="*/ 390805 h 988647"/>
                <a:gd name="connsiteX1" fmla="*/ 4769 w 915767"/>
                <a:gd name="connsiteY1" fmla="*/ 571744 h 988647"/>
                <a:gd name="connsiteX2" fmla="*/ 53140 w 915767"/>
                <a:gd name="connsiteY2" fmla="*/ 746003 h 988647"/>
                <a:gd name="connsiteX3" fmla="*/ 333453 w 915767"/>
                <a:gd name="connsiteY3" fmla="*/ 959324 h 988647"/>
                <a:gd name="connsiteX4" fmla="*/ 686830 w 915767"/>
                <a:gd name="connsiteY4" fmla="*/ 918845 h 988647"/>
                <a:gd name="connsiteX5" fmla="*/ 761108 w 915767"/>
                <a:gd name="connsiteY5" fmla="*/ 865818 h 988647"/>
                <a:gd name="connsiteX6" fmla="*/ 792883 w 915767"/>
                <a:gd name="connsiteY6" fmla="*/ 833234 h 988647"/>
                <a:gd name="connsiteX7" fmla="*/ 808265 w 915767"/>
                <a:gd name="connsiteY7" fmla="*/ 816232 h 988647"/>
                <a:gd name="connsiteX8" fmla="*/ 821826 w 915767"/>
                <a:gd name="connsiteY8" fmla="*/ 797815 h 988647"/>
                <a:gd name="connsiteX9" fmla="*/ 846922 w 915767"/>
                <a:gd name="connsiteY9" fmla="*/ 759563 h 988647"/>
                <a:gd name="connsiteX10" fmla="*/ 867161 w 915767"/>
                <a:gd name="connsiteY10" fmla="*/ 719084 h 988647"/>
                <a:gd name="connsiteX11" fmla="*/ 882543 w 915767"/>
                <a:gd name="connsiteY11" fmla="*/ 676177 h 988647"/>
                <a:gd name="connsiteX12" fmla="*/ 893674 w 915767"/>
                <a:gd name="connsiteY12" fmla="*/ 632056 h 988647"/>
                <a:gd name="connsiteX13" fmla="*/ 896913 w 915767"/>
                <a:gd name="connsiteY13" fmla="*/ 451117 h 988647"/>
                <a:gd name="connsiteX14" fmla="*/ 839029 w 915767"/>
                <a:gd name="connsiteY14" fmla="*/ 279691 h 988647"/>
                <a:gd name="connsiteX15" fmla="*/ 579562 w 915767"/>
                <a:gd name="connsiteY15" fmla="*/ 38845 h 988647"/>
                <a:gd name="connsiteX16" fmla="*/ 536857 w 915767"/>
                <a:gd name="connsiteY16" fmla="*/ 25689 h 988647"/>
                <a:gd name="connsiteX17" fmla="*/ 492533 w 915767"/>
                <a:gd name="connsiteY17" fmla="*/ 18606 h 988647"/>
                <a:gd name="connsiteX18" fmla="*/ 447805 w 915767"/>
                <a:gd name="connsiteY18" fmla="*/ 18606 h 988647"/>
                <a:gd name="connsiteX19" fmla="*/ 403278 w 915767"/>
                <a:gd name="connsiteY19" fmla="*/ 24070 h 988647"/>
                <a:gd name="connsiteX20" fmla="*/ 239948 w 915767"/>
                <a:gd name="connsiteY20" fmla="*/ 98146 h 988647"/>
                <a:gd name="connsiteX21" fmla="*/ 31080 w 915767"/>
                <a:gd name="connsiteY21" fmla="*/ 390805 h 988647"/>
                <a:gd name="connsiteX22" fmla="*/ 29258 w 915767"/>
                <a:gd name="connsiteY22" fmla="*/ 390805 h 988647"/>
                <a:gd name="connsiteX23" fmla="*/ 110215 w 915767"/>
                <a:gd name="connsiteY23" fmla="*/ 225247 h 988647"/>
                <a:gd name="connsiteX24" fmla="*/ 234079 w 915767"/>
                <a:gd name="connsiteY24" fmla="*/ 88026 h 988647"/>
                <a:gd name="connsiteX25" fmla="*/ 401052 w 915767"/>
                <a:gd name="connsiteY25" fmla="*/ 7069 h 988647"/>
                <a:gd name="connsiteX26" fmla="*/ 587253 w 915767"/>
                <a:gd name="connsiteY26" fmla="*/ 21844 h 988647"/>
                <a:gd name="connsiteX27" fmla="*/ 855017 w 915767"/>
                <a:gd name="connsiteY27" fmla="*/ 272202 h 988647"/>
                <a:gd name="connsiteX28" fmla="*/ 904401 w 915767"/>
                <a:gd name="connsiteY28" fmla="*/ 634282 h 988647"/>
                <a:gd name="connsiteX29" fmla="*/ 892056 w 915767"/>
                <a:gd name="connsiteY29" fmla="*/ 679214 h 988647"/>
                <a:gd name="connsiteX30" fmla="*/ 875257 w 915767"/>
                <a:gd name="connsiteY30" fmla="*/ 722525 h 988647"/>
                <a:gd name="connsiteX31" fmla="*/ 853399 w 915767"/>
                <a:gd name="connsiteY31" fmla="*/ 763003 h 988647"/>
                <a:gd name="connsiteX32" fmla="*/ 827492 w 915767"/>
                <a:gd name="connsiteY32" fmla="*/ 801458 h 988647"/>
                <a:gd name="connsiteX33" fmla="*/ 813730 w 915767"/>
                <a:gd name="connsiteY33" fmla="*/ 820078 h 988647"/>
                <a:gd name="connsiteX34" fmla="*/ 797943 w 915767"/>
                <a:gd name="connsiteY34" fmla="*/ 837079 h 988647"/>
                <a:gd name="connsiteX35" fmla="*/ 765358 w 915767"/>
                <a:gd name="connsiteY35" fmla="*/ 870069 h 988647"/>
                <a:gd name="connsiteX36" fmla="*/ 690473 w 915767"/>
                <a:gd name="connsiteY36" fmla="*/ 924310 h 988647"/>
                <a:gd name="connsiteX37" fmla="*/ 330418 w 915767"/>
                <a:gd name="connsiteY37" fmla="*/ 974503 h 988647"/>
                <a:gd name="connsiteX38" fmla="*/ 162432 w 915767"/>
                <a:gd name="connsiteY38" fmla="*/ 894760 h 988647"/>
                <a:gd name="connsiteX39" fmla="*/ 43831 w 915767"/>
                <a:gd name="connsiteY39" fmla="*/ 752074 h 988647"/>
                <a:gd name="connsiteX40" fmla="*/ 721 w 915767"/>
                <a:gd name="connsiteY40" fmla="*/ 572755 h 988647"/>
                <a:gd name="connsiteX41" fmla="*/ 29258 w 915767"/>
                <a:gd name="connsiteY41" fmla="*/ 390197 h 98864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Lst>
              <a:rect l="l" t="t" r="r" b="b"/>
              <a:pathLst>
                <a:path w="915767" h="988647">
                  <a:moveTo>
                    <a:pt x="31080" y="390805"/>
                  </a:moveTo>
                  <a:cubicBezTo>
                    <a:pt x="11893" y="449134"/>
                    <a:pt x="2988" y="510358"/>
                    <a:pt x="4769" y="571744"/>
                  </a:cubicBezTo>
                  <a:cubicBezTo>
                    <a:pt x="7136" y="632805"/>
                    <a:pt x="23693" y="692470"/>
                    <a:pt x="53140" y="746003"/>
                  </a:cubicBezTo>
                  <a:cubicBezTo>
                    <a:pt x="113069" y="852805"/>
                    <a:pt x="214548" y="930037"/>
                    <a:pt x="333453" y="959324"/>
                  </a:cubicBezTo>
                  <a:cubicBezTo>
                    <a:pt x="452035" y="992132"/>
                    <a:pt x="578732" y="977620"/>
                    <a:pt x="686830" y="918845"/>
                  </a:cubicBezTo>
                  <a:cubicBezTo>
                    <a:pt x="713546" y="904091"/>
                    <a:pt x="738460" y="886280"/>
                    <a:pt x="761108" y="865818"/>
                  </a:cubicBezTo>
                  <a:cubicBezTo>
                    <a:pt x="772401" y="855679"/>
                    <a:pt x="783026" y="844790"/>
                    <a:pt x="792883" y="833234"/>
                  </a:cubicBezTo>
                  <a:lnTo>
                    <a:pt x="808265" y="816232"/>
                  </a:lnTo>
                  <a:cubicBezTo>
                    <a:pt x="813183" y="810404"/>
                    <a:pt x="817717" y="804251"/>
                    <a:pt x="821826" y="797815"/>
                  </a:cubicBezTo>
                  <a:cubicBezTo>
                    <a:pt x="830974" y="785591"/>
                    <a:pt x="839353" y="772820"/>
                    <a:pt x="846922" y="759563"/>
                  </a:cubicBezTo>
                  <a:lnTo>
                    <a:pt x="867161" y="719084"/>
                  </a:lnTo>
                  <a:lnTo>
                    <a:pt x="882543" y="676177"/>
                  </a:lnTo>
                  <a:cubicBezTo>
                    <a:pt x="886996" y="661666"/>
                    <a:pt x="890699" y="646931"/>
                    <a:pt x="893674" y="632056"/>
                  </a:cubicBezTo>
                  <a:cubicBezTo>
                    <a:pt x="905474" y="572411"/>
                    <a:pt x="906567" y="511147"/>
                    <a:pt x="896913" y="451117"/>
                  </a:cubicBezTo>
                  <a:cubicBezTo>
                    <a:pt x="886894" y="391250"/>
                    <a:pt x="867364" y="333366"/>
                    <a:pt x="839029" y="279691"/>
                  </a:cubicBezTo>
                  <a:cubicBezTo>
                    <a:pt x="783897" y="171129"/>
                    <a:pt x="691910" y="85759"/>
                    <a:pt x="579562" y="38845"/>
                  </a:cubicBezTo>
                  <a:cubicBezTo>
                    <a:pt x="565395" y="34594"/>
                    <a:pt x="551227" y="29332"/>
                    <a:pt x="536857" y="25689"/>
                  </a:cubicBezTo>
                  <a:lnTo>
                    <a:pt x="492533" y="18606"/>
                  </a:lnTo>
                  <a:lnTo>
                    <a:pt x="447805" y="18606"/>
                  </a:lnTo>
                  <a:lnTo>
                    <a:pt x="403278" y="24070"/>
                  </a:lnTo>
                  <a:cubicBezTo>
                    <a:pt x="344018" y="36356"/>
                    <a:pt x="288239" y="61655"/>
                    <a:pt x="239948" y="98146"/>
                  </a:cubicBezTo>
                  <a:cubicBezTo>
                    <a:pt x="142436" y="172444"/>
                    <a:pt x="69635" y="274449"/>
                    <a:pt x="31080" y="390805"/>
                  </a:cubicBezTo>
                  <a:close/>
                  <a:moveTo>
                    <a:pt x="29258" y="390805"/>
                  </a:moveTo>
                  <a:cubicBezTo>
                    <a:pt x="48667" y="332212"/>
                    <a:pt x="75889" y="276533"/>
                    <a:pt x="110215" y="225247"/>
                  </a:cubicBezTo>
                  <a:cubicBezTo>
                    <a:pt x="144116" y="173355"/>
                    <a:pt x="185910" y="127047"/>
                    <a:pt x="234079" y="88026"/>
                  </a:cubicBezTo>
                  <a:cubicBezTo>
                    <a:pt x="282673" y="48417"/>
                    <a:pt x="339849" y="20690"/>
                    <a:pt x="401052" y="7069"/>
                  </a:cubicBezTo>
                  <a:cubicBezTo>
                    <a:pt x="463227" y="-6309"/>
                    <a:pt x="527972" y="-1189"/>
                    <a:pt x="587253" y="21844"/>
                  </a:cubicBezTo>
                  <a:cubicBezTo>
                    <a:pt x="704195" y="69629"/>
                    <a:pt x="799481" y="158742"/>
                    <a:pt x="855017" y="272202"/>
                  </a:cubicBezTo>
                  <a:cubicBezTo>
                    <a:pt x="913408" y="383377"/>
                    <a:pt x="930894" y="511531"/>
                    <a:pt x="904401" y="634282"/>
                  </a:cubicBezTo>
                  <a:cubicBezTo>
                    <a:pt x="901102" y="649461"/>
                    <a:pt x="896973" y="664459"/>
                    <a:pt x="892056" y="679214"/>
                  </a:cubicBezTo>
                  <a:lnTo>
                    <a:pt x="875257" y="722525"/>
                  </a:lnTo>
                  <a:lnTo>
                    <a:pt x="853399" y="763003"/>
                  </a:lnTo>
                  <a:cubicBezTo>
                    <a:pt x="845485" y="776301"/>
                    <a:pt x="836843" y="789132"/>
                    <a:pt x="827492" y="801458"/>
                  </a:cubicBezTo>
                  <a:cubicBezTo>
                    <a:pt x="823242" y="807914"/>
                    <a:pt x="818648" y="814127"/>
                    <a:pt x="813730" y="820078"/>
                  </a:cubicBezTo>
                  <a:lnTo>
                    <a:pt x="797943" y="837079"/>
                  </a:lnTo>
                  <a:cubicBezTo>
                    <a:pt x="787803" y="848777"/>
                    <a:pt x="776915" y="859788"/>
                    <a:pt x="765358" y="870069"/>
                  </a:cubicBezTo>
                  <a:cubicBezTo>
                    <a:pt x="742326" y="890673"/>
                    <a:pt x="717229" y="908847"/>
                    <a:pt x="690473" y="924310"/>
                  </a:cubicBezTo>
                  <a:cubicBezTo>
                    <a:pt x="581181" y="986160"/>
                    <a:pt x="452460" y="1004093"/>
                    <a:pt x="330418" y="974503"/>
                  </a:cubicBezTo>
                  <a:cubicBezTo>
                    <a:pt x="269538" y="959729"/>
                    <a:pt x="212362" y="932588"/>
                    <a:pt x="162432" y="894760"/>
                  </a:cubicBezTo>
                  <a:cubicBezTo>
                    <a:pt x="112421" y="856995"/>
                    <a:pt x="71821" y="808157"/>
                    <a:pt x="43831" y="752074"/>
                  </a:cubicBezTo>
                  <a:cubicBezTo>
                    <a:pt x="15779" y="696436"/>
                    <a:pt x="1024" y="635052"/>
                    <a:pt x="721" y="572755"/>
                  </a:cubicBezTo>
                  <a:cubicBezTo>
                    <a:pt x="53" y="510742"/>
                    <a:pt x="9687" y="449053"/>
                    <a:pt x="29258" y="390197"/>
                  </a:cubicBezTo>
                  <a:close/>
                </a:path>
              </a:pathLst>
            </a:custGeom>
            <a:solidFill>
              <a:srgbClr val="190B0B"/>
            </a:solidFill>
            <a:ln w="20234" cap="flat">
              <a:noFill/>
              <a:prstDash val="solid"/>
              <a:miter/>
            </a:ln>
          </p:spPr>
          <p:txBody>
            <a:bodyPr rtlCol="0" anchor="ctr"/>
            <a:lstStyle/>
            <a:p>
              <a:endParaRPr lang="en-US" sz="1500"/>
            </a:p>
          </p:txBody>
        </p:sp>
        <p:sp>
          <p:nvSpPr>
            <p:cNvPr id="147" name="Freeform: Shape 146">
              <a:extLst>
                <a:ext uri="{FF2B5EF4-FFF2-40B4-BE49-F238E27FC236}">
                  <a16:creationId xmlns:a16="http://schemas.microsoft.com/office/drawing/2014/main" id="{9CFF611F-3630-493F-84D0-B07DDF45E314}"/>
                </a:ext>
              </a:extLst>
            </p:cNvPr>
            <p:cNvSpPr/>
            <p:nvPr/>
          </p:nvSpPr>
          <p:spPr>
            <a:xfrm>
              <a:off x="6243340" y="6822622"/>
              <a:ext cx="2023" cy="2024"/>
            </a:xfrm>
            <a:custGeom>
              <a:avLst/>
              <a:gdLst>
                <a:gd name="connsiteX0" fmla="*/ 1700 w 2023"/>
                <a:gd name="connsiteY0" fmla="*/ 1810 h 2024"/>
                <a:gd name="connsiteX1" fmla="*/ 2712 w 2023"/>
                <a:gd name="connsiteY1" fmla="*/ 797 h 2024"/>
                <a:gd name="connsiteX2" fmla="*/ 1700 w 2023"/>
                <a:gd name="connsiteY2" fmla="*/ -215 h 2024"/>
                <a:gd name="connsiteX3" fmla="*/ 688 w 2023"/>
                <a:gd name="connsiteY3" fmla="*/ 797 h 2024"/>
                <a:gd name="connsiteX4" fmla="*/ 1700 w 2023"/>
                <a:gd name="connsiteY4" fmla="*/ 1810 h 202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23" h="2024">
                  <a:moveTo>
                    <a:pt x="1700" y="1810"/>
                  </a:moveTo>
                  <a:cubicBezTo>
                    <a:pt x="2267" y="1810"/>
                    <a:pt x="2712" y="1364"/>
                    <a:pt x="2712" y="797"/>
                  </a:cubicBezTo>
                  <a:cubicBezTo>
                    <a:pt x="2712" y="231"/>
                    <a:pt x="2267" y="-215"/>
                    <a:pt x="1700" y="-215"/>
                  </a:cubicBezTo>
                  <a:cubicBezTo>
                    <a:pt x="1134" y="-215"/>
                    <a:pt x="688" y="231"/>
                    <a:pt x="688" y="797"/>
                  </a:cubicBezTo>
                  <a:cubicBezTo>
                    <a:pt x="688" y="1364"/>
                    <a:pt x="1134" y="1810"/>
                    <a:pt x="1700" y="1810"/>
                  </a:cubicBezTo>
                  <a:close/>
                </a:path>
              </a:pathLst>
            </a:custGeom>
            <a:solidFill>
              <a:srgbClr val="280E0E"/>
            </a:solidFill>
            <a:ln w="20234" cap="flat">
              <a:noFill/>
              <a:prstDash val="solid"/>
              <a:miter/>
            </a:ln>
          </p:spPr>
          <p:txBody>
            <a:bodyPr rtlCol="0" anchor="ctr"/>
            <a:lstStyle/>
            <a:p>
              <a:endParaRPr lang="en-US" sz="1500"/>
            </a:p>
          </p:txBody>
        </p:sp>
        <p:grpSp>
          <p:nvGrpSpPr>
            <p:cNvPr id="148" name="Graphic 71">
              <a:extLst>
                <a:ext uri="{FF2B5EF4-FFF2-40B4-BE49-F238E27FC236}">
                  <a16:creationId xmlns:a16="http://schemas.microsoft.com/office/drawing/2014/main" id="{13ACF88F-37D0-4C6B-A7AE-F4ED6344295C}"/>
                </a:ext>
              </a:extLst>
            </p:cNvPr>
            <p:cNvGrpSpPr/>
            <p:nvPr/>
          </p:nvGrpSpPr>
          <p:grpSpPr>
            <a:xfrm>
              <a:off x="6007687" y="5943998"/>
              <a:ext cx="762993" cy="829389"/>
              <a:chOff x="6007687" y="5943998"/>
              <a:chExt cx="762993" cy="829389"/>
            </a:xfrm>
          </p:grpSpPr>
          <p:sp>
            <p:nvSpPr>
              <p:cNvPr id="151" name="Freeform: Shape 150">
                <a:extLst>
                  <a:ext uri="{FF2B5EF4-FFF2-40B4-BE49-F238E27FC236}">
                    <a16:creationId xmlns:a16="http://schemas.microsoft.com/office/drawing/2014/main" id="{60A156BA-5D92-4AFC-AD97-65483674C14E}"/>
                  </a:ext>
                </a:extLst>
              </p:cNvPr>
              <p:cNvSpPr/>
              <p:nvPr/>
            </p:nvSpPr>
            <p:spPr>
              <a:xfrm>
                <a:off x="6012284" y="5961383"/>
                <a:ext cx="747642" cy="801120"/>
              </a:xfrm>
              <a:custGeom>
                <a:avLst/>
                <a:gdLst>
                  <a:gd name="connsiteX0" fmla="*/ 23484 w 747642"/>
                  <a:gd name="connsiteY0" fmla="*/ 314768 h 801120"/>
                  <a:gd name="connsiteX1" fmla="*/ 17614 w 747642"/>
                  <a:gd name="connsiteY1" fmla="*/ 561079 h 801120"/>
                  <a:gd name="connsiteX2" fmla="*/ 635719 w 747642"/>
                  <a:gd name="connsiteY2" fmla="*/ 697896 h 801120"/>
                  <a:gd name="connsiteX3" fmla="*/ 563061 w 747642"/>
                  <a:gd name="connsiteY3" fmla="*/ 63600 h 801120"/>
                  <a:gd name="connsiteX4" fmla="*/ 525214 w 747642"/>
                  <a:gd name="connsiteY4" fmla="*/ 39111 h 801120"/>
                  <a:gd name="connsiteX5" fmla="*/ 23484 w 747642"/>
                  <a:gd name="connsiteY5" fmla="*/ 314768 h 80112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747642" h="801120">
                    <a:moveTo>
                      <a:pt x="23484" y="314768"/>
                    </a:moveTo>
                    <a:cubicBezTo>
                      <a:pt x="-4750" y="394127"/>
                      <a:pt x="-6815" y="480467"/>
                      <a:pt x="17614" y="561079"/>
                    </a:cubicBezTo>
                    <a:cubicBezTo>
                      <a:pt x="104643" y="815689"/>
                      <a:pt x="448102" y="877823"/>
                      <a:pt x="635719" y="697896"/>
                    </a:cubicBezTo>
                    <a:cubicBezTo>
                      <a:pt x="823337" y="517970"/>
                      <a:pt x="761000" y="207298"/>
                      <a:pt x="563061" y="63600"/>
                    </a:cubicBezTo>
                    <a:cubicBezTo>
                      <a:pt x="550897" y="54756"/>
                      <a:pt x="538268" y="46579"/>
                      <a:pt x="525214" y="39111"/>
                    </a:cubicBezTo>
                    <a:cubicBezTo>
                      <a:pt x="309666" y="-83539"/>
                      <a:pt x="93107" y="100840"/>
                      <a:pt x="23484" y="314768"/>
                    </a:cubicBezTo>
                    <a:close/>
                  </a:path>
                </a:pathLst>
              </a:custGeom>
              <a:solidFill>
                <a:srgbClr val="FFFFFF"/>
              </a:solidFill>
              <a:ln w="20234" cap="flat">
                <a:noFill/>
                <a:prstDash val="solid"/>
                <a:miter/>
              </a:ln>
            </p:spPr>
            <p:txBody>
              <a:bodyPr rtlCol="0" anchor="ctr"/>
              <a:lstStyle/>
              <a:p>
                <a:endParaRPr lang="en-US" sz="1500"/>
              </a:p>
            </p:txBody>
          </p:sp>
          <p:sp>
            <p:nvSpPr>
              <p:cNvPr id="152" name="Freeform: Shape 151">
                <a:extLst>
                  <a:ext uri="{FF2B5EF4-FFF2-40B4-BE49-F238E27FC236}">
                    <a16:creationId xmlns:a16="http://schemas.microsoft.com/office/drawing/2014/main" id="{22DC7585-0544-4CB0-8084-EA37974C6C21}"/>
                  </a:ext>
                </a:extLst>
              </p:cNvPr>
              <p:cNvSpPr/>
              <p:nvPr/>
            </p:nvSpPr>
            <p:spPr>
              <a:xfrm>
                <a:off x="6007687" y="5943998"/>
                <a:ext cx="762993" cy="829389"/>
              </a:xfrm>
              <a:custGeom>
                <a:avLst/>
                <a:gdLst>
                  <a:gd name="connsiteX0" fmla="*/ 29699 w 762993"/>
                  <a:gd name="connsiteY0" fmla="*/ 332760 h 829389"/>
                  <a:gd name="connsiteX1" fmla="*/ 9460 w 762993"/>
                  <a:gd name="connsiteY1" fmla="*/ 481113 h 829389"/>
                  <a:gd name="connsiteX2" fmla="*/ 22616 w 762993"/>
                  <a:gd name="connsiteY2" fmla="*/ 554177 h 829389"/>
                  <a:gd name="connsiteX3" fmla="*/ 35973 w 762993"/>
                  <a:gd name="connsiteY3" fmla="*/ 588381 h 829389"/>
                  <a:gd name="connsiteX4" fmla="*/ 52165 w 762993"/>
                  <a:gd name="connsiteY4" fmla="*/ 621371 h 829389"/>
                  <a:gd name="connsiteX5" fmla="*/ 279249 w 762993"/>
                  <a:gd name="connsiteY5" fmla="*/ 791178 h 829389"/>
                  <a:gd name="connsiteX6" fmla="*/ 424768 w 762993"/>
                  <a:gd name="connsiteY6" fmla="*/ 805346 h 829389"/>
                  <a:gd name="connsiteX7" fmla="*/ 566443 w 762993"/>
                  <a:gd name="connsiteY7" fmla="*/ 763045 h 829389"/>
                  <a:gd name="connsiteX8" fmla="*/ 733416 w 762993"/>
                  <a:gd name="connsiteY8" fmla="*/ 528474 h 829389"/>
                  <a:gd name="connsiteX9" fmla="*/ 733416 w 762993"/>
                  <a:gd name="connsiteY9" fmla="*/ 382143 h 829389"/>
                  <a:gd name="connsiteX10" fmla="*/ 685449 w 762993"/>
                  <a:gd name="connsiteY10" fmla="*/ 244314 h 829389"/>
                  <a:gd name="connsiteX11" fmla="*/ 476783 w 762993"/>
                  <a:gd name="connsiteY11" fmla="*/ 52245 h 829389"/>
                  <a:gd name="connsiteX12" fmla="*/ 337335 w 762993"/>
                  <a:gd name="connsiteY12" fmla="*/ 39090 h 829389"/>
                  <a:gd name="connsiteX13" fmla="*/ 205173 w 762993"/>
                  <a:gd name="connsiteY13" fmla="*/ 95962 h 829389"/>
                  <a:gd name="connsiteX14" fmla="*/ 29699 w 762993"/>
                  <a:gd name="connsiteY14" fmla="*/ 332760 h 829389"/>
                  <a:gd name="connsiteX15" fmla="*/ 26461 w 762993"/>
                  <a:gd name="connsiteY15" fmla="*/ 331545 h 829389"/>
                  <a:gd name="connsiteX16" fmla="*/ 191208 w 762993"/>
                  <a:gd name="connsiteY16" fmla="*/ 77746 h 829389"/>
                  <a:gd name="connsiteX17" fmla="*/ 330656 w 762993"/>
                  <a:gd name="connsiteY17" fmla="*/ 6504 h 829389"/>
                  <a:gd name="connsiteX18" fmla="*/ 489332 w 762993"/>
                  <a:gd name="connsiteY18" fmla="*/ 17636 h 829389"/>
                  <a:gd name="connsiteX19" fmla="*/ 714189 w 762993"/>
                  <a:gd name="connsiteY19" fmla="*/ 229338 h 829389"/>
                  <a:gd name="connsiteX20" fmla="*/ 751834 w 762993"/>
                  <a:gd name="connsiteY20" fmla="*/ 532926 h 829389"/>
                  <a:gd name="connsiteX21" fmla="*/ 740905 w 762993"/>
                  <a:gd name="connsiteY21" fmla="*/ 570166 h 829389"/>
                  <a:gd name="connsiteX22" fmla="*/ 726535 w 762993"/>
                  <a:gd name="connsiteY22" fmla="*/ 605989 h 829389"/>
                  <a:gd name="connsiteX23" fmla="*/ 707712 w 762993"/>
                  <a:gd name="connsiteY23" fmla="*/ 639789 h 829389"/>
                  <a:gd name="connsiteX24" fmla="*/ 686057 w 762993"/>
                  <a:gd name="connsiteY24" fmla="*/ 671565 h 829389"/>
                  <a:gd name="connsiteX25" fmla="*/ 661365 w 762993"/>
                  <a:gd name="connsiteY25" fmla="*/ 700911 h 829389"/>
                  <a:gd name="connsiteX26" fmla="*/ 634042 w 762993"/>
                  <a:gd name="connsiteY26" fmla="*/ 727829 h 829389"/>
                  <a:gd name="connsiteX27" fmla="*/ 604290 w 762993"/>
                  <a:gd name="connsiteY27" fmla="*/ 752319 h 829389"/>
                  <a:gd name="connsiteX28" fmla="*/ 572110 w 762993"/>
                  <a:gd name="connsiteY28" fmla="*/ 772558 h 829389"/>
                  <a:gd name="connsiteX29" fmla="*/ 427602 w 762993"/>
                  <a:gd name="connsiteY29" fmla="*/ 824371 h 829389"/>
                  <a:gd name="connsiteX30" fmla="*/ 272569 w 762993"/>
                  <a:gd name="connsiteY30" fmla="*/ 818906 h 829389"/>
                  <a:gd name="connsiteX31" fmla="*/ 33342 w 762993"/>
                  <a:gd name="connsiteY31" fmla="*/ 631288 h 829389"/>
                  <a:gd name="connsiteX32" fmla="*/ 19175 w 762993"/>
                  <a:gd name="connsiteY32" fmla="*/ 594858 h 829389"/>
                  <a:gd name="connsiteX33" fmla="*/ 8245 w 762993"/>
                  <a:gd name="connsiteY33" fmla="*/ 557618 h 829389"/>
                  <a:gd name="connsiteX34" fmla="*/ 757 w 762993"/>
                  <a:gd name="connsiteY34" fmla="*/ 481113 h 829389"/>
                  <a:gd name="connsiteX35" fmla="*/ 26461 w 762993"/>
                  <a:gd name="connsiteY35" fmla="*/ 331545 h 82938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Lst>
                <a:rect l="l" t="t" r="r" b="b"/>
                <a:pathLst>
                  <a:path w="762993" h="829389">
                    <a:moveTo>
                      <a:pt x="29699" y="332760"/>
                    </a:moveTo>
                    <a:cubicBezTo>
                      <a:pt x="13609" y="380484"/>
                      <a:pt x="6748" y="430819"/>
                      <a:pt x="9460" y="481113"/>
                    </a:cubicBezTo>
                    <a:cubicBezTo>
                      <a:pt x="10978" y="505907"/>
                      <a:pt x="15390" y="530417"/>
                      <a:pt x="22616" y="554177"/>
                    </a:cubicBezTo>
                    <a:cubicBezTo>
                      <a:pt x="26036" y="565956"/>
                      <a:pt x="30509" y="577392"/>
                      <a:pt x="35973" y="588381"/>
                    </a:cubicBezTo>
                    <a:cubicBezTo>
                      <a:pt x="41438" y="599513"/>
                      <a:pt x="46295" y="610847"/>
                      <a:pt x="52165" y="621371"/>
                    </a:cubicBezTo>
                    <a:cubicBezTo>
                      <a:pt x="102763" y="705465"/>
                      <a:pt x="184286" y="766405"/>
                      <a:pt x="279249" y="791178"/>
                    </a:cubicBezTo>
                    <a:cubicBezTo>
                      <a:pt x="326467" y="804800"/>
                      <a:pt x="375810" y="809596"/>
                      <a:pt x="424768" y="805346"/>
                    </a:cubicBezTo>
                    <a:cubicBezTo>
                      <a:pt x="474354" y="800892"/>
                      <a:pt x="522544" y="786502"/>
                      <a:pt x="566443" y="763045"/>
                    </a:cubicBezTo>
                    <a:cubicBezTo>
                      <a:pt x="654484" y="713885"/>
                      <a:pt x="715788" y="627767"/>
                      <a:pt x="733416" y="528474"/>
                    </a:cubicBezTo>
                    <a:cubicBezTo>
                      <a:pt x="741815" y="480061"/>
                      <a:pt x="741815" y="430556"/>
                      <a:pt x="733416" y="382143"/>
                    </a:cubicBezTo>
                    <a:cubicBezTo>
                      <a:pt x="724855" y="333954"/>
                      <a:pt x="708663" y="287424"/>
                      <a:pt x="685449" y="244314"/>
                    </a:cubicBezTo>
                    <a:cubicBezTo>
                      <a:pt x="640599" y="157772"/>
                      <a:pt x="566726" y="89789"/>
                      <a:pt x="476783" y="52245"/>
                    </a:cubicBezTo>
                    <a:cubicBezTo>
                      <a:pt x="432459" y="34880"/>
                      <a:pt x="384128" y="30325"/>
                      <a:pt x="337335" y="39090"/>
                    </a:cubicBezTo>
                    <a:cubicBezTo>
                      <a:pt x="289793" y="48582"/>
                      <a:pt x="244761" y="67950"/>
                      <a:pt x="205173" y="95962"/>
                    </a:cubicBezTo>
                    <a:cubicBezTo>
                      <a:pt x="123022" y="154251"/>
                      <a:pt x="61555" y="237190"/>
                      <a:pt x="29699" y="332760"/>
                    </a:cubicBezTo>
                    <a:close/>
                    <a:moveTo>
                      <a:pt x="26461" y="331545"/>
                    </a:moveTo>
                    <a:cubicBezTo>
                      <a:pt x="57265" y="233528"/>
                      <a:pt x="114218" y="145790"/>
                      <a:pt x="191208" y="77746"/>
                    </a:cubicBezTo>
                    <a:cubicBezTo>
                      <a:pt x="231221" y="43016"/>
                      <a:pt x="279087" y="18567"/>
                      <a:pt x="330656" y="6504"/>
                    </a:cubicBezTo>
                    <a:cubicBezTo>
                      <a:pt x="383501" y="-5335"/>
                      <a:pt x="438653" y="-1470"/>
                      <a:pt x="489332" y="17636"/>
                    </a:cubicBezTo>
                    <a:cubicBezTo>
                      <a:pt x="587856" y="58033"/>
                      <a:pt x="667942" y="133424"/>
                      <a:pt x="714189" y="229338"/>
                    </a:cubicBezTo>
                    <a:cubicBezTo>
                      <a:pt x="762783" y="322722"/>
                      <a:pt x="776141" y="430496"/>
                      <a:pt x="751834" y="532926"/>
                    </a:cubicBezTo>
                    <a:cubicBezTo>
                      <a:pt x="748838" y="545515"/>
                      <a:pt x="745195" y="557942"/>
                      <a:pt x="740905" y="570166"/>
                    </a:cubicBezTo>
                    <a:lnTo>
                      <a:pt x="726535" y="605989"/>
                    </a:lnTo>
                    <a:lnTo>
                      <a:pt x="707712" y="639789"/>
                    </a:lnTo>
                    <a:cubicBezTo>
                      <a:pt x="701094" y="650778"/>
                      <a:pt x="693869" y="661384"/>
                      <a:pt x="686057" y="671565"/>
                    </a:cubicBezTo>
                    <a:cubicBezTo>
                      <a:pt x="678669" y="682028"/>
                      <a:pt x="670412" y="691844"/>
                      <a:pt x="661365" y="700911"/>
                    </a:cubicBezTo>
                    <a:cubicBezTo>
                      <a:pt x="653026" y="710626"/>
                      <a:pt x="643878" y="719633"/>
                      <a:pt x="634042" y="727829"/>
                    </a:cubicBezTo>
                    <a:cubicBezTo>
                      <a:pt x="623922" y="735925"/>
                      <a:pt x="613803" y="744628"/>
                      <a:pt x="604290" y="752319"/>
                    </a:cubicBezTo>
                    <a:lnTo>
                      <a:pt x="572110" y="772558"/>
                    </a:lnTo>
                    <a:cubicBezTo>
                      <a:pt x="527300" y="798060"/>
                      <a:pt x="478402" y="815586"/>
                      <a:pt x="427602" y="824371"/>
                    </a:cubicBezTo>
                    <a:cubicBezTo>
                      <a:pt x="376032" y="832264"/>
                      <a:pt x="323451" y="830422"/>
                      <a:pt x="272569" y="818906"/>
                    </a:cubicBezTo>
                    <a:cubicBezTo>
                      <a:pt x="168257" y="796421"/>
                      <a:pt x="80054" y="727242"/>
                      <a:pt x="33342" y="631288"/>
                    </a:cubicBezTo>
                    <a:cubicBezTo>
                      <a:pt x="27877" y="619347"/>
                      <a:pt x="23830" y="607002"/>
                      <a:pt x="19175" y="594858"/>
                    </a:cubicBezTo>
                    <a:cubicBezTo>
                      <a:pt x="14317" y="582836"/>
                      <a:pt x="10654" y="570369"/>
                      <a:pt x="8245" y="557618"/>
                    </a:cubicBezTo>
                    <a:cubicBezTo>
                      <a:pt x="2740" y="532501"/>
                      <a:pt x="231" y="506817"/>
                      <a:pt x="757" y="481113"/>
                    </a:cubicBezTo>
                    <a:cubicBezTo>
                      <a:pt x="1749" y="430252"/>
                      <a:pt x="10431" y="379816"/>
                      <a:pt x="26461" y="331545"/>
                    </a:cubicBezTo>
                    <a:close/>
                  </a:path>
                </a:pathLst>
              </a:custGeom>
              <a:solidFill>
                <a:srgbClr val="280E0E"/>
              </a:solidFill>
              <a:ln w="20234" cap="flat">
                <a:noFill/>
                <a:prstDash val="solid"/>
                <a:miter/>
              </a:ln>
            </p:spPr>
            <p:txBody>
              <a:bodyPr rtlCol="0" anchor="ctr"/>
              <a:lstStyle/>
              <a:p>
                <a:endParaRPr lang="en-US" sz="1500"/>
              </a:p>
            </p:txBody>
          </p:sp>
        </p:grpSp>
        <p:sp>
          <p:nvSpPr>
            <p:cNvPr id="149" name="Freeform: Shape 148">
              <a:extLst>
                <a:ext uri="{FF2B5EF4-FFF2-40B4-BE49-F238E27FC236}">
                  <a16:creationId xmlns:a16="http://schemas.microsoft.com/office/drawing/2014/main" id="{C378D358-AE45-43ED-87B9-7B27291E6604}"/>
                </a:ext>
              </a:extLst>
            </p:cNvPr>
            <p:cNvSpPr/>
            <p:nvPr/>
          </p:nvSpPr>
          <p:spPr>
            <a:xfrm>
              <a:off x="6077988" y="6451784"/>
              <a:ext cx="134547" cy="192125"/>
            </a:xfrm>
            <a:custGeom>
              <a:avLst/>
              <a:gdLst>
                <a:gd name="connsiteX0" fmla="*/ 2306 w 134547"/>
                <a:gd name="connsiteY0" fmla="*/ 852 h 192125"/>
                <a:gd name="connsiteX1" fmla="*/ 27402 w 134547"/>
                <a:gd name="connsiteY1" fmla="*/ 115407 h 192125"/>
                <a:gd name="connsiteX2" fmla="*/ 66666 w 134547"/>
                <a:gd name="connsiteY2" fmla="*/ 163980 h 192125"/>
                <a:gd name="connsiteX3" fmla="*/ 91965 w 134547"/>
                <a:gd name="connsiteY3" fmla="*/ 184220 h 192125"/>
                <a:gd name="connsiteX4" fmla="*/ 122122 w 134547"/>
                <a:gd name="connsiteY4" fmla="*/ 191911 h 192125"/>
                <a:gd name="connsiteX5" fmla="*/ 133456 w 134547"/>
                <a:gd name="connsiteY5" fmla="*/ 177339 h 192125"/>
                <a:gd name="connsiteX6" fmla="*/ 118883 w 134547"/>
                <a:gd name="connsiteY6" fmla="*/ 157100 h 192125"/>
                <a:gd name="connsiteX7" fmla="*/ 96215 w 134547"/>
                <a:gd name="connsiteY7" fmla="*/ 136860 h 192125"/>
                <a:gd name="connsiteX8" fmla="*/ 60392 w 134547"/>
                <a:gd name="connsiteY8" fmla="*/ 96382 h 192125"/>
                <a:gd name="connsiteX9" fmla="*/ 31450 w 134547"/>
                <a:gd name="connsiteY9" fmla="*/ 50035 h 192125"/>
                <a:gd name="connsiteX10" fmla="*/ 6151 w 134547"/>
                <a:gd name="connsiteY10" fmla="*/ 852 h 192125"/>
                <a:gd name="connsiteX11" fmla="*/ 2306 w 134547"/>
                <a:gd name="connsiteY11" fmla="*/ 852 h 1921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134547" h="192125">
                  <a:moveTo>
                    <a:pt x="2306" y="852"/>
                  </a:moveTo>
                  <a:cubicBezTo>
                    <a:pt x="-3260" y="40805"/>
                    <a:pt x="5645" y="81425"/>
                    <a:pt x="27402" y="115407"/>
                  </a:cubicBezTo>
                  <a:cubicBezTo>
                    <a:pt x="38534" y="133076"/>
                    <a:pt x="51709" y="149389"/>
                    <a:pt x="66666" y="163980"/>
                  </a:cubicBezTo>
                  <a:cubicBezTo>
                    <a:pt x="74114" y="171874"/>
                    <a:pt x="82635" y="178674"/>
                    <a:pt x="91965" y="184220"/>
                  </a:cubicBezTo>
                  <a:cubicBezTo>
                    <a:pt x="101538" y="188410"/>
                    <a:pt x="111719" y="191000"/>
                    <a:pt x="122122" y="191911"/>
                  </a:cubicBezTo>
                  <a:cubicBezTo>
                    <a:pt x="129408" y="191911"/>
                    <a:pt x="139325" y="185232"/>
                    <a:pt x="133456" y="177339"/>
                  </a:cubicBezTo>
                  <a:cubicBezTo>
                    <a:pt x="127586" y="169445"/>
                    <a:pt x="123741" y="163779"/>
                    <a:pt x="118883" y="157100"/>
                  </a:cubicBezTo>
                  <a:cubicBezTo>
                    <a:pt x="112043" y="149590"/>
                    <a:pt x="104433" y="142811"/>
                    <a:pt x="96215" y="136860"/>
                  </a:cubicBezTo>
                  <a:cubicBezTo>
                    <a:pt x="82858" y="124696"/>
                    <a:pt x="70856" y="111116"/>
                    <a:pt x="60392" y="96382"/>
                  </a:cubicBezTo>
                  <a:cubicBezTo>
                    <a:pt x="49868" y="81405"/>
                    <a:pt x="41367" y="65415"/>
                    <a:pt x="31450" y="50035"/>
                  </a:cubicBezTo>
                  <a:cubicBezTo>
                    <a:pt x="21856" y="34267"/>
                    <a:pt x="13417" y="17834"/>
                    <a:pt x="6151" y="852"/>
                  </a:cubicBezTo>
                  <a:cubicBezTo>
                    <a:pt x="6151" y="-766"/>
                    <a:pt x="2710" y="-362"/>
                    <a:pt x="2306" y="852"/>
                  </a:cubicBezTo>
                  <a:close/>
                </a:path>
              </a:pathLst>
            </a:custGeom>
            <a:solidFill>
              <a:srgbClr val="280E0E"/>
            </a:solidFill>
            <a:ln w="20234" cap="flat">
              <a:noFill/>
              <a:prstDash val="solid"/>
              <a:miter/>
            </a:ln>
          </p:spPr>
          <p:txBody>
            <a:bodyPr rtlCol="0" anchor="ctr"/>
            <a:lstStyle/>
            <a:p>
              <a:endParaRPr lang="en-US" sz="1500"/>
            </a:p>
          </p:txBody>
        </p:sp>
        <p:sp>
          <p:nvSpPr>
            <p:cNvPr id="150" name="Freeform: Shape 149">
              <a:extLst>
                <a:ext uri="{FF2B5EF4-FFF2-40B4-BE49-F238E27FC236}">
                  <a16:creationId xmlns:a16="http://schemas.microsoft.com/office/drawing/2014/main" id="{FA4B4A0F-1289-4A4B-B954-E07629B0C58C}"/>
                </a:ext>
              </a:extLst>
            </p:cNvPr>
            <p:cNvSpPr/>
            <p:nvPr/>
          </p:nvSpPr>
          <p:spPr>
            <a:xfrm>
              <a:off x="6062180" y="6384596"/>
              <a:ext cx="40138" cy="49029"/>
            </a:xfrm>
            <a:custGeom>
              <a:avLst/>
              <a:gdLst>
                <a:gd name="connsiteX0" fmla="*/ 3946 w 40138"/>
                <a:gd name="connsiteY0" fmla="*/ 8942 h 49029"/>
                <a:gd name="connsiteX1" fmla="*/ 1922 w 40138"/>
                <a:gd name="connsiteY1" fmla="*/ 13396 h 49029"/>
                <a:gd name="connsiteX2" fmla="*/ 1922 w 40138"/>
                <a:gd name="connsiteY2" fmla="*/ 13396 h 49029"/>
                <a:gd name="connsiteX3" fmla="*/ 1922 w 40138"/>
                <a:gd name="connsiteY3" fmla="*/ 15217 h 49029"/>
                <a:gd name="connsiteX4" fmla="*/ 708 w 40138"/>
                <a:gd name="connsiteY4" fmla="*/ 23919 h 49029"/>
                <a:gd name="connsiteX5" fmla="*/ 708 w 40138"/>
                <a:gd name="connsiteY5" fmla="*/ 18657 h 49029"/>
                <a:gd name="connsiteX6" fmla="*/ 708 w 40138"/>
                <a:gd name="connsiteY6" fmla="*/ 21896 h 49029"/>
                <a:gd name="connsiteX7" fmla="*/ 708 w 40138"/>
                <a:gd name="connsiteY7" fmla="*/ 23515 h 49029"/>
                <a:gd name="connsiteX8" fmla="*/ 708 w 40138"/>
                <a:gd name="connsiteY8" fmla="*/ 23515 h 49029"/>
                <a:gd name="connsiteX9" fmla="*/ 708 w 40138"/>
                <a:gd name="connsiteY9" fmla="*/ 28979 h 49029"/>
                <a:gd name="connsiteX10" fmla="*/ 2529 w 40138"/>
                <a:gd name="connsiteY10" fmla="*/ 37075 h 49029"/>
                <a:gd name="connsiteX11" fmla="*/ 5363 w 40138"/>
                <a:gd name="connsiteY11" fmla="*/ 41730 h 49029"/>
                <a:gd name="connsiteX12" fmla="*/ 8804 w 40138"/>
                <a:gd name="connsiteY12" fmla="*/ 45171 h 49029"/>
                <a:gd name="connsiteX13" fmla="*/ 15685 w 40138"/>
                <a:gd name="connsiteY13" fmla="*/ 48814 h 49029"/>
                <a:gd name="connsiteX14" fmla="*/ 20745 w 40138"/>
                <a:gd name="connsiteY14" fmla="*/ 48814 h 49029"/>
                <a:gd name="connsiteX15" fmla="*/ 26210 w 40138"/>
                <a:gd name="connsiteY15" fmla="*/ 48814 h 49029"/>
                <a:gd name="connsiteX16" fmla="*/ 30864 w 40138"/>
                <a:gd name="connsiteY16" fmla="*/ 46790 h 49029"/>
                <a:gd name="connsiteX17" fmla="*/ 34912 w 40138"/>
                <a:gd name="connsiteY17" fmla="*/ 43755 h 49029"/>
                <a:gd name="connsiteX18" fmla="*/ 36734 w 40138"/>
                <a:gd name="connsiteY18" fmla="*/ 41326 h 49029"/>
                <a:gd name="connsiteX19" fmla="*/ 38353 w 40138"/>
                <a:gd name="connsiteY19" fmla="*/ 39301 h 49029"/>
                <a:gd name="connsiteX20" fmla="*/ 39365 w 40138"/>
                <a:gd name="connsiteY20" fmla="*/ 36670 h 49029"/>
                <a:gd name="connsiteX21" fmla="*/ 40782 w 40138"/>
                <a:gd name="connsiteY21" fmla="*/ 31610 h 49029"/>
                <a:gd name="connsiteX22" fmla="*/ 40782 w 40138"/>
                <a:gd name="connsiteY22" fmla="*/ 28170 h 49029"/>
                <a:gd name="connsiteX23" fmla="*/ 39770 w 40138"/>
                <a:gd name="connsiteY23" fmla="*/ 20074 h 49029"/>
                <a:gd name="connsiteX24" fmla="*/ 39770 w 40138"/>
                <a:gd name="connsiteY24" fmla="*/ 16836 h 49029"/>
                <a:gd name="connsiteX25" fmla="*/ 37544 w 40138"/>
                <a:gd name="connsiteY25" fmla="*/ 11168 h 49029"/>
                <a:gd name="connsiteX26" fmla="*/ 37544 w 40138"/>
                <a:gd name="connsiteY26" fmla="*/ 9550 h 49029"/>
                <a:gd name="connsiteX27" fmla="*/ 34103 w 40138"/>
                <a:gd name="connsiteY27" fmla="*/ 5097 h 49029"/>
                <a:gd name="connsiteX28" fmla="*/ 34103 w 40138"/>
                <a:gd name="connsiteY28" fmla="*/ 5097 h 49029"/>
                <a:gd name="connsiteX29" fmla="*/ 30257 w 40138"/>
                <a:gd name="connsiteY29" fmla="*/ 2263 h 49029"/>
                <a:gd name="connsiteX30" fmla="*/ 23983 w 40138"/>
                <a:gd name="connsiteY30" fmla="*/ 240 h 49029"/>
                <a:gd name="connsiteX31" fmla="*/ 17507 w 40138"/>
                <a:gd name="connsiteY31" fmla="*/ 240 h 49029"/>
                <a:gd name="connsiteX32" fmla="*/ 13459 w 40138"/>
                <a:gd name="connsiteY32" fmla="*/ 1859 h 49029"/>
                <a:gd name="connsiteX33" fmla="*/ 7387 w 40138"/>
                <a:gd name="connsiteY33" fmla="*/ 7931 h 4902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Lst>
              <a:rect l="l" t="t" r="r" b="b"/>
              <a:pathLst>
                <a:path w="40138" h="49029">
                  <a:moveTo>
                    <a:pt x="3946" y="8942"/>
                  </a:moveTo>
                  <a:cubicBezTo>
                    <a:pt x="3198" y="10379"/>
                    <a:pt x="2509" y="11878"/>
                    <a:pt x="1922" y="13396"/>
                  </a:cubicBezTo>
                  <a:lnTo>
                    <a:pt x="1922" y="13396"/>
                  </a:lnTo>
                  <a:cubicBezTo>
                    <a:pt x="1922" y="13396"/>
                    <a:pt x="1922" y="14610"/>
                    <a:pt x="1922" y="15217"/>
                  </a:cubicBezTo>
                  <a:cubicBezTo>
                    <a:pt x="1315" y="18091"/>
                    <a:pt x="911" y="20985"/>
                    <a:pt x="708" y="23919"/>
                  </a:cubicBezTo>
                  <a:lnTo>
                    <a:pt x="708" y="18657"/>
                  </a:lnTo>
                  <a:lnTo>
                    <a:pt x="708" y="21896"/>
                  </a:lnTo>
                  <a:cubicBezTo>
                    <a:pt x="789" y="22422"/>
                    <a:pt x="789" y="22989"/>
                    <a:pt x="708" y="23515"/>
                  </a:cubicBezTo>
                  <a:lnTo>
                    <a:pt x="708" y="23515"/>
                  </a:lnTo>
                  <a:lnTo>
                    <a:pt x="708" y="28979"/>
                  </a:lnTo>
                  <a:cubicBezTo>
                    <a:pt x="567" y="31793"/>
                    <a:pt x="1194" y="34586"/>
                    <a:pt x="2529" y="37075"/>
                  </a:cubicBezTo>
                  <a:cubicBezTo>
                    <a:pt x="3198" y="38775"/>
                    <a:pt x="4149" y="40354"/>
                    <a:pt x="5363" y="41730"/>
                  </a:cubicBezTo>
                  <a:cubicBezTo>
                    <a:pt x="6193" y="43168"/>
                    <a:pt x="7367" y="44341"/>
                    <a:pt x="8804" y="45171"/>
                  </a:cubicBezTo>
                  <a:cubicBezTo>
                    <a:pt x="10747" y="46972"/>
                    <a:pt x="13115" y="48228"/>
                    <a:pt x="15685" y="48814"/>
                  </a:cubicBezTo>
                  <a:lnTo>
                    <a:pt x="20745" y="48814"/>
                  </a:lnTo>
                  <a:lnTo>
                    <a:pt x="26210" y="48814"/>
                  </a:lnTo>
                  <a:lnTo>
                    <a:pt x="30864" y="46790"/>
                  </a:lnTo>
                  <a:lnTo>
                    <a:pt x="34912" y="43755"/>
                  </a:lnTo>
                  <a:cubicBezTo>
                    <a:pt x="35560" y="42985"/>
                    <a:pt x="36167" y="42176"/>
                    <a:pt x="36734" y="41326"/>
                  </a:cubicBezTo>
                  <a:lnTo>
                    <a:pt x="38353" y="39301"/>
                  </a:lnTo>
                  <a:cubicBezTo>
                    <a:pt x="38818" y="38471"/>
                    <a:pt x="39162" y="37582"/>
                    <a:pt x="39365" y="36670"/>
                  </a:cubicBezTo>
                  <a:cubicBezTo>
                    <a:pt x="40316" y="35152"/>
                    <a:pt x="40822" y="33392"/>
                    <a:pt x="40782" y="31610"/>
                  </a:cubicBezTo>
                  <a:cubicBezTo>
                    <a:pt x="40842" y="30456"/>
                    <a:pt x="40842" y="29324"/>
                    <a:pt x="40782" y="28170"/>
                  </a:cubicBezTo>
                  <a:cubicBezTo>
                    <a:pt x="40782" y="25336"/>
                    <a:pt x="40782" y="22705"/>
                    <a:pt x="39770" y="20074"/>
                  </a:cubicBezTo>
                  <a:cubicBezTo>
                    <a:pt x="39891" y="19002"/>
                    <a:pt x="39891" y="17908"/>
                    <a:pt x="39770" y="16836"/>
                  </a:cubicBezTo>
                  <a:cubicBezTo>
                    <a:pt x="39143" y="14893"/>
                    <a:pt x="38414" y="13010"/>
                    <a:pt x="37544" y="11168"/>
                  </a:cubicBezTo>
                  <a:lnTo>
                    <a:pt x="37544" y="9550"/>
                  </a:lnTo>
                  <a:cubicBezTo>
                    <a:pt x="36531" y="7972"/>
                    <a:pt x="35378" y="6473"/>
                    <a:pt x="34103" y="5097"/>
                  </a:cubicBezTo>
                  <a:lnTo>
                    <a:pt x="34103" y="5097"/>
                  </a:lnTo>
                  <a:cubicBezTo>
                    <a:pt x="32909" y="4044"/>
                    <a:pt x="31613" y="3093"/>
                    <a:pt x="30257" y="2263"/>
                  </a:cubicBezTo>
                  <a:cubicBezTo>
                    <a:pt x="28355" y="1090"/>
                    <a:pt x="26210" y="382"/>
                    <a:pt x="23983" y="240"/>
                  </a:cubicBezTo>
                  <a:cubicBezTo>
                    <a:pt x="21858" y="-367"/>
                    <a:pt x="19632" y="-367"/>
                    <a:pt x="17507" y="240"/>
                  </a:cubicBezTo>
                  <a:lnTo>
                    <a:pt x="13459" y="1859"/>
                  </a:lnTo>
                  <a:cubicBezTo>
                    <a:pt x="10868" y="3235"/>
                    <a:pt x="8763" y="5340"/>
                    <a:pt x="7387" y="7931"/>
                  </a:cubicBezTo>
                  <a:close/>
                </a:path>
              </a:pathLst>
            </a:custGeom>
            <a:solidFill>
              <a:srgbClr val="280E0E"/>
            </a:solidFill>
            <a:ln w="20234" cap="flat">
              <a:noFill/>
              <a:prstDash val="solid"/>
              <a:miter/>
            </a:ln>
          </p:spPr>
          <p:txBody>
            <a:bodyPr rtlCol="0" anchor="ctr"/>
            <a:lstStyle/>
            <a:p>
              <a:endParaRPr lang="en-US" sz="1500"/>
            </a:p>
          </p:txBody>
        </p:sp>
      </p:grpSp>
      <p:sp>
        <p:nvSpPr>
          <p:cNvPr id="155" name="TextBox 154">
            <a:extLst>
              <a:ext uri="{FF2B5EF4-FFF2-40B4-BE49-F238E27FC236}">
                <a16:creationId xmlns:a16="http://schemas.microsoft.com/office/drawing/2014/main" id="{26BF7E5E-D3D4-4A67-B6F8-C9CDD67331B8}"/>
              </a:ext>
            </a:extLst>
          </p:cNvPr>
          <p:cNvSpPr txBox="1"/>
          <p:nvPr/>
        </p:nvSpPr>
        <p:spPr>
          <a:xfrm>
            <a:off x="6489592" y="2283572"/>
            <a:ext cx="3764801" cy="855619"/>
          </a:xfrm>
          <a:prstGeom prst="rect">
            <a:avLst/>
          </a:prstGeom>
          <a:noFill/>
        </p:spPr>
        <p:txBody>
          <a:bodyPr wrap="square">
            <a:spAutoFit/>
          </a:bodyPr>
          <a:lstStyle/>
          <a:p>
            <a:pPr algn="ctr"/>
            <a:r>
              <a:rPr lang="en-US" sz="2480" dirty="0">
                <a:solidFill>
                  <a:srgbClr val="002060"/>
                </a:solidFill>
                <a:latin typeface="Times New Roman" panose="02020603050405020304" pitchFamily="18" charset="0"/>
                <a:cs typeface="Times New Roman" panose="02020603050405020304" pitchFamily="18" charset="0"/>
              </a:rPr>
              <a:t>Làm bài tập trắc nghiệm trên Link</a:t>
            </a:r>
          </a:p>
        </p:txBody>
      </p:sp>
      <p:sp>
        <p:nvSpPr>
          <p:cNvPr id="156" name="TextBox 155">
            <a:extLst>
              <a:ext uri="{FF2B5EF4-FFF2-40B4-BE49-F238E27FC236}">
                <a16:creationId xmlns:a16="http://schemas.microsoft.com/office/drawing/2014/main" id="{AA07A9D0-6664-439F-B95F-A9E6AB188643}"/>
              </a:ext>
            </a:extLst>
          </p:cNvPr>
          <p:cNvSpPr txBox="1"/>
          <p:nvPr/>
        </p:nvSpPr>
        <p:spPr>
          <a:xfrm>
            <a:off x="6316333" y="4147019"/>
            <a:ext cx="3999028" cy="1237262"/>
          </a:xfrm>
          <a:prstGeom prst="rect">
            <a:avLst/>
          </a:prstGeom>
          <a:noFill/>
        </p:spPr>
        <p:txBody>
          <a:bodyPr wrap="square">
            <a:spAutoFit/>
          </a:bodyPr>
          <a:lstStyle/>
          <a:p>
            <a:pPr algn="ctr"/>
            <a:r>
              <a:rPr lang="en-US" sz="2480" dirty="0">
                <a:solidFill>
                  <a:srgbClr val="002060"/>
                </a:solidFill>
                <a:latin typeface="Times New Roman" panose="02020603050405020304" pitchFamily="18" charset="0"/>
                <a:cs typeface="Times New Roman" panose="02020603050405020304" pitchFamily="18" charset="0"/>
              </a:rPr>
              <a:t>Xem trước Bài 3. Thực hành phòng vệ trước ảnh hưởng xấu từ Internet</a:t>
            </a:r>
          </a:p>
        </p:txBody>
      </p:sp>
      <p:sp>
        <p:nvSpPr>
          <p:cNvPr id="157" name="TextBox 156">
            <a:extLst>
              <a:ext uri="{FF2B5EF4-FFF2-40B4-BE49-F238E27FC236}">
                <a16:creationId xmlns:a16="http://schemas.microsoft.com/office/drawing/2014/main" id="{3BFF28BD-DC8F-46D1-AC30-085BEAB765E1}"/>
              </a:ext>
            </a:extLst>
          </p:cNvPr>
          <p:cNvSpPr txBox="1"/>
          <p:nvPr/>
        </p:nvSpPr>
        <p:spPr>
          <a:xfrm>
            <a:off x="1645832" y="384373"/>
            <a:ext cx="7838514" cy="1073820"/>
          </a:xfrm>
          <a:prstGeom prst="rect">
            <a:avLst/>
          </a:prstGeom>
          <a:noFill/>
        </p:spPr>
        <p:txBody>
          <a:bodyPr wrap="square" rtlCol="0">
            <a:spAutoFit/>
          </a:bodyPr>
          <a:lstStyle/>
          <a:p>
            <a:pPr algn="ctr"/>
            <a:r>
              <a:rPr lang="en-US" sz="6378" b="1" dirty="0">
                <a:solidFill>
                  <a:srgbClr val="FF0000"/>
                </a:solidFill>
                <a:latin typeface="Times New Roman" panose="02020603050405020304" pitchFamily="18" charset="0"/>
                <a:ea typeface="Brush Script MT" panose="03060802040406070304" pitchFamily="66" charset="-122"/>
                <a:cs typeface="Times New Roman" panose="02020603050405020304" pitchFamily="18" charset="0"/>
              </a:rPr>
              <a:t>DẶN DÒ</a:t>
            </a:r>
          </a:p>
        </p:txBody>
      </p:sp>
      <p:grpSp>
        <p:nvGrpSpPr>
          <p:cNvPr id="158" name="Group 157">
            <a:extLst>
              <a:ext uri="{FF2B5EF4-FFF2-40B4-BE49-F238E27FC236}">
                <a16:creationId xmlns:a16="http://schemas.microsoft.com/office/drawing/2014/main" id="{152CE78E-4FC8-4FF9-AF2E-EEB1F58E7FB9}"/>
              </a:ext>
            </a:extLst>
          </p:cNvPr>
          <p:cNvGrpSpPr/>
          <p:nvPr/>
        </p:nvGrpSpPr>
        <p:grpSpPr>
          <a:xfrm>
            <a:off x="8082222" y="5565691"/>
            <a:ext cx="1651314" cy="1242976"/>
            <a:chOff x="5337376" y="3832625"/>
            <a:chExt cx="1864191" cy="1403213"/>
          </a:xfrm>
        </p:grpSpPr>
        <p:sp>
          <p:nvSpPr>
            <p:cNvPr id="159" name="Freeform: Shape 158">
              <a:extLst>
                <a:ext uri="{FF2B5EF4-FFF2-40B4-BE49-F238E27FC236}">
                  <a16:creationId xmlns:a16="http://schemas.microsoft.com/office/drawing/2014/main" id="{DEAC0444-D2D7-4C31-A2F2-7180DCDCD45C}"/>
                </a:ext>
              </a:extLst>
            </p:cNvPr>
            <p:cNvSpPr/>
            <p:nvPr/>
          </p:nvSpPr>
          <p:spPr>
            <a:xfrm>
              <a:off x="6194906" y="3940890"/>
              <a:ext cx="1006661" cy="1171952"/>
            </a:xfrm>
            <a:custGeom>
              <a:avLst/>
              <a:gdLst>
                <a:gd name="connsiteX0" fmla="*/ 983568 w 1006661"/>
                <a:gd name="connsiteY0" fmla="*/ 187939 h 1171952"/>
                <a:gd name="connsiteX1" fmla="*/ 1002840 w 1006661"/>
                <a:gd name="connsiteY1" fmla="*/ 198528 h 1171952"/>
                <a:gd name="connsiteX2" fmla="*/ 1004322 w 1006661"/>
                <a:gd name="connsiteY2" fmla="*/ 226908 h 1171952"/>
                <a:gd name="connsiteX3" fmla="*/ 761190 w 1006661"/>
                <a:gd name="connsiteY3" fmla="*/ 1149668 h 1171952"/>
                <a:gd name="connsiteX4" fmla="*/ 747212 w 1006661"/>
                <a:gd name="connsiteY4" fmla="*/ 1170847 h 1171952"/>
                <a:gd name="connsiteX5" fmla="*/ 731751 w 1006661"/>
                <a:gd name="connsiteY5" fmla="*/ 1170847 h 1171952"/>
                <a:gd name="connsiteX6" fmla="*/ 24 w 1006661"/>
                <a:gd name="connsiteY6" fmla="*/ 1013912 h 1171952"/>
                <a:gd name="connsiteX7" fmla="*/ 158230 w 1006661"/>
                <a:gd name="connsiteY7" fmla="*/ 305481 h 1171952"/>
                <a:gd name="connsiteX8" fmla="*/ 216895 w 1006661"/>
                <a:gd name="connsiteY8" fmla="*/ 92634 h 1171952"/>
                <a:gd name="connsiteX9" fmla="*/ 244216 w 1006661"/>
                <a:gd name="connsiteY9" fmla="*/ 5589 h 1171952"/>
                <a:gd name="connsiteX10" fmla="*/ 327448 w 1006661"/>
                <a:gd name="connsiteY10" fmla="*/ 14061 h 1171952"/>
                <a:gd name="connsiteX11" fmla="*/ 745942 w 1006661"/>
                <a:gd name="connsiteY11" fmla="*/ 121014 h 1171952"/>
                <a:gd name="connsiteX12" fmla="*/ 983568 w 1006661"/>
                <a:gd name="connsiteY12" fmla="*/ 187939 h 117195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1006661" h="1171952">
                  <a:moveTo>
                    <a:pt x="983568" y="187939"/>
                  </a:moveTo>
                  <a:cubicBezTo>
                    <a:pt x="991001" y="189189"/>
                    <a:pt x="997800" y="192937"/>
                    <a:pt x="1002840" y="198528"/>
                  </a:cubicBezTo>
                  <a:cubicBezTo>
                    <a:pt x="1007394" y="207339"/>
                    <a:pt x="1007923" y="217674"/>
                    <a:pt x="1004322" y="226908"/>
                  </a:cubicBezTo>
                  <a:cubicBezTo>
                    <a:pt x="929138" y="546072"/>
                    <a:pt x="848023" y="852317"/>
                    <a:pt x="761190" y="1149668"/>
                  </a:cubicBezTo>
                  <a:cubicBezTo>
                    <a:pt x="758860" y="1158139"/>
                    <a:pt x="755260" y="1167670"/>
                    <a:pt x="747212" y="1170847"/>
                  </a:cubicBezTo>
                  <a:cubicBezTo>
                    <a:pt x="742171" y="1172329"/>
                    <a:pt x="736792" y="1172329"/>
                    <a:pt x="731751" y="1170847"/>
                  </a:cubicBezTo>
                  <a:cubicBezTo>
                    <a:pt x="486501" y="1124465"/>
                    <a:pt x="241039" y="1078083"/>
                    <a:pt x="24" y="1013912"/>
                  </a:cubicBezTo>
                  <a:cubicBezTo>
                    <a:pt x="29462" y="773744"/>
                    <a:pt x="94058" y="539083"/>
                    <a:pt x="158230" y="305481"/>
                  </a:cubicBezTo>
                  <a:cubicBezTo>
                    <a:pt x="177863" y="234892"/>
                    <a:pt x="197411" y="163943"/>
                    <a:pt x="216895" y="92634"/>
                  </a:cubicBezTo>
                  <a:cubicBezTo>
                    <a:pt x="222614" y="71455"/>
                    <a:pt x="226849" y="19991"/>
                    <a:pt x="244216" y="5589"/>
                  </a:cubicBezTo>
                  <a:cubicBezTo>
                    <a:pt x="261583" y="-8812"/>
                    <a:pt x="304363" y="8554"/>
                    <a:pt x="327448" y="14061"/>
                  </a:cubicBezTo>
                  <a:cubicBezTo>
                    <a:pt x="467652" y="47523"/>
                    <a:pt x="607157" y="83167"/>
                    <a:pt x="745942" y="121014"/>
                  </a:cubicBezTo>
                  <a:cubicBezTo>
                    <a:pt x="825425" y="142468"/>
                    <a:pt x="904634" y="164790"/>
                    <a:pt x="983568" y="187939"/>
                  </a:cubicBezTo>
                  <a:close/>
                </a:path>
              </a:pathLst>
            </a:custGeom>
            <a:solidFill>
              <a:srgbClr val="000000">
                <a:alpha val="15000"/>
              </a:srgbClr>
            </a:solidFill>
            <a:ln w="21168" cap="flat">
              <a:noFill/>
              <a:prstDash val="solid"/>
              <a:miter/>
            </a:ln>
          </p:spPr>
          <p:txBody>
            <a:bodyPr rtlCol="0" anchor="ctr"/>
            <a:lstStyle/>
            <a:p>
              <a:endParaRPr lang="en-US" sz="1500"/>
            </a:p>
          </p:txBody>
        </p:sp>
        <p:sp>
          <p:nvSpPr>
            <p:cNvPr id="160" name="Freeform: Shape 159">
              <a:extLst>
                <a:ext uri="{FF2B5EF4-FFF2-40B4-BE49-F238E27FC236}">
                  <a16:creationId xmlns:a16="http://schemas.microsoft.com/office/drawing/2014/main" id="{D4B6D2F3-BEA3-4A60-A822-375D8A24C0E6}"/>
                </a:ext>
              </a:extLst>
            </p:cNvPr>
            <p:cNvSpPr/>
            <p:nvPr/>
          </p:nvSpPr>
          <p:spPr>
            <a:xfrm>
              <a:off x="6135181" y="3865493"/>
              <a:ext cx="1006653" cy="1171952"/>
            </a:xfrm>
            <a:custGeom>
              <a:avLst/>
              <a:gdLst>
                <a:gd name="connsiteX0" fmla="*/ 983568 w 1006653"/>
                <a:gd name="connsiteY0" fmla="*/ 187939 h 1171952"/>
                <a:gd name="connsiteX1" fmla="*/ 1003052 w 1006653"/>
                <a:gd name="connsiteY1" fmla="*/ 198528 h 1171952"/>
                <a:gd name="connsiteX2" fmla="*/ 1004323 w 1006653"/>
                <a:gd name="connsiteY2" fmla="*/ 226908 h 1171952"/>
                <a:gd name="connsiteX3" fmla="*/ 761190 w 1006653"/>
                <a:gd name="connsiteY3" fmla="*/ 1149668 h 1171952"/>
                <a:gd name="connsiteX4" fmla="*/ 747212 w 1006653"/>
                <a:gd name="connsiteY4" fmla="*/ 1170847 h 1171952"/>
                <a:gd name="connsiteX5" fmla="*/ 731751 w 1006653"/>
                <a:gd name="connsiteY5" fmla="*/ 1170847 h 1171952"/>
                <a:gd name="connsiteX6" fmla="*/ 24 w 1006653"/>
                <a:gd name="connsiteY6" fmla="*/ 1013912 h 1171952"/>
                <a:gd name="connsiteX7" fmla="*/ 158442 w 1006653"/>
                <a:gd name="connsiteY7" fmla="*/ 305482 h 1171952"/>
                <a:gd name="connsiteX8" fmla="*/ 216895 w 1006653"/>
                <a:gd name="connsiteY8" fmla="*/ 92634 h 1171952"/>
                <a:gd name="connsiteX9" fmla="*/ 244428 w 1006653"/>
                <a:gd name="connsiteY9" fmla="*/ 5590 h 1171952"/>
                <a:gd name="connsiteX10" fmla="*/ 327448 w 1006653"/>
                <a:gd name="connsiteY10" fmla="*/ 14061 h 1171952"/>
                <a:gd name="connsiteX11" fmla="*/ 746153 w 1006653"/>
                <a:gd name="connsiteY11" fmla="*/ 121014 h 1171952"/>
                <a:gd name="connsiteX12" fmla="*/ 983568 w 1006653"/>
                <a:gd name="connsiteY12" fmla="*/ 187939 h 117195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1006653" h="1171952">
                  <a:moveTo>
                    <a:pt x="983568" y="187939"/>
                  </a:moveTo>
                  <a:cubicBezTo>
                    <a:pt x="991044" y="189252"/>
                    <a:pt x="997884" y="192958"/>
                    <a:pt x="1003052" y="198528"/>
                  </a:cubicBezTo>
                  <a:cubicBezTo>
                    <a:pt x="1007394" y="207402"/>
                    <a:pt x="1007860" y="217674"/>
                    <a:pt x="1004323" y="226908"/>
                  </a:cubicBezTo>
                  <a:cubicBezTo>
                    <a:pt x="931468" y="536394"/>
                    <a:pt x="850417" y="843994"/>
                    <a:pt x="761190" y="1149668"/>
                  </a:cubicBezTo>
                  <a:cubicBezTo>
                    <a:pt x="758861" y="1158140"/>
                    <a:pt x="755260" y="1167670"/>
                    <a:pt x="747212" y="1170847"/>
                  </a:cubicBezTo>
                  <a:cubicBezTo>
                    <a:pt x="742171" y="1172330"/>
                    <a:pt x="736792" y="1172330"/>
                    <a:pt x="731751" y="1170847"/>
                  </a:cubicBezTo>
                  <a:cubicBezTo>
                    <a:pt x="486501" y="1124465"/>
                    <a:pt x="241039" y="1078084"/>
                    <a:pt x="24" y="1013912"/>
                  </a:cubicBezTo>
                  <a:cubicBezTo>
                    <a:pt x="29674" y="773745"/>
                    <a:pt x="94058" y="539084"/>
                    <a:pt x="158442" y="305482"/>
                  </a:cubicBezTo>
                  <a:lnTo>
                    <a:pt x="216895" y="92634"/>
                  </a:lnTo>
                  <a:cubicBezTo>
                    <a:pt x="222614" y="71456"/>
                    <a:pt x="226849" y="19991"/>
                    <a:pt x="244428" y="5590"/>
                  </a:cubicBezTo>
                  <a:cubicBezTo>
                    <a:pt x="262006" y="-8812"/>
                    <a:pt x="304363" y="8554"/>
                    <a:pt x="327448" y="14061"/>
                  </a:cubicBezTo>
                  <a:cubicBezTo>
                    <a:pt x="467652" y="47523"/>
                    <a:pt x="607221" y="83168"/>
                    <a:pt x="746153" y="121014"/>
                  </a:cubicBezTo>
                  <a:cubicBezTo>
                    <a:pt x="824939" y="142468"/>
                    <a:pt x="904084" y="164791"/>
                    <a:pt x="983568" y="187939"/>
                  </a:cubicBezTo>
                  <a:close/>
                </a:path>
              </a:pathLst>
            </a:custGeom>
            <a:solidFill>
              <a:srgbClr val="EB871E"/>
            </a:solidFill>
            <a:ln w="18628" cap="rnd">
              <a:solidFill>
                <a:srgbClr val="190B0B"/>
              </a:solidFill>
              <a:prstDash val="solid"/>
              <a:round/>
            </a:ln>
          </p:spPr>
          <p:txBody>
            <a:bodyPr rtlCol="0" anchor="ctr"/>
            <a:lstStyle/>
            <a:p>
              <a:endParaRPr lang="en-US" sz="1500"/>
            </a:p>
          </p:txBody>
        </p:sp>
        <p:sp>
          <p:nvSpPr>
            <p:cNvPr id="161" name="Freeform: Shape 160">
              <a:extLst>
                <a:ext uri="{FF2B5EF4-FFF2-40B4-BE49-F238E27FC236}">
                  <a16:creationId xmlns:a16="http://schemas.microsoft.com/office/drawing/2014/main" id="{965C0B3C-27EF-4772-829B-C907BEE8AAC2}"/>
                </a:ext>
              </a:extLst>
            </p:cNvPr>
            <p:cNvSpPr/>
            <p:nvPr/>
          </p:nvSpPr>
          <p:spPr>
            <a:xfrm>
              <a:off x="6096000" y="3832625"/>
              <a:ext cx="1006576" cy="1171914"/>
            </a:xfrm>
            <a:custGeom>
              <a:avLst/>
              <a:gdLst>
                <a:gd name="connsiteX0" fmla="*/ 983568 w 1006576"/>
                <a:gd name="connsiteY0" fmla="*/ 187980 h 1171914"/>
                <a:gd name="connsiteX1" fmla="*/ 1002840 w 1006576"/>
                <a:gd name="connsiteY1" fmla="*/ 198781 h 1171914"/>
                <a:gd name="connsiteX2" fmla="*/ 1004323 w 1006576"/>
                <a:gd name="connsiteY2" fmla="*/ 226949 h 1171914"/>
                <a:gd name="connsiteX3" fmla="*/ 761190 w 1006576"/>
                <a:gd name="connsiteY3" fmla="*/ 1149709 h 1171914"/>
                <a:gd name="connsiteX4" fmla="*/ 747001 w 1006576"/>
                <a:gd name="connsiteY4" fmla="*/ 1170888 h 1171914"/>
                <a:gd name="connsiteX5" fmla="*/ 731540 w 1006576"/>
                <a:gd name="connsiteY5" fmla="*/ 1170888 h 1171914"/>
                <a:gd name="connsiteX6" fmla="*/ 24 w 1006576"/>
                <a:gd name="connsiteY6" fmla="*/ 1013953 h 1171914"/>
                <a:gd name="connsiteX7" fmla="*/ 158230 w 1006576"/>
                <a:gd name="connsiteY7" fmla="*/ 305522 h 1171914"/>
                <a:gd name="connsiteX8" fmla="*/ 217954 w 1006576"/>
                <a:gd name="connsiteY8" fmla="*/ 92464 h 1171914"/>
                <a:gd name="connsiteX9" fmla="*/ 245275 w 1006576"/>
                <a:gd name="connsiteY9" fmla="*/ 5630 h 1171914"/>
                <a:gd name="connsiteX10" fmla="*/ 328508 w 1006576"/>
                <a:gd name="connsiteY10" fmla="*/ 13890 h 1171914"/>
                <a:gd name="connsiteX11" fmla="*/ 747001 w 1006576"/>
                <a:gd name="connsiteY11" fmla="*/ 119784 h 1171914"/>
                <a:gd name="connsiteX12" fmla="*/ 983568 w 1006576"/>
                <a:gd name="connsiteY12" fmla="*/ 187980 h 117191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1006576" h="1171914">
                  <a:moveTo>
                    <a:pt x="983568" y="187980"/>
                  </a:moveTo>
                  <a:cubicBezTo>
                    <a:pt x="991002" y="189357"/>
                    <a:pt x="997779" y="193148"/>
                    <a:pt x="1002840" y="198781"/>
                  </a:cubicBezTo>
                  <a:cubicBezTo>
                    <a:pt x="1007267" y="207549"/>
                    <a:pt x="1007818" y="217778"/>
                    <a:pt x="1004323" y="226949"/>
                  </a:cubicBezTo>
                  <a:cubicBezTo>
                    <a:pt x="931320" y="536583"/>
                    <a:pt x="850289" y="844163"/>
                    <a:pt x="761190" y="1149709"/>
                  </a:cubicBezTo>
                  <a:cubicBezTo>
                    <a:pt x="758649" y="1158181"/>
                    <a:pt x="755260" y="1167711"/>
                    <a:pt x="747001" y="1170888"/>
                  </a:cubicBezTo>
                  <a:cubicBezTo>
                    <a:pt x="741939" y="1172265"/>
                    <a:pt x="736602" y="1172265"/>
                    <a:pt x="731540" y="1170888"/>
                  </a:cubicBezTo>
                  <a:cubicBezTo>
                    <a:pt x="486501" y="1124507"/>
                    <a:pt x="241039" y="1078125"/>
                    <a:pt x="24" y="1013953"/>
                  </a:cubicBezTo>
                  <a:cubicBezTo>
                    <a:pt x="29463" y="773574"/>
                    <a:pt x="94058" y="539124"/>
                    <a:pt x="158230" y="305522"/>
                  </a:cubicBezTo>
                  <a:lnTo>
                    <a:pt x="217954" y="92464"/>
                  </a:lnTo>
                  <a:cubicBezTo>
                    <a:pt x="223672" y="71285"/>
                    <a:pt x="227908" y="20032"/>
                    <a:pt x="245275" y="5630"/>
                  </a:cubicBezTo>
                  <a:cubicBezTo>
                    <a:pt x="262641" y="-8771"/>
                    <a:pt x="305423" y="8384"/>
                    <a:pt x="328508" y="13890"/>
                  </a:cubicBezTo>
                  <a:cubicBezTo>
                    <a:pt x="468436" y="47353"/>
                    <a:pt x="607919" y="82658"/>
                    <a:pt x="747001" y="119784"/>
                  </a:cubicBezTo>
                  <a:cubicBezTo>
                    <a:pt x="825786" y="142382"/>
                    <a:pt x="904634" y="165107"/>
                    <a:pt x="983568" y="187980"/>
                  </a:cubicBezTo>
                  <a:close/>
                </a:path>
              </a:pathLst>
            </a:custGeom>
            <a:solidFill>
              <a:srgbClr val="EB871E"/>
            </a:solidFill>
            <a:ln w="18628" cap="rnd">
              <a:solidFill>
                <a:srgbClr val="190B0B"/>
              </a:solidFill>
              <a:prstDash val="solid"/>
              <a:round/>
            </a:ln>
          </p:spPr>
          <p:txBody>
            <a:bodyPr rtlCol="0" anchor="ctr"/>
            <a:lstStyle/>
            <a:p>
              <a:endParaRPr lang="en-US" sz="1500"/>
            </a:p>
          </p:txBody>
        </p:sp>
        <p:sp>
          <p:nvSpPr>
            <p:cNvPr id="162" name="Freeform: Shape 161">
              <a:extLst>
                <a:ext uri="{FF2B5EF4-FFF2-40B4-BE49-F238E27FC236}">
                  <a16:creationId xmlns:a16="http://schemas.microsoft.com/office/drawing/2014/main" id="{12671DC2-31ED-48A9-A3DD-EC47E383B58D}"/>
                </a:ext>
              </a:extLst>
            </p:cNvPr>
            <p:cNvSpPr/>
            <p:nvPr/>
          </p:nvSpPr>
          <p:spPr>
            <a:xfrm>
              <a:off x="6422477" y="4052471"/>
              <a:ext cx="492712" cy="264580"/>
            </a:xfrm>
            <a:custGeom>
              <a:avLst/>
              <a:gdLst>
                <a:gd name="connsiteX0" fmla="*/ 548 w 492712"/>
                <a:gd name="connsiteY0" fmla="*/ 131422 h 264580"/>
                <a:gd name="connsiteX1" fmla="*/ 548 w 492712"/>
                <a:gd name="connsiteY1" fmla="*/ 140741 h 264580"/>
                <a:gd name="connsiteX2" fmla="*/ 14738 w 492712"/>
                <a:gd name="connsiteY2" fmla="*/ 151543 h 264580"/>
                <a:gd name="connsiteX3" fmla="*/ 142870 w 492712"/>
                <a:gd name="connsiteY3" fmla="*/ 192205 h 264580"/>
                <a:gd name="connsiteX4" fmla="*/ 433231 w 492712"/>
                <a:gd name="connsiteY4" fmla="*/ 264425 h 264580"/>
                <a:gd name="connsiteX5" fmla="*/ 446574 w 492712"/>
                <a:gd name="connsiteY5" fmla="*/ 261672 h 264580"/>
                <a:gd name="connsiteX6" fmla="*/ 453563 w 492712"/>
                <a:gd name="connsiteY6" fmla="*/ 249388 h 264580"/>
                <a:gd name="connsiteX7" fmla="*/ 492108 w 492712"/>
                <a:gd name="connsiteY7" fmla="*/ 121256 h 264580"/>
                <a:gd name="connsiteX8" fmla="*/ 482175 w 492712"/>
                <a:gd name="connsiteY8" fmla="*/ 102789 h 264580"/>
                <a:gd name="connsiteX9" fmla="*/ 481519 w 492712"/>
                <a:gd name="connsiteY9" fmla="*/ 102620 h 264580"/>
                <a:gd name="connsiteX10" fmla="*/ 118726 w 492712"/>
                <a:gd name="connsiteY10" fmla="*/ 9432 h 264580"/>
                <a:gd name="connsiteX11" fmla="*/ 42059 w 492712"/>
                <a:gd name="connsiteY11" fmla="*/ 22987 h 264580"/>
                <a:gd name="connsiteX12" fmla="*/ 548 w 492712"/>
                <a:gd name="connsiteY12" fmla="*/ 131422 h 2645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492712" h="264580">
                  <a:moveTo>
                    <a:pt x="548" y="131422"/>
                  </a:moveTo>
                  <a:cubicBezTo>
                    <a:pt x="-150" y="134493"/>
                    <a:pt x="-150" y="137670"/>
                    <a:pt x="548" y="140741"/>
                  </a:cubicBezTo>
                  <a:cubicBezTo>
                    <a:pt x="2031" y="146883"/>
                    <a:pt x="8808" y="149636"/>
                    <a:pt x="14738" y="151543"/>
                  </a:cubicBezTo>
                  <a:lnTo>
                    <a:pt x="142870" y="192205"/>
                  </a:lnTo>
                  <a:cubicBezTo>
                    <a:pt x="183745" y="205336"/>
                    <a:pt x="375837" y="262307"/>
                    <a:pt x="433231" y="264425"/>
                  </a:cubicBezTo>
                  <a:cubicBezTo>
                    <a:pt x="437870" y="264997"/>
                    <a:pt x="442550" y="264044"/>
                    <a:pt x="446574" y="261672"/>
                  </a:cubicBezTo>
                  <a:cubicBezTo>
                    <a:pt x="450238" y="258495"/>
                    <a:pt x="452716" y="254154"/>
                    <a:pt x="453563" y="249388"/>
                  </a:cubicBezTo>
                  <a:cubicBezTo>
                    <a:pt x="467752" y="200889"/>
                    <a:pt x="478342" y="167003"/>
                    <a:pt x="492108" y="121256"/>
                  </a:cubicBezTo>
                  <a:cubicBezTo>
                    <a:pt x="494459" y="113420"/>
                    <a:pt x="490011" y="105140"/>
                    <a:pt x="482175" y="102789"/>
                  </a:cubicBezTo>
                  <a:cubicBezTo>
                    <a:pt x="481943" y="102725"/>
                    <a:pt x="481731" y="102683"/>
                    <a:pt x="481519" y="102620"/>
                  </a:cubicBezTo>
                  <a:lnTo>
                    <a:pt x="118726" y="9432"/>
                  </a:lnTo>
                  <a:cubicBezTo>
                    <a:pt x="85899" y="961"/>
                    <a:pt x="58367" y="-11746"/>
                    <a:pt x="42059" y="22987"/>
                  </a:cubicBezTo>
                  <a:cubicBezTo>
                    <a:pt x="25476" y="58017"/>
                    <a:pt x="11582" y="94275"/>
                    <a:pt x="548" y="131422"/>
                  </a:cubicBezTo>
                  <a:close/>
                </a:path>
              </a:pathLst>
            </a:custGeom>
            <a:solidFill>
              <a:srgbClr val="FFFFFF"/>
            </a:solidFill>
            <a:ln w="18628" cap="rnd">
              <a:solidFill>
                <a:srgbClr val="190B0B"/>
              </a:solidFill>
              <a:prstDash val="solid"/>
              <a:round/>
            </a:ln>
          </p:spPr>
          <p:txBody>
            <a:bodyPr rtlCol="0" anchor="ctr"/>
            <a:lstStyle/>
            <a:p>
              <a:endParaRPr lang="en-US" sz="1500"/>
            </a:p>
          </p:txBody>
        </p:sp>
        <p:sp>
          <p:nvSpPr>
            <p:cNvPr id="163" name="Freeform: Shape 162">
              <a:extLst>
                <a:ext uri="{FF2B5EF4-FFF2-40B4-BE49-F238E27FC236}">
                  <a16:creationId xmlns:a16="http://schemas.microsoft.com/office/drawing/2014/main" id="{7B488DB5-CB76-46D6-9557-B4D1810C8E1B}"/>
                </a:ext>
              </a:extLst>
            </p:cNvPr>
            <p:cNvSpPr/>
            <p:nvPr/>
          </p:nvSpPr>
          <p:spPr>
            <a:xfrm>
              <a:off x="6365249" y="3896194"/>
              <a:ext cx="51070" cy="46552"/>
            </a:xfrm>
            <a:custGeom>
              <a:avLst/>
              <a:gdLst>
                <a:gd name="connsiteX0" fmla="*/ 24314 w 51070"/>
                <a:gd name="connsiteY0" fmla="*/ 1150 h 46552"/>
                <a:gd name="connsiteX1" fmla="*/ 3135 w 51070"/>
                <a:gd name="connsiteY1" fmla="*/ 37789 h 46552"/>
                <a:gd name="connsiteX2" fmla="*/ 39986 w 51070"/>
                <a:gd name="connsiteY2" fmla="*/ 41602 h 46552"/>
                <a:gd name="connsiteX3" fmla="*/ 47166 w 51070"/>
                <a:gd name="connsiteY3" fmla="*/ 7906 h 46552"/>
                <a:gd name="connsiteX4" fmla="*/ 45281 w 51070"/>
                <a:gd name="connsiteY4" fmla="*/ 5386 h 46552"/>
                <a:gd name="connsiteX5" fmla="*/ 24314 w 51070"/>
                <a:gd name="connsiteY5" fmla="*/ 1150 h 4655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1070" h="46552">
                  <a:moveTo>
                    <a:pt x="24314" y="1150"/>
                  </a:moveTo>
                  <a:cubicBezTo>
                    <a:pt x="8218" y="5809"/>
                    <a:pt x="-6607" y="24023"/>
                    <a:pt x="3135" y="37789"/>
                  </a:cubicBezTo>
                  <a:cubicBezTo>
                    <a:pt x="12856" y="47849"/>
                    <a:pt x="28402" y="49438"/>
                    <a:pt x="39986" y="41602"/>
                  </a:cubicBezTo>
                  <a:cubicBezTo>
                    <a:pt x="51274" y="34273"/>
                    <a:pt x="54494" y="19194"/>
                    <a:pt x="47166" y="7906"/>
                  </a:cubicBezTo>
                  <a:cubicBezTo>
                    <a:pt x="46594" y="7038"/>
                    <a:pt x="45959" y="6191"/>
                    <a:pt x="45281" y="5386"/>
                  </a:cubicBezTo>
                  <a:cubicBezTo>
                    <a:pt x="39563" y="282"/>
                    <a:pt x="31557" y="-1328"/>
                    <a:pt x="24314" y="1150"/>
                  </a:cubicBezTo>
                  <a:close/>
                </a:path>
              </a:pathLst>
            </a:custGeom>
            <a:solidFill>
              <a:srgbClr val="190B0B"/>
            </a:solidFill>
            <a:ln w="21168" cap="flat">
              <a:noFill/>
              <a:prstDash val="solid"/>
              <a:miter/>
            </a:ln>
          </p:spPr>
          <p:txBody>
            <a:bodyPr rtlCol="0" anchor="ctr"/>
            <a:lstStyle/>
            <a:p>
              <a:endParaRPr lang="en-US" sz="1500"/>
            </a:p>
          </p:txBody>
        </p:sp>
        <p:sp>
          <p:nvSpPr>
            <p:cNvPr id="164" name="Freeform: Shape 163">
              <a:extLst>
                <a:ext uri="{FF2B5EF4-FFF2-40B4-BE49-F238E27FC236}">
                  <a16:creationId xmlns:a16="http://schemas.microsoft.com/office/drawing/2014/main" id="{2D2E3C85-71CE-432D-9F1D-5A5BAA3BF627}"/>
                </a:ext>
              </a:extLst>
            </p:cNvPr>
            <p:cNvSpPr/>
            <p:nvPr/>
          </p:nvSpPr>
          <p:spPr>
            <a:xfrm>
              <a:off x="6341393" y="3982390"/>
              <a:ext cx="40867" cy="37159"/>
            </a:xfrm>
            <a:custGeom>
              <a:avLst/>
              <a:gdLst>
                <a:gd name="connsiteX0" fmla="*/ 19579 w 40867"/>
                <a:gd name="connsiteY0" fmla="*/ 939 h 37159"/>
                <a:gd name="connsiteX1" fmla="*/ 2424 w 40867"/>
                <a:gd name="connsiteY1" fmla="*/ 30166 h 37159"/>
                <a:gd name="connsiteX2" fmla="*/ 31862 w 40867"/>
                <a:gd name="connsiteY2" fmla="*/ 33131 h 37159"/>
                <a:gd name="connsiteX3" fmla="*/ 37941 w 40867"/>
                <a:gd name="connsiteY3" fmla="*/ 6573 h 37159"/>
                <a:gd name="connsiteX4" fmla="*/ 36310 w 40867"/>
                <a:gd name="connsiteY4" fmla="*/ 4328 h 37159"/>
                <a:gd name="connsiteX5" fmla="*/ 19579 w 40867"/>
                <a:gd name="connsiteY5" fmla="*/ 939 h 3715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40867" h="37159">
                  <a:moveTo>
                    <a:pt x="19579" y="939"/>
                  </a:moveTo>
                  <a:cubicBezTo>
                    <a:pt x="6659" y="4540"/>
                    <a:pt x="-5201" y="19154"/>
                    <a:pt x="2424" y="30166"/>
                  </a:cubicBezTo>
                  <a:cubicBezTo>
                    <a:pt x="10196" y="38214"/>
                    <a:pt x="22649" y="39485"/>
                    <a:pt x="31862" y="33131"/>
                  </a:cubicBezTo>
                  <a:cubicBezTo>
                    <a:pt x="40885" y="27476"/>
                    <a:pt x="43595" y="15574"/>
                    <a:pt x="37941" y="6573"/>
                  </a:cubicBezTo>
                  <a:cubicBezTo>
                    <a:pt x="37453" y="5789"/>
                    <a:pt x="36903" y="5027"/>
                    <a:pt x="36310" y="4328"/>
                  </a:cubicBezTo>
                  <a:cubicBezTo>
                    <a:pt x="31777" y="219"/>
                    <a:pt x="25361" y="-1073"/>
                    <a:pt x="19579" y="939"/>
                  </a:cubicBezTo>
                  <a:close/>
                </a:path>
              </a:pathLst>
            </a:custGeom>
            <a:noFill/>
            <a:ln w="18628" cap="flat">
              <a:solidFill>
                <a:srgbClr val="190B0B"/>
              </a:solidFill>
              <a:prstDash val="solid"/>
              <a:miter/>
            </a:ln>
          </p:spPr>
          <p:txBody>
            <a:bodyPr rtlCol="0" anchor="ctr"/>
            <a:lstStyle/>
            <a:p>
              <a:endParaRPr lang="en-US" sz="1500"/>
            </a:p>
          </p:txBody>
        </p:sp>
        <p:sp>
          <p:nvSpPr>
            <p:cNvPr id="165" name="Freeform: Shape 164">
              <a:extLst>
                <a:ext uri="{FF2B5EF4-FFF2-40B4-BE49-F238E27FC236}">
                  <a16:creationId xmlns:a16="http://schemas.microsoft.com/office/drawing/2014/main" id="{2F83586E-D36D-4AB4-A677-73F691B1CE6C}"/>
                </a:ext>
              </a:extLst>
            </p:cNvPr>
            <p:cNvSpPr/>
            <p:nvPr/>
          </p:nvSpPr>
          <p:spPr>
            <a:xfrm>
              <a:off x="6310759" y="4074357"/>
              <a:ext cx="42618" cy="39158"/>
            </a:xfrm>
            <a:custGeom>
              <a:avLst/>
              <a:gdLst>
                <a:gd name="connsiteX0" fmla="*/ 20563 w 42618"/>
                <a:gd name="connsiteY0" fmla="*/ 1100 h 39158"/>
                <a:gd name="connsiteX1" fmla="*/ 2561 w 42618"/>
                <a:gd name="connsiteY1" fmla="*/ 31809 h 39158"/>
                <a:gd name="connsiteX2" fmla="*/ 33482 w 42618"/>
                <a:gd name="connsiteY2" fmla="*/ 34987 h 39158"/>
                <a:gd name="connsiteX3" fmla="*/ 38904 w 42618"/>
                <a:gd name="connsiteY3" fmla="*/ 5527 h 39158"/>
                <a:gd name="connsiteX4" fmla="*/ 38141 w 42618"/>
                <a:gd name="connsiteY4" fmla="*/ 4489 h 39158"/>
                <a:gd name="connsiteX5" fmla="*/ 20563 w 42618"/>
                <a:gd name="connsiteY5" fmla="*/ 1100 h 3915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42618" h="39158">
                  <a:moveTo>
                    <a:pt x="20563" y="1100"/>
                  </a:moveTo>
                  <a:cubicBezTo>
                    <a:pt x="7008" y="4913"/>
                    <a:pt x="-5487" y="20161"/>
                    <a:pt x="2561" y="31809"/>
                  </a:cubicBezTo>
                  <a:cubicBezTo>
                    <a:pt x="10715" y="40239"/>
                    <a:pt x="23781" y="41594"/>
                    <a:pt x="33482" y="34987"/>
                  </a:cubicBezTo>
                  <a:cubicBezTo>
                    <a:pt x="43118" y="28357"/>
                    <a:pt x="45532" y="15163"/>
                    <a:pt x="38904" y="5527"/>
                  </a:cubicBezTo>
                  <a:cubicBezTo>
                    <a:pt x="38670" y="5167"/>
                    <a:pt x="38416" y="4828"/>
                    <a:pt x="38141" y="4489"/>
                  </a:cubicBezTo>
                  <a:cubicBezTo>
                    <a:pt x="33376" y="147"/>
                    <a:pt x="26599" y="-1166"/>
                    <a:pt x="20563" y="1100"/>
                  </a:cubicBezTo>
                  <a:close/>
                </a:path>
              </a:pathLst>
            </a:custGeom>
            <a:solidFill>
              <a:srgbClr val="190B0B"/>
            </a:solidFill>
            <a:ln w="21168" cap="flat">
              <a:noFill/>
              <a:prstDash val="solid"/>
              <a:miter/>
            </a:ln>
          </p:spPr>
          <p:txBody>
            <a:bodyPr rtlCol="0" anchor="ctr"/>
            <a:lstStyle/>
            <a:p>
              <a:endParaRPr lang="en-US" sz="1500"/>
            </a:p>
          </p:txBody>
        </p:sp>
        <p:sp>
          <p:nvSpPr>
            <p:cNvPr id="166" name="Freeform: Shape 165">
              <a:extLst>
                <a:ext uri="{FF2B5EF4-FFF2-40B4-BE49-F238E27FC236}">
                  <a16:creationId xmlns:a16="http://schemas.microsoft.com/office/drawing/2014/main" id="{17E74B50-7556-4661-9D5A-AD7C356C79E5}"/>
                </a:ext>
              </a:extLst>
            </p:cNvPr>
            <p:cNvSpPr/>
            <p:nvPr/>
          </p:nvSpPr>
          <p:spPr>
            <a:xfrm>
              <a:off x="6278313" y="4199000"/>
              <a:ext cx="51081" cy="46455"/>
            </a:xfrm>
            <a:custGeom>
              <a:avLst/>
              <a:gdLst>
                <a:gd name="connsiteX0" fmla="*/ 24205 w 51081"/>
                <a:gd name="connsiteY0" fmla="*/ 1200 h 46455"/>
                <a:gd name="connsiteX1" fmla="*/ 3026 w 51081"/>
                <a:gd name="connsiteY1" fmla="*/ 37628 h 46455"/>
                <a:gd name="connsiteX2" fmla="*/ 39878 w 51081"/>
                <a:gd name="connsiteY2" fmla="*/ 41440 h 46455"/>
                <a:gd name="connsiteX3" fmla="*/ 47354 w 51081"/>
                <a:gd name="connsiteY3" fmla="*/ 8126 h 46455"/>
                <a:gd name="connsiteX4" fmla="*/ 45384 w 51081"/>
                <a:gd name="connsiteY4" fmla="*/ 5436 h 46455"/>
                <a:gd name="connsiteX5" fmla="*/ 24205 w 51081"/>
                <a:gd name="connsiteY5" fmla="*/ 1200 h 4645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1081" h="46455">
                  <a:moveTo>
                    <a:pt x="24205" y="1200"/>
                  </a:moveTo>
                  <a:cubicBezTo>
                    <a:pt x="8321" y="5860"/>
                    <a:pt x="-6504" y="23862"/>
                    <a:pt x="3026" y="37628"/>
                  </a:cubicBezTo>
                  <a:cubicBezTo>
                    <a:pt x="12705" y="47751"/>
                    <a:pt x="28313" y="49382"/>
                    <a:pt x="39878" y="41440"/>
                  </a:cubicBezTo>
                  <a:cubicBezTo>
                    <a:pt x="51144" y="34303"/>
                    <a:pt x="54491" y="19393"/>
                    <a:pt x="47354" y="8126"/>
                  </a:cubicBezTo>
                  <a:cubicBezTo>
                    <a:pt x="46760" y="7194"/>
                    <a:pt x="46104" y="6284"/>
                    <a:pt x="45384" y="5436"/>
                  </a:cubicBezTo>
                  <a:cubicBezTo>
                    <a:pt x="39623" y="269"/>
                    <a:pt x="31512" y="-1363"/>
                    <a:pt x="24205" y="1200"/>
                  </a:cubicBezTo>
                  <a:close/>
                </a:path>
              </a:pathLst>
            </a:custGeom>
            <a:solidFill>
              <a:srgbClr val="190B0B"/>
            </a:solidFill>
            <a:ln w="21168" cap="flat">
              <a:noFill/>
              <a:prstDash val="solid"/>
              <a:miter/>
            </a:ln>
          </p:spPr>
          <p:txBody>
            <a:bodyPr rtlCol="0" anchor="ctr"/>
            <a:lstStyle/>
            <a:p>
              <a:endParaRPr lang="en-US" sz="1500"/>
            </a:p>
          </p:txBody>
        </p:sp>
        <p:sp>
          <p:nvSpPr>
            <p:cNvPr id="167" name="Freeform: Shape 166">
              <a:extLst>
                <a:ext uri="{FF2B5EF4-FFF2-40B4-BE49-F238E27FC236}">
                  <a16:creationId xmlns:a16="http://schemas.microsoft.com/office/drawing/2014/main" id="{6BD550D0-0F48-420F-8727-76E437653DE2}"/>
                </a:ext>
              </a:extLst>
            </p:cNvPr>
            <p:cNvSpPr/>
            <p:nvPr/>
          </p:nvSpPr>
          <p:spPr>
            <a:xfrm>
              <a:off x="6243198" y="4329983"/>
              <a:ext cx="42520" cy="39161"/>
            </a:xfrm>
            <a:custGeom>
              <a:avLst/>
              <a:gdLst>
                <a:gd name="connsiteX0" fmla="*/ 20563 w 42520"/>
                <a:gd name="connsiteY0" fmla="*/ 1103 h 39161"/>
                <a:gd name="connsiteX1" fmla="*/ 2561 w 42520"/>
                <a:gd name="connsiteY1" fmla="*/ 31812 h 39161"/>
                <a:gd name="connsiteX2" fmla="*/ 33482 w 42520"/>
                <a:gd name="connsiteY2" fmla="*/ 34989 h 39161"/>
                <a:gd name="connsiteX3" fmla="*/ 38734 w 42520"/>
                <a:gd name="connsiteY3" fmla="*/ 5508 h 39161"/>
                <a:gd name="connsiteX4" fmla="*/ 38141 w 42520"/>
                <a:gd name="connsiteY4" fmla="*/ 4703 h 39161"/>
                <a:gd name="connsiteX5" fmla="*/ 20563 w 42520"/>
                <a:gd name="connsiteY5" fmla="*/ 1103 h 3916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42520" h="39161">
                  <a:moveTo>
                    <a:pt x="20563" y="1103"/>
                  </a:moveTo>
                  <a:cubicBezTo>
                    <a:pt x="7008" y="4915"/>
                    <a:pt x="-5487" y="20164"/>
                    <a:pt x="2561" y="31812"/>
                  </a:cubicBezTo>
                  <a:cubicBezTo>
                    <a:pt x="10715" y="40242"/>
                    <a:pt x="23782" y="41597"/>
                    <a:pt x="33482" y="34989"/>
                  </a:cubicBezTo>
                  <a:cubicBezTo>
                    <a:pt x="43076" y="28297"/>
                    <a:pt x="45426" y="15081"/>
                    <a:pt x="38734" y="5508"/>
                  </a:cubicBezTo>
                  <a:cubicBezTo>
                    <a:pt x="38544" y="5233"/>
                    <a:pt x="38332" y="4957"/>
                    <a:pt x="38141" y="4703"/>
                  </a:cubicBezTo>
                  <a:cubicBezTo>
                    <a:pt x="33482" y="193"/>
                    <a:pt x="26619" y="-1205"/>
                    <a:pt x="20563" y="1103"/>
                  </a:cubicBezTo>
                  <a:close/>
                </a:path>
              </a:pathLst>
            </a:custGeom>
            <a:solidFill>
              <a:srgbClr val="190B0B"/>
            </a:solidFill>
            <a:ln w="21168" cap="flat">
              <a:noFill/>
              <a:prstDash val="solid"/>
              <a:miter/>
            </a:ln>
          </p:spPr>
          <p:txBody>
            <a:bodyPr rtlCol="0" anchor="ctr"/>
            <a:lstStyle/>
            <a:p>
              <a:endParaRPr lang="en-US" sz="1500"/>
            </a:p>
          </p:txBody>
        </p:sp>
        <p:sp>
          <p:nvSpPr>
            <p:cNvPr id="168" name="Freeform: Shape 167">
              <a:extLst>
                <a:ext uri="{FF2B5EF4-FFF2-40B4-BE49-F238E27FC236}">
                  <a16:creationId xmlns:a16="http://schemas.microsoft.com/office/drawing/2014/main" id="{2ECC7ABB-DED4-4A62-8150-E1A99F05193B}"/>
                </a:ext>
              </a:extLst>
            </p:cNvPr>
            <p:cNvSpPr/>
            <p:nvPr/>
          </p:nvSpPr>
          <p:spPr>
            <a:xfrm>
              <a:off x="6217285" y="4438121"/>
              <a:ext cx="40747" cy="37263"/>
            </a:xfrm>
            <a:custGeom>
              <a:avLst/>
              <a:gdLst>
                <a:gd name="connsiteX0" fmla="*/ 19578 w 40747"/>
                <a:gd name="connsiteY0" fmla="*/ 976 h 37263"/>
                <a:gd name="connsiteX1" fmla="*/ 2423 w 40747"/>
                <a:gd name="connsiteY1" fmla="*/ 30203 h 37263"/>
                <a:gd name="connsiteX2" fmla="*/ 31862 w 40747"/>
                <a:gd name="connsiteY2" fmla="*/ 33380 h 37263"/>
                <a:gd name="connsiteX3" fmla="*/ 37644 w 40747"/>
                <a:gd name="connsiteY3" fmla="*/ 6441 h 37263"/>
                <a:gd name="connsiteX4" fmla="*/ 36098 w 40747"/>
                <a:gd name="connsiteY4" fmla="*/ 4365 h 37263"/>
                <a:gd name="connsiteX5" fmla="*/ 19578 w 40747"/>
                <a:gd name="connsiteY5" fmla="*/ 976 h 3726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40747" h="37263">
                  <a:moveTo>
                    <a:pt x="19578" y="976"/>
                  </a:moveTo>
                  <a:cubicBezTo>
                    <a:pt x="6659" y="4789"/>
                    <a:pt x="-5201" y="19190"/>
                    <a:pt x="2423" y="30203"/>
                  </a:cubicBezTo>
                  <a:cubicBezTo>
                    <a:pt x="10175" y="38251"/>
                    <a:pt x="22565" y="39586"/>
                    <a:pt x="31862" y="33380"/>
                  </a:cubicBezTo>
                  <a:cubicBezTo>
                    <a:pt x="40906" y="27535"/>
                    <a:pt x="43490" y="15484"/>
                    <a:pt x="37644" y="6441"/>
                  </a:cubicBezTo>
                  <a:cubicBezTo>
                    <a:pt x="37178" y="5720"/>
                    <a:pt x="36648" y="5021"/>
                    <a:pt x="36098" y="4365"/>
                  </a:cubicBezTo>
                  <a:cubicBezTo>
                    <a:pt x="31672" y="214"/>
                    <a:pt x="25276" y="-1099"/>
                    <a:pt x="19578" y="976"/>
                  </a:cubicBezTo>
                  <a:close/>
                </a:path>
              </a:pathLst>
            </a:custGeom>
            <a:noFill/>
            <a:ln w="18628" cap="flat">
              <a:solidFill>
                <a:srgbClr val="190B0B"/>
              </a:solidFill>
              <a:prstDash val="solid"/>
              <a:miter/>
            </a:ln>
          </p:spPr>
          <p:txBody>
            <a:bodyPr rtlCol="0" anchor="ctr"/>
            <a:lstStyle/>
            <a:p>
              <a:endParaRPr lang="en-US" sz="1500"/>
            </a:p>
          </p:txBody>
        </p:sp>
        <p:sp>
          <p:nvSpPr>
            <p:cNvPr id="169" name="Freeform: Shape 168">
              <a:extLst>
                <a:ext uri="{FF2B5EF4-FFF2-40B4-BE49-F238E27FC236}">
                  <a16:creationId xmlns:a16="http://schemas.microsoft.com/office/drawing/2014/main" id="{EF49364C-0DB4-48C9-AFA4-17CEE8A20D15}"/>
                </a:ext>
              </a:extLst>
            </p:cNvPr>
            <p:cNvSpPr/>
            <p:nvPr/>
          </p:nvSpPr>
          <p:spPr>
            <a:xfrm>
              <a:off x="6201721" y="4531741"/>
              <a:ext cx="40760" cy="37122"/>
            </a:xfrm>
            <a:custGeom>
              <a:avLst/>
              <a:gdLst>
                <a:gd name="connsiteX0" fmla="*/ 19471 w 40760"/>
                <a:gd name="connsiteY0" fmla="*/ 967 h 37122"/>
                <a:gd name="connsiteX1" fmla="*/ 2316 w 40760"/>
                <a:gd name="connsiteY1" fmla="*/ 30194 h 37122"/>
                <a:gd name="connsiteX2" fmla="*/ 31755 w 40760"/>
                <a:gd name="connsiteY2" fmla="*/ 33158 h 37122"/>
                <a:gd name="connsiteX3" fmla="*/ 37833 w 40760"/>
                <a:gd name="connsiteY3" fmla="*/ 6600 h 37122"/>
                <a:gd name="connsiteX4" fmla="*/ 36202 w 40760"/>
                <a:gd name="connsiteY4" fmla="*/ 4355 h 37122"/>
                <a:gd name="connsiteX5" fmla="*/ 19471 w 40760"/>
                <a:gd name="connsiteY5" fmla="*/ 967 h 3712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40760" h="37122">
                  <a:moveTo>
                    <a:pt x="19471" y="967"/>
                  </a:moveTo>
                  <a:cubicBezTo>
                    <a:pt x="6763" y="4567"/>
                    <a:pt x="-5097" y="19180"/>
                    <a:pt x="2316" y="30194"/>
                  </a:cubicBezTo>
                  <a:cubicBezTo>
                    <a:pt x="10131" y="38178"/>
                    <a:pt x="22521" y="39406"/>
                    <a:pt x="31755" y="33158"/>
                  </a:cubicBezTo>
                  <a:cubicBezTo>
                    <a:pt x="40777" y="27503"/>
                    <a:pt x="43488" y="15601"/>
                    <a:pt x="37833" y="6600"/>
                  </a:cubicBezTo>
                  <a:cubicBezTo>
                    <a:pt x="37346" y="5817"/>
                    <a:pt x="36795" y="5054"/>
                    <a:pt x="36202" y="4355"/>
                  </a:cubicBezTo>
                  <a:cubicBezTo>
                    <a:pt x="31691" y="204"/>
                    <a:pt x="25253" y="-1087"/>
                    <a:pt x="19471" y="967"/>
                  </a:cubicBezTo>
                  <a:close/>
                </a:path>
              </a:pathLst>
            </a:custGeom>
            <a:noFill/>
            <a:ln w="18628" cap="flat">
              <a:solidFill>
                <a:srgbClr val="190B0B"/>
              </a:solidFill>
              <a:prstDash val="solid"/>
              <a:miter/>
            </a:ln>
          </p:spPr>
          <p:txBody>
            <a:bodyPr rtlCol="0" anchor="ctr"/>
            <a:lstStyle/>
            <a:p>
              <a:endParaRPr lang="en-US" sz="1500"/>
            </a:p>
          </p:txBody>
        </p:sp>
        <p:sp>
          <p:nvSpPr>
            <p:cNvPr id="170" name="Freeform: Shape 169">
              <a:extLst>
                <a:ext uri="{FF2B5EF4-FFF2-40B4-BE49-F238E27FC236}">
                  <a16:creationId xmlns:a16="http://schemas.microsoft.com/office/drawing/2014/main" id="{BBA20E87-696E-4009-ACA3-2FE8A5E485D2}"/>
                </a:ext>
              </a:extLst>
            </p:cNvPr>
            <p:cNvSpPr/>
            <p:nvPr/>
          </p:nvSpPr>
          <p:spPr>
            <a:xfrm>
              <a:off x="6173443" y="4666015"/>
              <a:ext cx="40638" cy="37254"/>
            </a:xfrm>
            <a:custGeom>
              <a:avLst/>
              <a:gdLst>
                <a:gd name="connsiteX0" fmla="*/ 19369 w 40638"/>
                <a:gd name="connsiteY0" fmla="*/ 967 h 37254"/>
                <a:gd name="connsiteX1" fmla="*/ 2426 w 40638"/>
                <a:gd name="connsiteY1" fmla="*/ 30194 h 37254"/>
                <a:gd name="connsiteX2" fmla="*/ 31864 w 40638"/>
                <a:gd name="connsiteY2" fmla="*/ 33370 h 37254"/>
                <a:gd name="connsiteX3" fmla="*/ 37371 w 40638"/>
                <a:gd name="connsiteY3" fmla="*/ 6071 h 37254"/>
                <a:gd name="connsiteX4" fmla="*/ 36100 w 40638"/>
                <a:gd name="connsiteY4" fmla="*/ 4355 h 37254"/>
                <a:gd name="connsiteX5" fmla="*/ 19369 w 40638"/>
                <a:gd name="connsiteY5" fmla="*/ 967 h 372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40638" h="37254">
                  <a:moveTo>
                    <a:pt x="19369" y="967"/>
                  </a:moveTo>
                  <a:cubicBezTo>
                    <a:pt x="6661" y="4779"/>
                    <a:pt x="-5199" y="19181"/>
                    <a:pt x="2426" y="30194"/>
                  </a:cubicBezTo>
                  <a:cubicBezTo>
                    <a:pt x="10177" y="38242"/>
                    <a:pt x="22567" y="39576"/>
                    <a:pt x="31864" y="33370"/>
                  </a:cubicBezTo>
                  <a:cubicBezTo>
                    <a:pt x="40929" y="27355"/>
                    <a:pt x="43386" y="15135"/>
                    <a:pt x="37371" y="6071"/>
                  </a:cubicBezTo>
                  <a:cubicBezTo>
                    <a:pt x="36990" y="5478"/>
                    <a:pt x="36566" y="4906"/>
                    <a:pt x="36100" y="4355"/>
                  </a:cubicBezTo>
                  <a:cubicBezTo>
                    <a:pt x="31589" y="204"/>
                    <a:pt x="25151" y="-1087"/>
                    <a:pt x="19369" y="967"/>
                  </a:cubicBezTo>
                  <a:close/>
                </a:path>
              </a:pathLst>
            </a:custGeom>
            <a:noFill/>
            <a:ln w="18628" cap="flat">
              <a:solidFill>
                <a:srgbClr val="190B0B"/>
              </a:solidFill>
              <a:prstDash val="solid"/>
              <a:miter/>
            </a:ln>
          </p:spPr>
          <p:txBody>
            <a:bodyPr rtlCol="0" anchor="ctr"/>
            <a:lstStyle/>
            <a:p>
              <a:endParaRPr lang="en-US" sz="1500"/>
            </a:p>
          </p:txBody>
        </p:sp>
        <p:sp>
          <p:nvSpPr>
            <p:cNvPr id="171" name="Freeform: Shape 170">
              <a:extLst>
                <a:ext uri="{FF2B5EF4-FFF2-40B4-BE49-F238E27FC236}">
                  <a16:creationId xmlns:a16="http://schemas.microsoft.com/office/drawing/2014/main" id="{296B9A67-1C12-435F-BA49-3A3DDEB17B1A}"/>
                </a:ext>
              </a:extLst>
            </p:cNvPr>
            <p:cNvSpPr/>
            <p:nvPr/>
          </p:nvSpPr>
          <p:spPr>
            <a:xfrm>
              <a:off x="6265009" y="3873659"/>
              <a:ext cx="137825" cy="91983"/>
            </a:xfrm>
            <a:custGeom>
              <a:avLst/>
              <a:gdLst>
                <a:gd name="connsiteX0" fmla="*/ 16330 w 137825"/>
                <a:gd name="connsiteY0" fmla="*/ 85104 h 91983"/>
                <a:gd name="connsiteX1" fmla="*/ 235 w 137825"/>
                <a:gd name="connsiteY1" fmla="*/ 45712 h 91983"/>
                <a:gd name="connsiteX2" fmla="*/ 36662 w 137825"/>
                <a:gd name="connsiteY2" fmla="*/ 3354 h 91983"/>
                <a:gd name="connsiteX3" fmla="*/ 89185 w 137825"/>
                <a:gd name="connsiteY3" fmla="*/ 5895 h 91983"/>
                <a:gd name="connsiteX4" fmla="*/ 131543 w 137825"/>
                <a:gd name="connsiteY4" fmla="*/ 28980 h 91983"/>
                <a:gd name="connsiteX5" fmla="*/ 136118 w 137825"/>
                <a:gd name="connsiteY5" fmla="*/ 46368 h 91983"/>
                <a:gd name="connsiteX6" fmla="*/ 118730 w 137825"/>
                <a:gd name="connsiteY6" fmla="*/ 50942 h 91983"/>
                <a:gd name="connsiteX7" fmla="*/ 117565 w 137825"/>
                <a:gd name="connsiteY7" fmla="*/ 50159 h 91983"/>
                <a:gd name="connsiteX8" fmla="*/ 80926 w 137825"/>
                <a:gd name="connsiteY8" fmla="*/ 28980 h 91983"/>
                <a:gd name="connsiteX9" fmla="*/ 45557 w 137825"/>
                <a:gd name="connsiteY9" fmla="*/ 26862 h 91983"/>
                <a:gd name="connsiteX10" fmla="*/ 26284 w 137825"/>
                <a:gd name="connsiteY10" fmla="*/ 48041 h 91983"/>
                <a:gd name="connsiteX11" fmla="*/ 37086 w 137825"/>
                <a:gd name="connsiteY11" fmla="*/ 67949 h 91983"/>
                <a:gd name="connsiteX12" fmla="*/ 42931 w 137825"/>
                <a:gd name="connsiteY12" fmla="*/ 84617 h 91983"/>
                <a:gd name="connsiteX13" fmla="*/ 42804 w 137825"/>
                <a:gd name="connsiteY13" fmla="*/ 84892 h 91983"/>
                <a:gd name="connsiteX14" fmla="*/ 25798 w 137825"/>
                <a:gd name="connsiteY14" fmla="*/ 90674 h 91983"/>
                <a:gd name="connsiteX15" fmla="*/ 25649 w 137825"/>
                <a:gd name="connsiteY15" fmla="*/ 90611 h 91983"/>
                <a:gd name="connsiteX16" fmla="*/ 16330 w 137825"/>
                <a:gd name="connsiteY16" fmla="*/ 85104 h 9198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37825" h="91983">
                  <a:moveTo>
                    <a:pt x="16330" y="85104"/>
                  </a:moveTo>
                  <a:cubicBezTo>
                    <a:pt x="4809" y="75425"/>
                    <a:pt x="-1206" y="60685"/>
                    <a:pt x="235" y="45712"/>
                  </a:cubicBezTo>
                  <a:cubicBezTo>
                    <a:pt x="3390" y="25845"/>
                    <a:pt x="17474" y="9432"/>
                    <a:pt x="36662" y="3354"/>
                  </a:cubicBezTo>
                  <a:cubicBezTo>
                    <a:pt x="53944" y="-1856"/>
                    <a:pt x="72497" y="-967"/>
                    <a:pt x="89185" y="5895"/>
                  </a:cubicBezTo>
                  <a:cubicBezTo>
                    <a:pt x="104180" y="11867"/>
                    <a:pt x="118391" y="19619"/>
                    <a:pt x="131543" y="28980"/>
                  </a:cubicBezTo>
                  <a:cubicBezTo>
                    <a:pt x="137600" y="32517"/>
                    <a:pt x="139654" y="40290"/>
                    <a:pt x="136118" y="46368"/>
                  </a:cubicBezTo>
                  <a:cubicBezTo>
                    <a:pt x="132581" y="52425"/>
                    <a:pt x="124808" y="54458"/>
                    <a:pt x="118730" y="50942"/>
                  </a:cubicBezTo>
                  <a:cubicBezTo>
                    <a:pt x="118328" y="50688"/>
                    <a:pt x="117946" y="50434"/>
                    <a:pt x="117565" y="50159"/>
                  </a:cubicBezTo>
                  <a:cubicBezTo>
                    <a:pt x="106256" y="41645"/>
                    <a:pt x="93951" y="34529"/>
                    <a:pt x="80926" y="28980"/>
                  </a:cubicBezTo>
                  <a:cubicBezTo>
                    <a:pt x="69722" y="24257"/>
                    <a:pt x="57248" y="23495"/>
                    <a:pt x="45557" y="26862"/>
                  </a:cubicBezTo>
                  <a:cubicBezTo>
                    <a:pt x="35688" y="29763"/>
                    <a:pt x="28233" y="37939"/>
                    <a:pt x="26284" y="48041"/>
                  </a:cubicBezTo>
                  <a:cubicBezTo>
                    <a:pt x="25734" y="56216"/>
                    <a:pt x="29948" y="63968"/>
                    <a:pt x="37086" y="67949"/>
                  </a:cubicBezTo>
                  <a:cubicBezTo>
                    <a:pt x="43312" y="70935"/>
                    <a:pt x="45917" y="78412"/>
                    <a:pt x="42931" y="84617"/>
                  </a:cubicBezTo>
                  <a:cubicBezTo>
                    <a:pt x="42888" y="84722"/>
                    <a:pt x="42846" y="84807"/>
                    <a:pt x="42804" y="84892"/>
                  </a:cubicBezTo>
                  <a:cubicBezTo>
                    <a:pt x="39712" y="91183"/>
                    <a:pt x="32088" y="93787"/>
                    <a:pt x="25798" y="90674"/>
                  </a:cubicBezTo>
                  <a:cubicBezTo>
                    <a:pt x="25734" y="90653"/>
                    <a:pt x="25692" y="90632"/>
                    <a:pt x="25649" y="90611"/>
                  </a:cubicBezTo>
                  <a:cubicBezTo>
                    <a:pt x="22282" y="89234"/>
                    <a:pt x="19147" y="87391"/>
                    <a:pt x="16330" y="85104"/>
                  </a:cubicBezTo>
                  <a:close/>
                </a:path>
              </a:pathLst>
            </a:custGeom>
            <a:solidFill>
              <a:srgbClr val="51352E"/>
            </a:solidFill>
            <a:ln w="18628" cap="flat">
              <a:solidFill>
                <a:srgbClr val="190B0B"/>
              </a:solidFill>
              <a:prstDash val="solid"/>
              <a:miter/>
            </a:ln>
          </p:spPr>
          <p:txBody>
            <a:bodyPr rtlCol="0" anchor="ctr"/>
            <a:lstStyle/>
            <a:p>
              <a:endParaRPr lang="en-US" sz="1500"/>
            </a:p>
          </p:txBody>
        </p:sp>
        <p:sp>
          <p:nvSpPr>
            <p:cNvPr id="172" name="Freeform: Shape 171">
              <a:extLst>
                <a:ext uri="{FF2B5EF4-FFF2-40B4-BE49-F238E27FC236}">
                  <a16:creationId xmlns:a16="http://schemas.microsoft.com/office/drawing/2014/main" id="{85CAACB0-5037-4B70-A9FE-7BB5DE5DD94D}"/>
                </a:ext>
              </a:extLst>
            </p:cNvPr>
            <p:cNvSpPr/>
            <p:nvPr/>
          </p:nvSpPr>
          <p:spPr>
            <a:xfrm>
              <a:off x="6240055" y="3960280"/>
              <a:ext cx="137029" cy="91697"/>
            </a:xfrm>
            <a:custGeom>
              <a:avLst/>
              <a:gdLst>
                <a:gd name="connsiteX0" fmla="*/ 16293 w 137029"/>
                <a:gd name="connsiteY0" fmla="*/ 85316 h 91697"/>
                <a:gd name="connsiteX1" fmla="*/ 197 w 137029"/>
                <a:gd name="connsiteY1" fmla="*/ 45712 h 91697"/>
                <a:gd name="connsiteX2" fmla="*/ 36625 w 137029"/>
                <a:gd name="connsiteY2" fmla="*/ 3354 h 91697"/>
                <a:gd name="connsiteX3" fmla="*/ 89149 w 137029"/>
                <a:gd name="connsiteY3" fmla="*/ 5895 h 91697"/>
                <a:gd name="connsiteX4" fmla="*/ 131506 w 137029"/>
                <a:gd name="connsiteY4" fmla="*/ 28980 h 91697"/>
                <a:gd name="connsiteX5" fmla="*/ 134895 w 137029"/>
                <a:gd name="connsiteY5" fmla="*/ 46559 h 91697"/>
                <a:gd name="connsiteX6" fmla="*/ 117634 w 137029"/>
                <a:gd name="connsiteY6" fmla="*/ 50371 h 91697"/>
                <a:gd name="connsiteX7" fmla="*/ 117316 w 137029"/>
                <a:gd name="connsiteY7" fmla="*/ 50159 h 91697"/>
                <a:gd name="connsiteX8" fmla="*/ 80888 w 137029"/>
                <a:gd name="connsiteY8" fmla="*/ 28980 h 91697"/>
                <a:gd name="connsiteX9" fmla="*/ 45308 w 137029"/>
                <a:gd name="connsiteY9" fmla="*/ 26862 h 91697"/>
                <a:gd name="connsiteX10" fmla="*/ 26035 w 137029"/>
                <a:gd name="connsiteY10" fmla="*/ 48041 h 91697"/>
                <a:gd name="connsiteX11" fmla="*/ 37049 w 137029"/>
                <a:gd name="connsiteY11" fmla="*/ 67949 h 91697"/>
                <a:gd name="connsiteX12" fmla="*/ 41814 w 137029"/>
                <a:gd name="connsiteY12" fmla="*/ 85273 h 91697"/>
                <a:gd name="connsiteX13" fmla="*/ 25612 w 137029"/>
                <a:gd name="connsiteY13" fmla="*/ 90611 h 91697"/>
                <a:gd name="connsiteX14" fmla="*/ 16293 w 137029"/>
                <a:gd name="connsiteY14" fmla="*/ 85316 h 9169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137029" h="91697">
                  <a:moveTo>
                    <a:pt x="16293" y="85316"/>
                  </a:moveTo>
                  <a:cubicBezTo>
                    <a:pt x="4899" y="75468"/>
                    <a:pt x="-1094" y="60727"/>
                    <a:pt x="197" y="45712"/>
                  </a:cubicBezTo>
                  <a:cubicBezTo>
                    <a:pt x="3353" y="25845"/>
                    <a:pt x="17437" y="9432"/>
                    <a:pt x="36625" y="3354"/>
                  </a:cubicBezTo>
                  <a:cubicBezTo>
                    <a:pt x="53907" y="-1856"/>
                    <a:pt x="72460" y="-967"/>
                    <a:pt x="89149" y="5895"/>
                  </a:cubicBezTo>
                  <a:cubicBezTo>
                    <a:pt x="104122" y="11931"/>
                    <a:pt x="118333" y="19683"/>
                    <a:pt x="131506" y="28980"/>
                  </a:cubicBezTo>
                  <a:cubicBezTo>
                    <a:pt x="137267" y="32919"/>
                    <a:pt x="138791" y="40756"/>
                    <a:pt x="134895" y="46559"/>
                  </a:cubicBezTo>
                  <a:cubicBezTo>
                    <a:pt x="131188" y="52383"/>
                    <a:pt x="123458" y="54077"/>
                    <a:pt x="117634" y="50371"/>
                  </a:cubicBezTo>
                  <a:cubicBezTo>
                    <a:pt x="117528" y="50307"/>
                    <a:pt x="117422" y="50222"/>
                    <a:pt x="117316" y="50159"/>
                  </a:cubicBezTo>
                  <a:cubicBezTo>
                    <a:pt x="105943" y="41836"/>
                    <a:pt x="93745" y="34741"/>
                    <a:pt x="80888" y="28980"/>
                  </a:cubicBezTo>
                  <a:cubicBezTo>
                    <a:pt x="69622" y="24257"/>
                    <a:pt x="57062" y="23495"/>
                    <a:pt x="45308" y="26862"/>
                  </a:cubicBezTo>
                  <a:cubicBezTo>
                    <a:pt x="35503" y="29891"/>
                    <a:pt x="28132" y="38002"/>
                    <a:pt x="26035" y="48041"/>
                  </a:cubicBezTo>
                  <a:cubicBezTo>
                    <a:pt x="25527" y="56258"/>
                    <a:pt x="29827" y="64010"/>
                    <a:pt x="37049" y="67949"/>
                  </a:cubicBezTo>
                  <a:cubicBezTo>
                    <a:pt x="43148" y="71422"/>
                    <a:pt x="45287" y="79174"/>
                    <a:pt x="41814" y="85273"/>
                  </a:cubicBezTo>
                  <a:cubicBezTo>
                    <a:pt x="38595" y="90949"/>
                    <a:pt x="31585" y="93258"/>
                    <a:pt x="25612" y="90611"/>
                  </a:cubicBezTo>
                  <a:cubicBezTo>
                    <a:pt x="22287" y="89277"/>
                    <a:pt x="19153" y="87476"/>
                    <a:pt x="16293" y="85316"/>
                  </a:cubicBezTo>
                  <a:close/>
                </a:path>
              </a:pathLst>
            </a:custGeom>
            <a:solidFill>
              <a:srgbClr val="51352E"/>
            </a:solidFill>
            <a:ln w="18628" cap="flat">
              <a:solidFill>
                <a:srgbClr val="190B0B"/>
              </a:solidFill>
              <a:prstDash val="solid"/>
              <a:miter/>
            </a:ln>
          </p:spPr>
          <p:txBody>
            <a:bodyPr rtlCol="0" anchor="ctr"/>
            <a:lstStyle/>
            <a:p>
              <a:endParaRPr lang="en-US" sz="1500"/>
            </a:p>
          </p:txBody>
        </p:sp>
        <p:sp>
          <p:nvSpPr>
            <p:cNvPr id="173" name="Freeform: Shape 172">
              <a:extLst>
                <a:ext uri="{FF2B5EF4-FFF2-40B4-BE49-F238E27FC236}">
                  <a16:creationId xmlns:a16="http://schemas.microsoft.com/office/drawing/2014/main" id="{BBA384B4-4FC1-4DA1-B167-BA416E6F3AAE}"/>
                </a:ext>
              </a:extLst>
            </p:cNvPr>
            <p:cNvSpPr/>
            <p:nvPr/>
          </p:nvSpPr>
          <p:spPr>
            <a:xfrm>
              <a:off x="6208919" y="4053059"/>
              <a:ext cx="137393" cy="91967"/>
            </a:xfrm>
            <a:custGeom>
              <a:avLst/>
              <a:gdLst>
                <a:gd name="connsiteX0" fmla="*/ 16509 w 137393"/>
                <a:gd name="connsiteY0" fmla="*/ 85300 h 91967"/>
                <a:gd name="connsiteX1" fmla="*/ 201 w 137393"/>
                <a:gd name="connsiteY1" fmla="*/ 45696 h 91967"/>
                <a:gd name="connsiteX2" fmla="*/ 36840 w 137393"/>
                <a:gd name="connsiteY2" fmla="*/ 3338 h 91967"/>
                <a:gd name="connsiteX3" fmla="*/ 89364 w 137393"/>
                <a:gd name="connsiteY3" fmla="*/ 5880 h 91967"/>
                <a:gd name="connsiteX4" fmla="*/ 131721 w 137393"/>
                <a:gd name="connsiteY4" fmla="*/ 28964 h 91967"/>
                <a:gd name="connsiteX5" fmla="*/ 135321 w 137393"/>
                <a:gd name="connsiteY5" fmla="*/ 46543 h 91967"/>
                <a:gd name="connsiteX6" fmla="*/ 118061 w 137393"/>
                <a:gd name="connsiteY6" fmla="*/ 50355 h 91967"/>
                <a:gd name="connsiteX7" fmla="*/ 117743 w 137393"/>
                <a:gd name="connsiteY7" fmla="*/ 50143 h 91967"/>
                <a:gd name="connsiteX8" fmla="*/ 81104 w 137393"/>
                <a:gd name="connsiteY8" fmla="*/ 28964 h 91967"/>
                <a:gd name="connsiteX9" fmla="*/ 45735 w 137393"/>
                <a:gd name="connsiteY9" fmla="*/ 26846 h 91967"/>
                <a:gd name="connsiteX10" fmla="*/ 26463 w 137393"/>
                <a:gd name="connsiteY10" fmla="*/ 48025 h 91967"/>
                <a:gd name="connsiteX11" fmla="*/ 37263 w 137393"/>
                <a:gd name="connsiteY11" fmla="*/ 67933 h 91967"/>
                <a:gd name="connsiteX12" fmla="*/ 43109 w 137393"/>
                <a:gd name="connsiteY12" fmla="*/ 84601 h 91967"/>
                <a:gd name="connsiteX13" fmla="*/ 42982 w 137393"/>
                <a:gd name="connsiteY13" fmla="*/ 84876 h 91967"/>
                <a:gd name="connsiteX14" fmla="*/ 25975 w 137393"/>
                <a:gd name="connsiteY14" fmla="*/ 90658 h 91967"/>
                <a:gd name="connsiteX15" fmla="*/ 25827 w 137393"/>
                <a:gd name="connsiteY15" fmla="*/ 90595 h 91967"/>
                <a:gd name="connsiteX16" fmla="*/ 16509 w 137393"/>
                <a:gd name="connsiteY16" fmla="*/ 85300 h 9196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37393" h="91967">
                  <a:moveTo>
                    <a:pt x="16509" y="85300"/>
                  </a:moveTo>
                  <a:cubicBezTo>
                    <a:pt x="4966" y="75537"/>
                    <a:pt x="-1112" y="60754"/>
                    <a:pt x="201" y="45696"/>
                  </a:cubicBezTo>
                  <a:cubicBezTo>
                    <a:pt x="3526" y="25830"/>
                    <a:pt x="17652" y="9480"/>
                    <a:pt x="36840" y="3338"/>
                  </a:cubicBezTo>
                  <a:cubicBezTo>
                    <a:pt x="54122" y="-1850"/>
                    <a:pt x="72654" y="-961"/>
                    <a:pt x="89364" y="5880"/>
                  </a:cubicBezTo>
                  <a:cubicBezTo>
                    <a:pt x="104337" y="11894"/>
                    <a:pt x="118548" y="19646"/>
                    <a:pt x="131721" y="28964"/>
                  </a:cubicBezTo>
                  <a:cubicBezTo>
                    <a:pt x="137567" y="32840"/>
                    <a:pt x="139176" y="40697"/>
                    <a:pt x="135321" y="46543"/>
                  </a:cubicBezTo>
                  <a:cubicBezTo>
                    <a:pt x="131615" y="52367"/>
                    <a:pt x="123885" y="54061"/>
                    <a:pt x="118061" y="50355"/>
                  </a:cubicBezTo>
                  <a:cubicBezTo>
                    <a:pt x="117955" y="50291"/>
                    <a:pt x="117849" y="50207"/>
                    <a:pt x="117743" y="50143"/>
                  </a:cubicBezTo>
                  <a:cubicBezTo>
                    <a:pt x="106285" y="41863"/>
                    <a:pt x="94002" y="34767"/>
                    <a:pt x="81104" y="28964"/>
                  </a:cubicBezTo>
                  <a:cubicBezTo>
                    <a:pt x="69900" y="24242"/>
                    <a:pt x="57426" y="23479"/>
                    <a:pt x="45735" y="26846"/>
                  </a:cubicBezTo>
                  <a:cubicBezTo>
                    <a:pt x="35908" y="29832"/>
                    <a:pt x="28517" y="37965"/>
                    <a:pt x="26463" y="48025"/>
                  </a:cubicBezTo>
                  <a:cubicBezTo>
                    <a:pt x="25912" y="56201"/>
                    <a:pt x="30127" y="63952"/>
                    <a:pt x="37263" y="67933"/>
                  </a:cubicBezTo>
                  <a:cubicBezTo>
                    <a:pt x="43490" y="70919"/>
                    <a:pt x="46095" y="78395"/>
                    <a:pt x="43109" y="84601"/>
                  </a:cubicBezTo>
                  <a:cubicBezTo>
                    <a:pt x="43067" y="84707"/>
                    <a:pt x="43024" y="84791"/>
                    <a:pt x="42982" y="84876"/>
                  </a:cubicBezTo>
                  <a:cubicBezTo>
                    <a:pt x="39890" y="91167"/>
                    <a:pt x="32265" y="93772"/>
                    <a:pt x="25975" y="90658"/>
                  </a:cubicBezTo>
                  <a:cubicBezTo>
                    <a:pt x="25912" y="90637"/>
                    <a:pt x="25869" y="90616"/>
                    <a:pt x="25827" y="90595"/>
                  </a:cubicBezTo>
                  <a:cubicBezTo>
                    <a:pt x="22502" y="89260"/>
                    <a:pt x="19347" y="87481"/>
                    <a:pt x="16509" y="85300"/>
                  </a:cubicBezTo>
                  <a:close/>
                </a:path>
              </a:pathLst>
            </a:custGeom>
            <a:solidFill>
              <a:srgbClr val="51352E"/>
            </a:solidFill>
            <a:ln w="18628" cap="flat">
              <a:solidFill>
                <a:srgbClr val="190B0B"/>
              </a:solidFill>
              <a:prstDash val="solid"/>
              <a:miter/>
            </a:ln>
          </p:spPr>
          <p:txBody>
            <a:bodyPr rtlCol="0" anchor="ctr"/>
            <a:lstStyle/>
            <a:p>
              <a:endParaRPr lang="en-US" sz="1500"/>
            </a:p>
          </p:txBody>
        </p:sp>
        <p:sp>
          <p:nvSpPr>
            <p:cNvPr id="174" name="Freeform: Shape 173">
              <a:extLst>
                <a:ext uri="{FF2B5EF4-FFF2-40B4-BE49-F238E27FC236}">
                  <a16:creationId xmlns:a16="http://schemas.microsoft.com/office/drawing/2014/main" id="{9768E0E0-663F-48EB-8779-B4D3DDEE5623}"/>
                </a:ext>
              </a:extLst>
            </p:cNvPr>
            <p:cNvSpPr/>
            <p:nvPr/>
          </p:nvSpPr>
          <p:spPr>
            <a:xfrm>
              <a:off x="6180103" y="4180894"/>
              <a:ext cx="137341" cy="92036"/>
            </a:xfrm>
            <a:custGeom>
              <a:avLst/>
              <a:gdLst>
                <a:gd name="connsiteX0" fmla="*/ 16309 w 137341"/>
                <a:gd name="connsiteY0" fmla="*/ 85385 h 92036"/>
                <a:gd name="connsiteX1" fmla="*/ 213 w 137341"/>
                <a:gd name="connsiteY1" fmla="*/ 45780 h 92036"/>
                <a:gd name="connsiteX2" fmla="*/ 36641 w 137341"/>
                <a:gd name="connsiteY2" fmla="*/ 3422 h 92036"/>
                <a:gd name="connsiteX3" fmla="*/ 89376 w 137341"/>
                <a:gd name="connsiteY3" fmla="*/ 5752 h 92036"/>
                <a:gd name="connsiteX4" fmla="*/ 131733 w 137341"/>
                <a:gd name="connsiteY4" fmla="*/ 29049 h 92036"/>
                <a:gd name="connsiteX5" fmla="*/ 135313 w 137341"/>
                <a:gd name="connsiteY5" fmla="*/ 46352 h 92036"/>
                <a:gd name="connsiteX6" fmla="*/ 135122 w 137341"/>
                <a:gd name="connsiteY6" fmla="*/ 46627 h 92036"/>
                <a:gd name="connsiteX7" fmla="*/ 117544 w 137341"/>
                <a:gd name="connsiteY7" fmla="*/ 50228 h 92036"/>
                <a:gd name="connsiteX8" fmla="*/ 81116 w 137341"/>
                <a:gd name="connsiteY8" fmla="*/ 29049 h 92036"/>
                <a:gd name="connsiteX9" fmla="*/ 45748 w 137341"/>
                <a:gd name="connsiteY9" fmla="*/ 26719 h 92036"/>
                <a:gd name="connsiteX10" fmla="*/ 26263 w 137341"/>
                <a:gd name="connsiteY10" fmla="*/ 47898 h 92036"/>
                <a:gd name="connsiteX11" fmla="*/ 37276 w 137341"/>
                <a:gd name="connsiteY11" fmla="*/ 67806 h 92036"/>
                <a:gd name="connsiteX12" fmla="*/ 42804 w 137341"/>
                <a:gd name="connsiteY12" fmla="*/ 84897 h 92036"/>
                <a:gd name="connsiteX13" fmla="*/ 42783 w 137341"/>
                <a:gd name="connsiteY13" fmla="*/ 84961 h 92036"/>
                <a:gd name="connsiteX14" fmla="*/ 26115 w 137341"/>
                <a:gd name="connsiteY14" fmla="*/ 90806 h 92036"/>
                <a:gd name="connsiteX15" fmla="*/ 25839 w 137341"/>
                <a:gd name="connsiteY15" fmla="*/ 90679 h 92036"/>
                <a:gd name="connsiteX16" fmla="*/ 16309 w 137341"/>
                <a:gd name="connsiteY16" fmla="*/ 85385 h 9203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37341" h="92036">
                  <a:moveTo>
                    <a:pt x="16309" y="85385"/>
                  </a:moveTo>
                  <a:cubicBezTo>
                    <a:pt x="4851" y="75578"/>
                    <a:pt x="-1142" y="60817"/>
                    <a:pt x="213" y="45780"/>
                  </a:cubicBezTo>
                  <a:cubicBezTo>
                    <a:pt x="3496" y="25977"/>
                    <a:pt x="17537" y="9627"/>
                    <a:pt x="36641" y="3422"/>
                  </a:cubicBezTo>
                  <a:cubicBezTo>
                    <a:pt x="53965" y="-1830"/>
                    <a:pt x="72581" y="-1004"/>
                    <a:pt x="89376" y="5752"/>
                  </a:cubicBezTo>
                  <a:cubicBezTo>
                    <a:pt x="104392" y="11767"/>
                    <a:pt x="118624" y="19581"/>
                    <a:pt x="131733" y="29049"/>
                  </a:cubicBezTo>
                  <a:cubicBezTo>
                    <a:pt x="137494" y="32840"/>
                    <a:pt x="139103" y="40591"/>
                    <a:pt x="135313" y="46352"/>
                  </a:cubicBezTo>
                  <a:cubicBezTo>
                    <a:pt x="135249" y="46458"/>
                    <a:pt x="135185" y="46542"/>
                    <a:pt x="135122" y="46627"/>
                  </a:cubicBezTo>
                  <a:cubicBezTo>
                    <a:pt x="131183" y="52366"/>
                    <a:pt x="123410" y="53955"/>
                    <a:pt x="117544" y="50228"/>
                  </a:cubicBezTo>
                  <a:cubicBezTo>
                    <a:pt x="106277" y="41756"/>
                    <a:pt x="94057" y="34640"/>
                    <a:pt x="81116" y="29049"/>
                  </a:cubicBezTo>
                  <a:cubicBezTo>
                    <a:pt x="69934" y="24262"/>
                    <a:pt x="57460" y="23436"/>
                    <a:pt x="45748" y="26719"/>
                  </a:cubicBezTo>
                  <a:cubicBezTo>
                    <a:pt x="35857" y="29684"/>
                    <a:pt x="28381" y="37796"/>
                    <a:pt x="26263" y="47898"/>
                  </a:cubicBezTo>
                  <a:cubicBezTo>
                    <a:pt x="25755" y="56115"/>
                    <a:pt x="30054" y="63866"/>
                    <a:pt x="37276" y="67806"/>
                  </a:cubicBezTo>
                  <a:cubicBezTo>
                    <a:pt x="43524" y="71004"/>
                    <a:pt x="46002" y="78649"/>
                    <a:pt x="42804" y="84897"/>
                  </a:cubicBezTo>
                  <a:cubicBezTo>
                    <a:pt x="42804" y="84919"/>
                    <a:pt x="42783" y="84939"/>
                    <a:pt x="42783" y="84961"/>
                  </a:cubicBezTo>
                  <a:cubicBezTo>
                    <a:pt x="39796" y="91187"/>
                    <a:pt x="32320" y="93792"/>
                    <a:pt x="26115" y="90806"/>
                  </a:cubicBezTo>
                  <a:cubicBezTo>
                    <a:pt x="26009" y="90764"/>
                    <a:pt x="25924" y="90721"/>
                    <a:pt x="25839" y="90679"/>
                  </a:cubicBezTo>
                  <a:cubicBezTo>
                    <a:pt x="22515" y="89197"/>
                    <a:pt x="19317" y="87439"/>
                    <a:pt x="16309" y="85385"/>
                  </a:cubicBezTo>
                  <a:close/>
                </a:path>
              </a:pathLst>
            </a:custGeom>
            <a:solidFill>
              <a:srgbClr val="51352E"/>
            </a:solidFill>
            <a:ln w="18628" cap="flat">
              <a:solidFill>
                <a:srgbClr val="190B0B"/>
              </a:solidFill>
              <a:prstDash val="solid"/>
              <a:miter/>
            </a:ln>
          </p:spPr>
          <p:txBody>
            <a:bodyPr rtlCol="0" anchor="ctr"/>
            <a:lstStyle/>
            <a:p>
              <a:endParaRPr lang="en-US" sz="1500"/>
            </a:p>
          </p:txBody>
        </p:sp>
        <p:sp>
          <p:nvSpPr>
            <p:cNvPr id="175" name="Freeform: Shape 174">
              <a:extLst>
                <a:ext uri="{FF2B5EF4-FFF2-40B4-BE49-F238E27FC236}">
                  <a16:creationId xmlns:a16="http://schemas.microsoft.com/office/drawing/2014/main" id="{EB2B9982-954B-40F2-8784-A7797FE10E51}"/>
                </a:ext>
              </a:extLst>
            </p:cNvPr>
            <p:cNvSpPr/>
            <p:nvPr/>
          </p:nvSpPr>
          <p:spPr>
            <a:xfrm>
              <a:off x="6143043" y="4296609"/>
              <a:ext cx="136842" cy="91973"/>
            </a:xfrm>
            <a:custGeom>
              <a:avLst/>
              <a:gdLst>
                <a:gd name="connsiteX0" fmla="*/ 16518 w 136842"/>
                <a:gd name="connsiteY0" fmla="*/ 85094 h 91973"/>
                <a:gd name="connsiteX1" fmla="*/ 211 w 136842"/>
                <a:gd name="connsiteY1" fmla="*/ 45702 h 91973"/>
                <a:gd name="connsiteX2" fmla="*/ 36850 w 136842"/>
                <a:gd name="connsiteY2" fmla="*/ 3344 h 91973"/>
                <a:gd name="connsiteX3" fmla="*/ 89373 w 136842"/>
                <a:gd name="connsiteY3" fmla="*/ 5674 h 91973"/>
                <a:gd name="connsiteX4" fmla="*/ 131731 w 136842"/>
                <a:gd name="connsiteY4" fmla="*/ 28971 h 91973"/>
                <a:gd name="connsiteX5" fmla="*/ 134357 w 136842"/>
                <a:gd name="connsiteY5" fmla="*/ 46739 h 91973"/>
                <a:gd name="connsiteX6" fmla="*/ 117753 w 136842"/>
                <a:gd name="connsiteY6" fmla="*/ 50149 h 91973"/>
                <a:gd name="connsiteX7" fmla="*/ 81114 w 136842"/>
                <a:gd name="connsiteY7" fmla="*/ 28971 h 91973"/>
                <a:gd name="connsiteX8" fmla="*/ 45745 w 136842"/>
                <a:gd name="connsiteY8" fmla="*/ 26853 h 91973"/>
                <a:gd name="connsiteX9" fmla="*/ 26472 w 136842"/>
                <a:gd name="connsiteY9" fmla="*/ 48031 h 91973"/>
                <a:gd name="connsiteX10" fmla="*/ 37274 w 136842"/>
                <a:gd name="connsiteY10" fmla="*/ 67940 h 91973"/>
                <a:gd name="connsiteX11" fmla="*/ 43119 w 136842"/>
                <a:gd name="connsiteY11" fmla="*/ 84607 h 91973"/>
                <a:gd name="connsiteX12" fmla="*/ 42992 w 136842"/>
                <a:gd name="connsiteY12" fmla="*/ 84882 h 91973"/>
                <a:gd name="connsiteX13" fmla="*/ 25985 w 136842"/>
                <a:gd name="connsiteY13" fmla="*/ 90664 h 91973"/>
                <a:gd name="connsiteX14" fmla="*/ 25837 w 136842"/>
                <a:gd name="connsiteY14" fmla="*/ 90601 h 91973"/>
                <a:gd name="connsiteX15" fmla="*/ 16518 w 136842"/>
                <a:gd name="connsiteY15" fmla="*/ 85094 h 9197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136842" h="91973">
                  <a:moveTo>
                    <a:pt x="16518" y="85094"/>
                  </a:moveTo>
                  <a:cubicBezTo>
                    <a:pt x="4955" y="75437"/>
                    <a:pt x="-1145" y="60717"/>
                    <a:pt x="211" y="45702"/>
                  </a:cubicBezTo>
                  <a:cubicBezTo>
                    <a:pt x="3535" y="25836"/>
                    <a:pt x="17662" y="9486"/>
                    <a:pt x="36850" y="3344"/>
                  </a:cubicBezTo>
                  <a:cubicBezTo>
                    <a:pt x="54132" y="-1802"/>
                    <a:pt x="72621" y="-976"/>
                    <a:pt x="89373" y="5674"/>
                  </a:cubicBezTo>
                  <a:cubicBezTo>
                    <a:pt x="104305" y="11858"/>
                    <a:pt x="118515" y="19673"/>
                    <a:pt x="131731" y="28971"/>
                  </a:cubicBezTo>
                  <a:cubicBezTo>
                    <a:pt x="137364" y="33164"/>
                    <a:pt x="138550" y="41106"/>
                    <a:pt x="134357" y="46739"/>
                  </a:cubicBezTo>
                  <a:cubicBezTo>
                    <a:pt x="130503" y="51949"/>
                    <a:pt x="123344" y="53411"/>
                    <a:pt x="117753" y="50149"/>
                  </a:cubicBezTo>
                  <a:cubicBezTo>
                    <a:pt x="106380" y="41720"/>
                    <a:pt x="94096" y="34604"/>
                    <a:pt x="81114" y="28971"/>
                  </a:cubicBezTo>
                  <a:cubicBezTo>
                    <a:pt x="69910" y="24248"/>
                    <a:pt x="57436" y="23485"/>
                    <a:pt x="45745" y="26853"/>
                  </a:cubicBezTo>
                  <a:cubicBezTo>
                    <a:pt x="35834" y="29712"/>
                    <a:pt x="28378" y="37908"/>
                    <a:pt x="26472" y="48031"/>
                  </a:cubicBezTo>
                  <a:cubicBezTo>
                    <a:pt x="25921" y="56207"/>
                    <a:pt x="30136" y="63958"/>
                    <a:pt x="37274" y="67940"/>
                  </a:cubicBezTo>
                  <a:cubicBezTo>
                    <a:pt x="43500" y="70926"/>
                    <a:pt x="46105" y="78402"/>
                    <a:pt x="43119" y="84607"/>
                  </a:cubicBezTo>
                  <a:cubicBezTo>
                    <a:pt x="43076" y="84713"/>
                    <a:pt x="43034" y="84798"/>
                    <a:pt x="42992" y="84882"/>
                  </a:cubicBezTo>
                  <a:cubicBezTo>
                    <a:pt x="39900" y="91173"/>
                    <a:pt x="32275" y="93778"/>
                    <a:pt x="25985" y="90664"/>
                  </a:cubicBezTo>
                  <a:cubicBezTo>
                    <a:pt x="25921" y="90643"/>
                    <a:pt x="25879" y="90622"/>
                    <a:pt x="25837" y="90601"/>
                  </a:cubicBezTo>
                  <a:cubicBezTo>
                    <a:pt x="22448" y="89288"/>
                    <a:pt x="19293" y="87424"/>
                    <a:pt x="16518" y="85094"/>
                  </a:cubicBezTo>
                  <a:close/>
                </a:path>
              </a:pathLst>
            </a:custGeom>
            <a:solidFill>
              <a:srgbClr val="51352E"/>
            </a:solidFill>
            <a:ln w="18628" cap="flat">
              <a:solidFill>
                <a:srgbClr val="190B0B"/>
              </a:solidFill>
              <a:prstDash val="solid"/>
              <a:miter/>
            </a:ln>
          </p:spPr>
          <p:txBody>
            <a:bodyPr rtlCol="0" anchor="ctr"/>
            <a:lstStyle/>
            <a:p>
              <a:endParaRPr lang="en-US" sz="1500"/>
            </a:p>
          </p:txBody>
        </p:sp>
        <p:sp>
          <p:nvSpPr>
            <p:cNvPr id="176" name="Freeform: Shape 175">
              <a:extLst>
                <a:ext uri="{FF2B5EF4-FFF2-40B4-BE49-F238E27FC236}">
                  <a16:creationId xmlns:a16="http://schemas.microsoft.com/office/drawing/2014/main" id="{3DE67B41-FAC7-4FE6-A68A-129BDEB5BB95}"/>
                </a:ext>
              </a:extLst>
            </p:cNvPr>
            <p:cNvSpPr/>
            <p:nvPr/>
          </p:nvSpPr>
          <p:spPr>
            <a:xfrm>
              <a:off x="6114454" y="4419149"/>
              <a:ext cx="137144" cy="92254"/>
            </a:xfrm>
            <a:custGeom>
              <a:avLst/>
              <a:gdLst>
                <a:gd name="connsiteX0" fmla="*/ 16304 w 137144"/>
                <a:gd name="connsiteY0" fmla="*/ 85179 h 92254"/>
                <a:gd name="connsiteX1" fmla="*/ 208 w 137144"/>
                <a:gd name="connsiteY1" fmla="*/ 45786 h 92254"/>
                <a:gd name="connsiteX2" fmla="*/ 36635 w 137144"/>
                <a:gd name="connsiteY2" fmla="*/ 3429 h 92254"/>
                <a:gd name="connsiteX3" fmla="*/ 89159 w 137144"/>
                <a:gd name="connsiteY3" fmla="*/ 5759 h 92254"/>
                <a:gd name="connsiteX4" fmla="*/ 131517 w 137144"/>
                <a:gd name="connsiteY4" fmla="*/ 29056 h 92254"/>
                <a:gd name="connsiteX5" fmla="*/ 135011 w 137144"/>
                <a:gd name="connsiteY5" fmla="*/ 46740 h 92254"/>
                <a:gd name="connsiteX6" fmla="*/ 117327 w 137144"/>
                <a:gd name="connsiteY6" fmla="*/ 50234 h 92254"/>
                <a:gd name="connsiteX7" fmla="*/ 80899 w 137144"/>
                <a:gd name="connsiteY7" fmla="*/ 29056 h 92254"/>
                <a:gd name="connsiteX8" fmla="*/ 45319 w 137144"/>
                <a:gd name="connsiteY8" fmla="*/ 26938 h 92254"/>
                <a:gd name="connsiteX9" fmla="*/ 26046 w 137144"/>
                <a:gd name="connsiteY9" fmla="*/ 48116 h 92254"/>
                <a:gd name="connsiteX10" fmla="*/ 37059 w 137144"/>
                <a:gd name="connsiteY10" fmla="*/ 68236 h 92254"/>
                <a:gd name="connsiteX11" fmla="*/ 42862 w 137144"/>
                <a:gd name="connsiteY11" fmla="*/ 84607 h 92254"/>
                <a:gd name="connsiteX12" fmla="*/ 42565 w 137144"/>
                <a:gd name="connsiteY12" fmla="*/ 85179 h 92254"/>
                <a:gd name="connsiteX13" fmla="*/ 25898 w 137144"/>
                <a:gd name="connsiteY13" fmla="*/ 91025 h 92254"/>
                <a:gd name="connsiteX14" fmla="*/ 25623 w 137144"/>
                <a:gd name="connsiteY14" fmla="*/ 90897 h 92254"/>
                <a:gd name="connsiteX15" fmla="*/ 16304 w 137144"/>
                <a:gd name="connsiteY15" fmla="*/ 85179 h 922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Lst>
              <a:rect l="l" t="t" r="r" b="b"/>
              <a:pathLst>
                <a:path w="137144" h="92254">
                  <a:moveTo>
                    <a:pt x="16304" y="85179"/>
                  </a:moveTo>
                  <a:cubicBezTo>
                    <a:pt x="4867" y="75437"/>
                    <a:pt x="-1126" y="60760"/>
                    <a:pt x="208" y="45786"/>
                  </a:cubicBezTo>
                  <a:cubicBezTo>
                    <a:pt x="3406" y="25942"/>
                    <a:pt x="17490" y="9550"/>
                    <a:pt x="36635" y="3429"/>
                  </a:cubicBezTo>
                  <a:cubicBezTo>
                    <a:pt x="53896" y="-1823"/>
                    <a:pt x="72428" y="-1019"/>
                    <a:pt x="89159" y="5759"/>
                  </a:cubicBezTo>
                  <a:cubicBezTo>
                    <a:pt x="104133" y="11858"/>
                    <a:pt x="118343" y="19673"/>
                    <a:pt x="131517" y="29056"/>
                  </a:cubicBezTo>
                  <a:cubicBezTo>
                    <a:pt x="137362" y="32974"/>
                    <a:pt x="138929" y="40894"/>
                    <a:pt x="135011" y="46740"/>
                  </a:cubicBezTo>
                  <a:cubicBezTo>
                    <a:pt x="131093" y="52585"/>
                    <a:pt x="123172" y="54152"/>
                    <a:pt x="117327" y="50234"/>
                  </a:cubicBezTo>
                  <a:cubicBezTo>
                    <a:pt x="106060" y="41762"/>
                    <a:pt x="93839" y="34646"/>
                    <a:pt x="80899" y="29056"/>
                  </a:cubicBezTo>
                  <a:cubicBezTo>
                    <a:pt x="69653" y="24206"/>
                    <a:pt x="57052" y="23464"/>
                    <a:pt x="45319" y="26938"/>
                  </a:cubicBezTo>
                  <a:cubicBezTo>
                    <a:pt x="35471" y="29882"/>
                    <a:pt x="28058" y="38035"/>
                    <a:pt x="26046" y="48116"/>
                  </a:cubicBezTo>
                  <a:cubicBezTo>
                    <a:pt x="25453" y="56397"/>
                    <a:pt x="29752" y="64276"/>
                    <a:pt x="37059" y="68236"/>
                  </a:cubicBezTo>
                  <a:cubicBezTo>
                    <a:pt x="43179" y="71159"/>
                    <a:pt x="45785" y="78487"/>
                    <a:pt x="42862" y="84607"/>
                  </a:cubicBezTo>
                  <a:cubicBezTo>
                    <a:pt x="42756" y="84798"/>
                    <a:pt x="42671" y="84989"/>
                    <a:pt x="42565" y="85179"/>
                  </a:cubicBezTo>
                  <a:cubicBezTo>
                    <a:pt x="39579" y="91406"/>
                    <a:pt x="32103" y="94011"/>
                    <a:pt x="25898" y="91025"/>
                  </a:cubicBezTo>
                  <a:cubicBezTo>
                    <a:pt x="25792" y="90982"/>
                    <a:pt x="25707" y="90940"/>
                    <a:pt x="25623" y="90897"/>
                  </a:cubicBezTo>
                  <a:cubicBezTo>
                    <a:pt x="22255" y="89436"/>
                    <a:pt x="19121" y="87509"/>
                    <a:pt x="16304" y="85179"/>
                  </a:cubicBezTo>
                  <a:close/>
                </a:path>
              </a:pathLst>
            </a:custGeom>
            <a:solidFill>
              <a:srgbClr val="51352E"/>
            </a:solidFill>
            <a:ln w="18628" cap="flat">
              <a:solidFill>
                <a:srgbClr val="190B0B"/>
              </a:solidFill>
              <a:prstDash val="solid"/>
              <a:miter/>
            </a:ln>
          </p:spPr>
          <p:txBody>
            <a:bodyPr rtlCol="0" anchor="ctr"/>
            <a:lstStyle/>
            <a:p>
              <a:endParaRPr lang="en-US" sz="1500"/>
            </a:p>
          </p:txBody>
        </p:sp>
        <p:sp>
          <p:nvSpPr>
            <p:cNvPr id="177" name="Freeform: Shape 176">
              <a:extLst>
                <a:ext uri="{FF2B5EF4-FFF2-40B4-BE49-F238E27FC236}">
                  <a16:creationId xmlns:a16="http://schemas.microsoft.com/office/drawing/2014/main" id="{919429EC-9C79-4026-B4D7-72D2D5D75CA0}"/>
                </a:ext>
              </a:extLst>
            </p:cNvPr>
            <p:cNvSpPr/>
            <p:nvPr/>
          </p:nvSpPr>
          <p:spPr>
            <a:xfrm>
              <a:off x="6088611" y="4522713"/>
              <a:ext cx="137130" cy="92241"/>
            </a:xfrm>
            <a:custGeom>
              <a:avLst/>
              <a:gdLst>
                <a:gd name="connsiteX0" fmla="*/ 16309 w 137130"/>
                <a:gd name="connsiteY0" fmla="*/ 85391 h 92241"/>
                <a:gd name="connsiteX1" fmla="*/ 213 w 137130"/>
                <a:gd name="connsiteY1" fmla="*/ 45787 h 92241"/>
                <a:gd name="connsiteX2" fmla="*/ 36641 w 137130"/>
                <a:gd name="connsiteY2" fmla="*/ 3429 h 92241"/>
                <a:gd name="connsiteX3" fmla="*/ 89164 w 137130"/>
                <a:gd name="connsiteY3" fmla="*/ 5759 h 92241"/>
                <a:gd name="connsiteX4" fmla="*/ 131522 w 137130"/>
                <a:gd name="connsiteY4" fmla="*/ 29055 h 92241"/>
                <a:gd name="connsiteX5" fmla="*/ 135101 w 137130"/>
                <a:gd name="connsiteY5" fmla="*/ 46359 h 92241"/>
                <a:gd name="connsiteX6" fmla="*/ 134911 w 137130"/>
                <a:gd name="connsiteY6" fmla="*/ 46634 h 92241"/>
                <a:gd name="connsiteX7" fmla="*/ 117332 w 137130"/>
                <a:gd name="connsiteY7" fmla="*/ 50234 h 92241"/>
                <a:gd name="connsiteX8" fmla="*/ 80904 w 137130"/>
                <a:gd name="connsiteY8" fmla="*/ 29055 h 92241"/>
                <a:gd name="connsiteX9" fmla="*/ 45324 w 137130"/>
                <a:gd name="connsiteY9" fmla="*/ 26937 h 92241"/>
                <a:gd name="connsiteX10" fmla="*/ 26051 w 137130"/>
                <a:gd name="connsiteY10" fmla="*/ 48116 h 92241"/>
                <a:gd name="connsiteX11" fmla="*/ 37064 w 137130"/>
                <a:gd name="connsiteY11" fmla="*/ 68024 h 92241"/>
                <a:gd name="connsiteX12" fmla="*/ 42783 w 137130"/>
                <a:gd name="connsiteY12" fmla="*/ 85179 h 92241"/>
                <a:gd name="connsiteX13" fmla="*/ 25628 w 137130"/>
                <a:gd name="connsiteY13" fmla="*/ 90898 h 92241"/>
                <a:gd name="connsiteX14" fmla="*/ 16309 w 137130"/>
                <a:gd name="connsiteY14" fmla="*/ 85391 h 9224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137130" h="92241">
                  <a:moveTo>
                    <a:pt x="16309" y="85391"/>
                  </a:moveTo>
                  <a:cubicBezTo>
                    <a:pt x="4851" y="75585"/>
                    <a:pt x="-1142" y="60824"/>
                    <a:pt x="213" y="45787"/>
                  </a:cubicBezTo>
                  <a:cubicBezTo>
                    <a:pt x="3369" y="25921"/>
                    <a:pt x="17453" y="9507"/>
                    <a:pt x="36641" y="3429"/>
                  </a:cubicBezTo>
                  <a:cubicBezTo>
                    <a:pt x="53902" y="-1824"/>
                    <a:pt x="72433" y="-1018"/>
                    <a:pt x="89164" y="5759"/>
                  </a:cubicBezTo>
                  <a:cubicBezTo>
                    <a:pt x="104180" y="11774"/>
                    <a:pt x="118391" y="19610"/>
                    <a:pt x="131522" y="29055"/>
                  </a:cubicBezTo>
                  <a:cubicBezTo>
                    <a:pt x="137283" y="32847"/>
                    <a:pt x="138892" y="40598"/>
                    <a:pt x="135101" y="46359"/>
                  </a:cubicBezTo>
                  <a:cubicBezTo>
                    <a:pt x="135037" y="46443"/>
                    <a:pt x="134974" y="46549"/>
                    <a:pt x="134911" y="46634"/>
                  </a:cubicBezTo>
                  <a:cubicBezTo>
                    <a:pt x="130971" y="52373"/>
                    <a:pt x="123199" y="53961"/>
                    <a:pt x="117332" y="50234"/>
                  </a:cubicBezTo>
                  <a:cubicBezTo>
                    <a:pt x="106001" y="41847"/>
                    <a:pt x="93803" y="34753"/>
                    <a:pt x="80904" y="29055"/>
                  </a:cubicBezTo>
                  <a:cubicBezTo>
                    <a:pt x="69616" y="24417"/>
                    <a:pt x="57100" y="23676"/>
                    <a:pt x="45324" y="26937"/>
                  </a:cubicBezTo>
                  <a:cubicBezTo>
                    <a:pt x="35518" y="29966"/>
                    <a:pt x="28148" y="38077"/>
                    <a:pt x="26051" y="48116"/>
                  </a:cubicBezTo>
                  <a:cubicBezTo>
                    <a:pt x="25543" y="56334"/>
                    <a:pt x="29843" y="64085"/>
                    <a:pt x="37064" y="68024"/>
                  </a:cubicBezTo>
                  <a:cubicBezTo>
                    <a:pt x="43376" y="71180"/>
                    <a:pt x="45938" y="78868"/>
                    <a:pt x="42783" y="85179"/>
                  </a:cubicBezTo>
                  <a:cubicBezTo>
                    <a:pt x="39627" y="91490"/>
                    <a:pt x="31939" y="94053"/>
                    <a:pt x="25628" y="90898"/>
                  </a:cubicBezTo>
                  <a:cubicBezTo>
                    <a:pt x="22345" y="89394"/>
                    <a:pt x="19211" y="87551"/>
                    <a:pt x="16309" y="85391"/>
                  </a:cubicBezTo>
                  <a:close/>
                </a:path>
              </a:pathLst>
            </a:custGeom>
            <a:solidFill>
              <a:srgbClr val="51352E"/>
            </a:solidFill>
            <a:ln w="18628" cap="flat">
              <a:solidFill>
                <a:srgbClr val="190B0B"/>
              </a:solidFill>
              <a:prstDash val="solid"/>
              <a:miter/>
            </a:ln>
          </p:spPr>
          <p:txBody>
            <a:bodyPr rtlCol="0" anchor="ctr"/>
            <a:lstStyle/>
            <a:p>
              <a:endParaRPr lang="en-US" sz="1500"/>
            </a:p>
          </p:txBody>
        </p:sp>
        <p:sp>
          <p:nvSpPr>
            <p:cNvPr id="178" name="Freeform: Shape 177">
              <a:extLst>
                <a:ext uri="{FF2B5EF4-FFF2-40B4-BE49-F238E27FC236}">
                  <a16:creationId xmlns:a16="http://schemas.microsoft.com/office/drawing/2014/main" id="{86B503A0-20A6-44BB-A74A-AE0A8B6C5BCD}"/>
                </a:ext>
              </a:extLst>
            </p:cNvPr>
            <p:cNvSpPr/>
            <p:nvPr/>
          </p:nvSpPr>
          <p:spPr>
            <a:xfrm>
              <a:off x="6064684" y="4646896"/>
              <a:ext cx="137144" cy="91697"/>
            </a:xfrm>
            <a:custGeom>
              <a:avLst/>
              <a:gdLst>
                <a:gd name="connsiteX0" fmla="*/ 16304 w 137144"/>
                <a:gd name="connsiteY0" fmla="*/ 85104 h 91697"/>
                <a:gd name="connsiteX1" fmla="*/ 208 w 137144"/>
                <a:gd name="connsiteY1" fmla="*/ 45711 h 91697"/>
                <a:gd name="connsiteX2" fmla="*/ 36635 w 137144"/>
                <a:gd name="connsiteY2" fmla="*/ 3354 h 91697"/>
                <a:gd name="connsiteX3" fmla="*/ 89159 w 137144"/>
                <a:gd name="connsiteY3" fmla="*/ 5896 h 91697"/>
                <a:gd name="connsiteX4" fmla="*/ 131517 w 137144"/>
                <a:gd name="connsiteY4" fmla="*/ 28981 h 91697"/>
                <a:gd name="connsiteX5" fmla="*/ 135011 w 137144"/>
                <a:gd name="connsiteY5" fmla="*/ 46665 h 91697"/>
                <a:gd name="connsiteX6" fmla="*/ 117327 w 137144"/>
                <a:gd name="connsiteY6" fmla="*/ 50159 h 91697"/>
                <a:gd name="connsiteX7" fmla="*/ 80899 w 137144"/>
                <a:gd name="connsiteY7" fmla="*/ 28981 h 91697"/>
                <a:gd name="connsiteX8" fmla="*/ 45319 w 137144"/>
                <a:gd name="connsiteY8" fmla="*/ 26863 h 91697"/>
                <a:gd name="connsiteX9" fmla="*/ 26046 w 137144"/>
                <a:gd name="connsiteY9" fmla="*/ 48041 h 91697"/>
                <a:gd name="connsiteX10" fmla="*/ 37059 w 137144"/>
                <a:gd name="connsiteY10" fmla="*/ 67949 h 91697"/>
                <a:gd name="connsiteX11" fmla="*/ 41824 w 137144"/>
                <a:gd name="connsiteY11" fmla="*/ 85274 h 91697"/>
                <a:gd name="connsiteX12" fmla="*/ 25623 w 137144"/>
                <a:gd name="connsiteY12" fmla="*/ 90611 h 91697"/>
                <a:gd name="connsiteX13" fmla="*/ 16304 w 137144"/>
                <a:gd name="connsiteY13" fmla="*/ 85104 h 9169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137144" h="91697">
                  <a:moveTo>
                    <a:pt x="16304" y="85104"/>
                  </a:moveTo>
                  <a:cubicBezTo>
                    <a:pt x="4867" y="75362"/>
                    <a:pt x="-1126" y="60685"/>
                    <a:pt x="208" y="45711"/>
                  </a:cubicBezTo>
                  <a:cubicBezTo>
                    <a:pt x="3406" y="25867"/>
                    <a:pt x="17490" y="9474"/>
                    <a:pt x="36635" y="3354"/>
                  </a:cubicBezTo>
                  <a:cubicBezTo>
                    <a:pt x="53918" y="-1856"/>
                    <a:pt x="72470" y="-966"/>
                    <a:pt x="89159" y="5896"/>
                  </a:cubicBezTo>
                  <a:cubicBezTo>
                    <a:pt x="104133" y="11931"/>
                    <a:pt x="118343" y="19683"/>
                    <a:pt x="131517" y="28981"/>
                  </a:cubicBezTo>
                  <a:cubicBezTo>
                    <a:pt x="137362" y="32899"/>
                    <a:pt x="138929" y="40819"/>
                    <a:pt x="135011" y="46665"/>
                  </a:cubicBezTo>
                  <a:cubicBezTo>
                    <a:pt x="131093" y="52510"/>
                    <a:pt x="123172" y="54077"/>
                    <a:pt x="117327" y="50159"/>
                  </a:cubicBezTo>
                  <a:cubicBezTo>
                    <a:pt x="105954" y="41836"/>
                    <a:pt x="93755" y="34741"/>
                    <a:pt x="80899" y="28981"/>
                  </a:cubicBezTo>
                  <a:cubicBezTo>
                    <a:pt x="69632" y="24257"/>
                    <a:pt x="57073" y="23495"/>
                    <a:pt x="45319" y="26863"/>
                  </a:cubicBezTo>
                  <a:cubicBezTo>
                    <a:pt x="35513" y="29891"/>
                    <a:pt x="28143" y="38003"/>
                    <a:pt x="26046" y="48041"/>
                  </a:cubicBezTo>
                  <a:cubicBezTo>
                    <a:pt x="25538" y="56259"/>
                    <a:pt x="29837" y="64010"/>
                    <a:pt x="37059" y="67949"/>
                  </a:cubicBezTo>
                  <a:cubicBezTo>
                    <a:pt x="43159" y="71423"/>
                    <a:pt x="45297" y="79174"/>
                    <a:pt x="41824" y="85274"/>
                  </a:cubicBezTo>
                  <a:cubicBezTo>
                    <a:pt x="38605" y="90950"/>
                    <a:pt x="31595" y="93258"/>
                    <a:pt x="25623" y="90611"/>
                  </a:cubicBezTo>
                  <a:cubicBezTo>
                    <a:pt x="22255" y="89276"/>
                    <a:pt x="19099" y="87413"/>
                    <a:pt x="16304" y="85104"/>
                  </a:cubicBezTo>
                  <a:close/>
                </a:path>
              </a:pathLst>
            </a:custGeom>
            <a:solidFill>
              <a:srgbClr val="51352E"/>
            </a:solidFill>
            <a:ln w="18628" cap="flat">
              <a:solidFill>
                <a:srgbClr val="190B0B"/>
              </a:solidFill>
              <a:prstDash val="solid"/>
              <a:miter/>
            </a:ln>
          </p:spPr>
          <p:txBody>
            <a:bodyPr rtlCol="0" anchor="ctr"/>
            <a:lstStyle/>
            <a:p>
              <a:endParaRPr lang="en-US" sz="1500"/>
            </a:p>
          </p:txBody>
        </p:sp>
        <p:sp>
          <p:nvSpPr>
            <p:cNvPr id="179" name="Freeform: Shape 178">
              <a:extLst>
                <a:ext uri="{FF2B5EF4-FFF2-40B4-BE49-F238E27FC236}">
                  <a16:creationId xmlns:a16="http://schemas.microsoft.com/office/drawing/2014/main" id="{884AD00B-F98B-46BA-97D1-665240C186C6}"/>
                </a:ext>
              </a:extLst>
            </p:cNvPr>
            <p:cNvSpPr/>
            <p:nvPr/>
          </p:nvSpPr>
          <p:spPr>
            <a:xfrm>
              <a:off x="6425090" y="3900649"/>
              <a:ext cx="595085" cy="215042"/>
            </a:xfrm>
            <a:custGeom>
              <a:avLst/>
              <a:gdLst>
                <a:gd name="connsiteX0" fmla="*/ 555361 w 595085"/>
                <a:gd name="connsiteY0" fmla="*/ 131392 h 215042"/>
                <a:gd name="connsiteX1" fmla="*/ 594754 w 595085"/>
                <a:gd name="connsiteY1" fmla="*/ 158502 h 215042"/>
                <a:gd name="connsiteX2" fmla="*/ 575905 w 595085"/>
                <a:gd name="connsiteY2" fmla="*/ 200859 h 215042"/>
                <a:gd name="connsiteX3" fmla="*/ 555997 w 595085"/>
                <a:gd name="connsiteY3" fmla="*/ 213778 h 215042"/>
                <a:gd name="connsiteX4" fmla="*/ 531006 w 595085"/>
                <a:gd name="connsiteY4" fmla="*/ 213778 h 215042"/>
                <a:gd name="connsiteX5" fmla="*/ 251234 w 595085"/>
                <a:gd name="connsiteY5" fmla="*/ 143253 h 215042"/>
                <a:gd name="connsiteX6" fmla="*/ 70367 w 595085"/>
                <a:gd name="connsiteY6" fmla="*/ 86070 h 215042"/>
                <a:gd name="connsiteX7" fmla="*/ 53 w 595085"/>
                <a:gd name="connsiteY7" fmla="*/ 47524 h 215042"/>
                <a:gd name="connsiteX8" fmla="*/ 28433 w 595085"/>
                <a:gd name="connsiteY8" fmla="*/ 1990 h 215042"/>
                <a:gd name="connsiteX9" fmla="*/ 79897 w 595085"/>
                <a:gd name="connsiteY9" fmla="*/ 6649 h 215042"/>
                <a:gd name="connsiteX10" fmla="*/ 157836 w 595085"/>
                <a:gd name="connsiteY10" fmla="*/ 27828 h 215042"/>
                <a:gd name="connsiteX11" fmla="*/ 344844 w 595085"/>
                <a:gd name="connsiteY11" fmla="*/ 75693 h 215042"/>
                <a:gd name="connsiteX12" fmla="*/ 555361 w 595085"/>
                <a:gd name="connsiteY12" fmla="*/ 131392 h 21504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Lst>
              <a:rect l="l" t="t" r="r" b="b"/>
              <a:pathLst>
                <a:path w="595085" h="215042">
                  <a:moveTo>
                    <a:pt x="555361" y="131392"/>
                  </a:moveTo>
                  <a:cubicBezTo>
                    <a:pt x="571458" y="135840"/>
                    <a:pt x="590094" y="142406"/>
                    <a:pt x="594754" y="158502"/>
                  </a:cubicBezTo>
                  <a:cubicBezTo>
                    <a:pt x="596850" y="175021"/>
                    <a:pt x="589586" y="191350"/>
                    <a:pt x="575905" y="200859"/>
                  </a:cubicBezTo>
                  <a:cubicBezTo>
                    <a:pt x="570335" y="206619"/>
                    <a:pt x="563515" y="211025"/>
                    <a:pt x="555997" y="213778"/>
                  </a:cubicBezTo>
                  <a:cubicBezTo>
                    <a:pt x="547758" y="215472"/>
                    <a:pt x="539245" y="215472"/>
                    <a:pt x="531006" y="213778"/>
                  </a:cubicBezTo>
                  <a:cubicBezTo>
                    <a:pt x="435828" y="198635"/>
                    <a:pt x="342218" y="175042"/>
                    <a:pt x="251234" y="143253"/>
                  </a:cubicBezTo>
                  <a:lnTo>
                    <a:pt x="70367" y="86070"/>
                  </a:lnTo>
                  <a:cubicBezTo>
                    <a:pt x="49188" y="79717"/>
                    <a:pt x="4289" y="73998"/>
                    <a:pt x="53" y="47524"/>
                  </a:cubicBezTo>
                  <a:cubicBezTo>
                    <a:pt x="-625" y="27998"/>
                    <a:pt x="10600" y="9995"/>
                    <a:pt x="28433" y="1990"/>
                  </a:cubicBezTo>
                  <a:cubicBezTo>
                    <a:pt x="45652" y="-1780"/>
                    <a:pt x="63632" y="-149"/>
                    <a:pt x="79897" y="6649"/>
                  </a:cubicBezTo>
                  <a:cubicBezTo>
                    <a:pt x="105947" y="13850"/>
                    <a:pt x="131574" y="21051"/>
                    <a:pt x="157836" y="27828"/>
                  </a:cubicBezTo>
                  <a:cubicBezTo>
                    <a:pt x="220313" y="43500"/>
                    <a:pt x="282578" y="59596"/>
                    <a:pt x="344844" y="75693"/>
                  </a:cubicBezTo>
                  <a:cubicBezTo>
                    <a:pt x="415158" y="93631"/>
                    <a:pt x="485323" y="112183"/>
                    <a:pt x="555361" y="131392"/>
                  </a:cubicBezTo>
                  <a:close/>
                </a:path>
              </a:pathLst>
            </a:custGeom>
            <a:solidFill>
              <a:srgbClr val="EFA43B"/>
            </a:solidFill>
            <a:ln w="21168" cap="flat">
              <a:noFill/>
              <a:prstDash val="solid"/>
              <a:miter/>
            </a:ln>
          </p:spPr>
          <p:txBody>
            <a:bodyPr rtlCol="0" anchor="ctr"/>
            <a:lstStyle/>
            <a:p>
              <a:endParaRPr lang="en-US" sz="1500"/>
            </a:p>
          </p:txBody>
        </p:sp>
        <p:sp>
          <p:nvSpPr>
            <p:cNvPr id="180" name="Freeform: Shape 179">
              <a:extLst>
                <a:ext uri="{FF2B5EF4-FFF2-40B4-BE49-F238E27FC236}">
                  <a16:creationId xmlns:a16="http://schemas.microsoft.com/office/drawing/2014/main" id="{8A48BFE0-4648-4FD2-9B5F-1A1D3F6DFF49}"/>
                </a:ext>
              </a:extLst>
            </p:cNvPr>
            <p:cNvSpPr/>
            <p:nvPr/>
          </p:nvSpPr>
          <p:spPr>
            <a:xfrm>
              <a:off x="6527201" y="4102560"/>
              <a:ext cx="266005" cy="73913"/>
            </a:xfrm>
            <a:custGeom>
              <a:avLst/>
              <a:gdLst>
                <a:gd name="connsiteX0" fmla="*/ 24 w 266005"/>
                <a:gd name="connsiteY0" fmla="*/ 6 h 73913"/>
                <a:gd name="connsiteX1" fmla="*/ 266030 w 266005"/>
                <a:gd name="connsiteY1" fmla="*/ 73920 h 73913"/>
              </a:gdLst>
              <a:ahLst/>
              <a:cxnLst>
                <a:cxn ang="0">
                  <a:pos x="connsiteX0" y="connsiteY0"/>
                </a:cxn>
                <a:cxn ang="0">
                  <a:pos x="connsiteX1" y="connsiteY1"/>
                </a:cxn>
              </a:cxnLst>
              <a:rect l="l" t="t" r="r" b="b"/>
              <a:pathLst>
                <a:path w="266005" h="73913">
                  <a:moveTo>
                    <a:pt x="24" y="6"/>
                  </a:moveTo>
                  <a:lnTo>
                    <a:pt x="266030" y="73920"/>
                  </a:lnTo>
                </a:path>
              </a:pathLst>
            </a:custGeom>
            <a:noFill/>
            <a:ln w="18628" cap="rnd">
              <a:solidFill>
                <a:srgbClr val="190B0B"/>
              </a:solidFill>
              <a:prstDash val="solid"/>
              <a:round/>
            </a:ln>
          </p:spPr>
          <p:txBody>
            <a:bodyPr rtlCol="0" anchor="ctr"/>
            <a:lstStyle/>
            <a:p>
              <a:endParaRPr lang="en-US" sz="1500"/>
            </a:p>
          </p:txBody>
        </p:sp>
        <p:sp>
          <p:nvSpPr>
            <p:cNvPr id="181" name="Freeform: Shape 180">
              <a:extLst>
                <a:ext uri="{FF2B5EF4-FFF2-40B4-BE49-F238E27FC236}">
                  <a16:creationId xmlns:a16="http://schemas.microsoft.com/office/drawing/2014/main" id="{AA8FFD68-6171-4F51-BC58-3CBD90D840F2}"/>
                </a:ext>
              </a:extLst>
            </p:cNvPr>
            <p:cNvSpPr/>
            <p:nvPr/>
          </p:nvSpPr>
          <p:spPr>
            <a:xfrm>
              <a:off x="6589255" y="4176686"/>
              <a:ext cx="115212" cy="36850"/>
            </a:xfrm>
            <a:custGeom>
              <a:avLst/>
              <a:gdLst>
                <a:gd name="connsiteX0" fmla="*/ 24 w 115212"/>
                <a:gd name="connsiteY0" fmla="*/ 6 h 36850"/>
                <a:gd name="connsiteX1" fmla="*/ 115237 w 115212"/>
                <a:gd name="connsiteY1" fmla="*/ 36857 h 36850"/>
              </a:gdLst>
              <a:ahLst/>
              <a:cxnLst>
                <a:cxn ang="0">
                  <a:pos x="connsiteX0" y="connsiteY0"/>
                </a:cxn>
                <a:cxn ang="0">
                  <a:pos x="connsiteX1" y="connsiteY1"/>
                </a:cxn>
              </a:cxnLst>
              <a:rect l="l" t="t" r="r" b="b"/>
              <a:pathLst>
                <a:path w="115212" h="36850">
                  <a:moveTo>
                    <a:pt x="24" y="6"/>
                  </a:moveTo>
                  <a:cubicBezTo>
                    <a:pt x="37723" y="14386"/>
                    <a:pt x="76183" y="26692"/>
                    <a:pt x="115237" y="36857"/>
                  </a:cubicBezTo>
                </a:path>
              </a:pathLst>
            </a:custGeom>
            <a:noFill/>
            <a:ln w="18628" cap="rnd">
              <a:solidFill>
                <a:srgbClr val="190B0B"/>
              </a:solidFill>
              <a:prstDash val="solid"/>
              <a:round/>
            </a:ln>
          </p:spPr>
          <p:txBody>
            <a:bodyPr rtlCol="0" anchor="ctr"/>
            <a:lstStyle/>
            <a:p>
              <a:endParaRPr lang="en-US" sz="1500"/>
            </a:p>
          </p:txBody>
        </p:sp>
        <p:sp>
          <p:nvSpPr>
            <p:cNvPr id="182" name="Freeform: Shape 181">
              <a:extLst>
                <a:ext uri="{FF2B5EF4-FFF2-40B4-BE49-F238E27FC236}">
                  <a16:creationId xmlns:a16="http://schemas.microsoft.com/office/drawing/2014/main" id="{504A87A1-F5D0-47CA-A4D9-FF9DE88EAC7D}"/>
                </a:ext>
              </a:extLst>
            </p:cNvPr>
            <p:cNvSpPr/>
            <p:nvPr/>
          </p:nvSpPr>
          <p:spPr>
            <a:xfrm>
              <a:off x="5347542" y="4243399"/>
              <a:ext cx="1288007" cy="981849"/>
            </a:xfrm>
            <a:custGeom>
              <a:avLst/>
              <a:gdLst>
                <a:gd name="connsiteX0" fmla="*/ 1058964 w 1288007"/>
                <a:gd name="connsiteY0" fmla="*/ 981856 h 981849"/>
                <a:gd name="connsiteX1" fmla="*/ 21203 w 1288007"/>
                <a:gd name="connsiteY1" fmla="*/ 317476 h 981849"/>
                <a:gd name="connsiteX2" fmla="*/ 24 w 1288007"/>
                <a:gd name="connsiteY2" fmla="*/ 281685 h 981849"/>
                <a:gd name="connsiteX3" fmla="*/ 10826 w 1288007"/>
                <a:gd name="connsiteY3" fmla="*/ 250975 h 981849"/>
                <a:gd name="connsiteX4" fmla="*/ 148911 w 1288007"/>
                <a:gd name="connsiteY4" fmla="*/ 20550 h 981849"/>
                <a:gd name="connsiteX5" fmla="*/ 168607 w 1288007"/>
                <a:gd name="connsiteY5" fmla="*/ 1489 h 981849"/>
                <a:gd name="connsiteX6" fmla="*/ 177715 w 1288007"/>
                <a:gd name="connsiteY6" fmla="*/ 6 h 981849"/>
                <a:gd name="connsiteX7" fmla="*/ 201223 w 1288007"/>
                <a:gd name="connsiteY7" fmla="*/ 7419 h 981849"/>
                <a:gd name="connsiteX8" fmla="*/ 1160834 w 1288007"/>
                <a:gd name="connsiteY8" fmla="*/ 595766 h 981849"/>
                <a:gd name="connsiteX9" fmla="*/ 1231360 w 1288007"/>
                <a:gd name="connsiteY9" fmla="*/ 643418 h 981849"/>
                <a:gd name="connsiteX10" fmla="*/ 1239831 w 1288007"/>
                <a:gd name="connsiteY10" fmla="*/ 648925 h 981849"/>
                <a:gd name="connsiteX11" fmla="*/ 1286213 w 1288007"/>
                <a:gd name="connsiteY11" fmla="*/ 687682 h 981849"/>
                <a:gd name="connsiteX12" fmla="*/ 1287907 w 1288007"/>
                <a:gd name="connsiteY12" fmla="*/ 697636 h 981849"/>
                <a:gd name="connsiteX13" fmla="*/ 1284307 w 1288007"/>
                <a:gd name="connsiteY13" fmla="*/ 707590 h 981849"/>
                <a:gd name="connsiteX14" fmla="*/ 1060447 w 1288007"/>
                <a:gd name="connsiteY14" fmla="*/ 981432 h 981849"/>
                <a:gd name="connsiteX15" fmla="*/ 1058964 w 1288007"/>
                <a:gd name="connsiteY15" fmla="*/ 981432 h 981849"/>
                <a:gd name="connsiteX16" fmla="*/ 161619 w 1288007"/>
                <a:gd name="connsiteY16" fmla="*/ 220478 h 981849"/>
                <a:gd name="connsiteX17" fmla="*/ 157595 w 1288007"/>
                <a:gd name="connsiteY17" fmla="*/ 220478 h 981849"/>
                <a:gd name="connsiteX18" fmla="*/ 136416 w 1288007"/>
                <a:gd name="connsiteY18" fmla="*/ 244410 h 981849"/>
                <a:gd name="connsiteX19" fmla="*/ 167761 w 1288007"/>
                <a:gd name="connsiteY19" fmla="*/ 269401 h 981849"/>
                <a:gd name="connsiteX20" fmla="*/ 171785 w 1288007"/>
                <a:gd name="connsiteY20" fmla="*/ 269401 h 981849"/>
                <a:gd name="connsiteX21" fmla="*/ 194022 w 1288007"/>
                <a:gd name="connsiteY21" fmla="*/ 253728 h 981849"/>
                <a:gd name="connsiteX22" fmla="*/ 194022 w 1288007"/>
                <a:gd name="connsiteY22" fmla="*/ 248645 h 981849"/>
                <a:gd name="connsiteX23" fmla="*/ 189151 w 1288007"/>
                <a:gd name="connsiteY23" fmla="*/ 240386 h 981849"/>
                <a:gd name="connsiteX24" fmla="*/ 173267 w 1288007"/>
                <a:gd name="connsiteY24" fmla="*/ 223443 h 981849"/>
                <a:gd name="connsiteX25" fmla="*/ 161619 w 1288007"/>
                <a:gd name="connsiteY25" fmla="*/ 220478 h 981849"/>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Lst>
              <a:rect l="l" t="t" r="r" b="b"/>
              <a:pathLst>
                <a:path w="1288007" h="981849">
                  <a:moveTo>
                    <a:pt x="1058964" y="981856"/>
                  </a:moveTo>
                  <a:cubicBezTo>
                    <a:pt x="1011947" y="981856"/>
                    <a:pt x="110790" y="404521"/>
                    <a:pt x="21203" y="317476"/>
                  </a:cubicBezTo>
                  <a:cubicBezTo>
                    <a:pt x="9640" y="308857"/>
                    <a:pt x="2015" y="295959"/>
                    <a:pt x="24" y="281685"/>
                  </a:cubicBezTo>
                  <a:cubicBezTo>
                    <a:pt x="490" y="270608"/>
                    <a:pt x="4260" y="259913"/>
                    <a:pt x="10826" y="250975"/>
                  </a:cubicBezTo>
                  <a:lnTo>
                    <a:pt x="148911" y="20550"/>
                  </a:lnTo>
                  <a:cubicBezTo>
                    <a:pt x="153041" y="12078"/>
                    <a:pt x="160009" y="5344"/>
                    <a:pt x="168607" y="1489"/>
                  </a:cubicBezTo>
                  <a:cubicBezTo>
                    <a:pt x="171551" y="578"/>
                    <a:pt x="174623" y="70"/>
                    <a:pt x="177715" y="6"/>
                  </a:cubicBezTo>
                  <a:cubicBezTo>
                    <a:pt x="186038" y="536"/>
                    <a:pt x="194107" y="3077"/>
                    <a:pt x="201223" y="7419"/>
                  </a:cubicBezTo>
                  <a:cubicBezTo>
                    <a:pt x="313682" y="68625"/>
                    <a:pt x="1122500" y="570986"/>
                    <a:pt x="1160834" y="595766"/>
                  </a:cubicBezTo>
                  <a:cubicBezTo>
                    <a:pt x="1185190" y="611650"/>
                    <a:pt x="1208910" y="627534"/>
                    <a:pt x="1231360" y="643418"/>
                  </a:cubicBezTo>
                  <a:lnTo>
                    <a:pt x="1239831" y="648925"/>
                  </a:lnTo>
                  <a:cubicBezTo>
                    <a:pt x="1258235" y="657841"/>
                    <a:pt x="1274162" y="671141"/>
                    <a:pt x="1286213" y="687682"/>
                  </a:cubicBezTo>
                  <a:cubicBezTo>
                    <a:pt x="1287737" y="690774"/>
                    <a:pt x="1288309" y="694226"/>
                    <a:pt x="1287907" y="697636"/>
                  </a:cubicBezTo>
                  <a:cubicBezTo>
                    <a:pt x="1287293" y="701131"/>
                    <a:pt x="1286085" y="704498"/>
                    <a:pt x="1284307" y="707590"/>
                  </a:cubicBezTo>
                  <a:cubicBezTo>
                    <a:pt x="1255927" y="759690"/>
                    <a:pt x="1114876" y="967454"/>
                    <a:pt x="1060447" y="981432"/>
                  </a:cubicBezTo>
                  <a:lnTo>
                    <a:pt x="1058964" y="981432"/>
                  </a:lnTo>
                  <a:close/>
                  <a:moveTo>
                    <a:pt x="161619" y="220478"/>
                  </a:moveTo>
                  <a:cubicBezTo>
                    <a:pt x="160285" y="220266"/>
                    <a:pt x="158929" y="220266"/>
                    <a:pt x="157595" y="220478"/>
                  </a:cubicBezTo>
                  <a:cubicBezTo>
                    <a:pt x="147641" y="223654"/>
                    <a:pt x="134510" y="238268"/>
                    <a:pt x="136416" y="244410"/>
                  </a:cubicBezTo>
                  <a:cubicBezTo>
                    <a:pt x="143320" y="256418"/>
                    <a:pt x="154524" y="265335"/>
                    <a:pt x="167761" y="269401"/>
                  </a:cubicBezTo>
                  <a:lnTo>
                    <a:pt x="171785" y="269401"/>
                  </a:lnTo>
                  <a:cubicBezTo>
                    <a:pt x="181696" y="269189"/>
                    <a:pt x="190485" y="262983"/>
                    <a:pt x="194022" y="253728"/>
                  </a:cubicBezTo>
                  <a:cubicBezTo>
                    <a:pt x="194403" y="252055"/>
                    <a:pt x="194403" y="250318"/>
                    <a:pt x="194022" y="248645"/>
                  </a:cubicBezTo>
                  <a:cubicBezTo>
                    <a:pt x="193005" y="245574"/>
                    <a:pt x="191353" y="242758"/>
                    <a:pt x="189151" y="240386"/>
                  </a:cubicBezTo>
                  <a:cubicBezTo>
                    <a:pt x="184809" y="233905"/>
                    <a:pt x="179451" y="228187"/>
                    <a:pt x="173267" y="223443"/>
                  </a:cubicBezTo>
                  <a:cubicBezTo>
                    <a:pt x="169751" y="221346"/>
                    <a:pt x="165706" y="220330"/>
                    <a:pt x="161619" y="220478"/>
                  </a:cubicBezTo>
                  <a:close/>
                </a:path>
              </a:pathLst>
            </a:custGeom>
            <a:solidFill>
              <a:srgbClr val="63D1E1"/>
            </a:solidFill>
            <a:ln w="21168" cap="flat">
              <a:noFill/>
              <a:prstDash val="solid"/>
              <a:miter/>
            </a:ln>
          </p:spPr>
          <p:txBody>
            <a:bodyPr rtlCol="0" anchor="ctr"/>
            <a:lstStyle/>
            <a:p>
              <a:endParaRPr lang="en-US" sz="1500"/>
            </a:p>
          </p:txBody>
        </p:sp>
        <p:sp>
          <p:nvSpPr>
            <p:cNvPr id="183" name="Freeform: Shape 182">
              <a:extLst>
                <a:ext uri="{FF2B5EF4-FFF2-40B4-BE49-F238E27FC236}">
                  <a16:creationId xmlns:a16="http://schemas.microsoft.com/office/drawing/2014/main" id="{D47161F1-B6B4-471F-875C-412A2CE3D9F5}"/>
                </a:ext>
              </a:extLst>
            </p:cNvPr>
            <p:cNvSpPr/>
            <p:nvPr/>
          </p:nvSpPr>
          <p:spPr>
            <a:xfrm>
              <a:off x="5337376" y="4230477"/>
              <a:ext cx="1310523" cy="1005361"/>
            </a:xfrm>
            <a:custGeom>
              <a:avLst/>
              <a:gdLst>
                <a:gd name="connsiteX0" fmla="*/ 189786 w 1310523"/>
                <a:gd name="connsiteY0" fmla="*/ 24154 h 1005361"/>
                <a:gd name="connsiteX1" fmla="*/ 207788 w 1310523"/>
                <a:gd name="connsiteY1" fmla="*/ 30296 h 1005361"/>
                <a:gd name="connsiteX2" fmla="*/ 1166764 w 1310523"/>
                <a:gd name="connsiteY2" fmla="*/ 618219 h 1005361"/>
                <a:gd name="connsiteX3" fmla="*/ 1236866 w 1310523"/>
                <a:gd name="connsiteY3" fmla="*/ 665660 h 1005361"/>
                <a:gd name="connsiteX4" fmla="*/ 1287907 w 1310523"/>
                <a:gd name="connsiteY4" fmla="*/ 705052 h 1005361"/>
                <a:gd name="connsiteX5" fmla="*/ 1287907 w 1310523"/>
                <a:gd name="connsiteY5" fmla="*/ 708865 h 1005361"/>
                <a:gd name="connsiteX6" fmla="*/ 1285577 w 1310523"/>
                <a:gd name="connsiteY6" fmla="*/ 715218 h 1005361"/>
                <a:gd name="connsiteX7" fmla="*/ 1068706 w 1310523"/>
                <a:gd name="connsiteY7" fmla="*/ 983554 h 1005361"/>
                <a:gd name="connsiteX8" fmla="*/ 1068706 w 1310523"/>
                <a:gd name="connsiteY8" fmla="*/ 983554 h 1005361"/>
                <a:gd name="connsiteX9" fmla="*/ 39840 w 1310523"/>
                <a:gd name="connsiteY9" fmla="*/ 322563 h 1005361"/>
                <a:gd name="connsiteX10" fmla="*/ 27450 w 1310523"/>
                <a:gd name="connsiteY10" fmla="*/ 275949 h 1005361"/>
                <a:gd name="connsiteX11" fmla="*/ 32004 w 1310523"/>
                <a:gd name="connsiteY11" fmla="*/ 269828 h 1005361"/>
                <a:gd name="connsiteX12" fmla="*/ 171784 w 1310523"/>
                <a:gd name="connsiteY12" fmla="*/ 39190 h 1005361"/>
                <a:gd name="connsiteX13" fmla="*/ 185550 w 1310523"/>
                <a:gd name="connsiteY13" fmla="*/ 25213 h 1005361"/>
                <a:gd name="connsiteX14" fmla="*/ 190845 w 1310523"/>
                <a:gd name="connsiteY14" fmla="*/ 24154 h 1005361"/>
                <a:gd name="connsiteX15" fmla="*/ 183432 w 1310523"/>
                <a:gd name="connsiteY15" fmla="*/ 294607 h 1005361"/>
                <a:gd name="connsiteX16" fmla="*/ 216260 w 1310523"/>
                <a:gd name="connsiteY16" fmla="*/ 271099 h 1005361"/>
                <a:gd name="connsiteX17" fmla="*/ 217318 w 1310523"/>
                <a:gd name="connsiteY17" fmla="*/ 260721 h 1005361"/>
                <a:gd name="connsiteX18" fmla="*/ 210330 w 1310523"/>
                <a:gd name="connsiteY18" fmla="*/ 247590 h 1005361"/>
                <a:gd name="connsiteX19" fmla="*/ 191904 w 1310523"/>
                <a:gd name="connsiteY19" fmla="*/ 228106 h 1005361"/>
                <a:gd name="connsiteX20" fmla="*/ 173690 w 1310523"/>
                <a:gd name="connsiteY20" fmla="*/ 222176 h 1005361"/>
                <a:gd name="connsiteX21" fmla="*/ 166066 w 1310523"/>
                <a:gd name="connsiteY21" fmla="*/ 222176 h 1005361"/>
                <a:gd name="connsiteX22" fmla="*/ 137262 w 1310523"/>
                <a:gd name="connsiteY22" fmla="*/ 259662 h 1005361"/>
                <a:gd name="connsiteX23" fmla="*/ 176867 w 1310523"/>
                <a:gd name="connsiteY23" fmla="*/ 292913 h 1005361"/>
                <a:gd name="connsiteX24" fmla="*/ 183432 w 1310523"/>
                <a:gd name="connsiteY24" fmla="*/ 292913 h 1005361"/>
                <a:gd name="connsiteX25" fmla="*/ 190845 w 1310523"/>
                <a:gd name="connsiteY25" fmla="*/ 10 h 1005361"/>
                <a:gd name="connsiteX26" fmla="*/ 178137 w 1310523"/>
                <a:gd name="connsiteY26" fmla="*/ 2128 h 1005361"/>
                <a:gd name="connsiteX27" fmla="*/ 150605 w 1310523"/>
                <a:gd name="connsiteY27" fmla="*/ 26907 h 1005361"/>
                <a:gd name="connsiteX28" fmla="*/ 12308 w 1310523"/>
                <a:gd name="connsiteY28" fmla="*/ 257544 h 1005361"/>
                <a:gd name="connsiteX29" fmla="*/ 24 w 1310523"/>
                <a:gd name="connsiteY29" fmla="*/ 294607 h 1005361"/>
                <a:gd name="connsiteX30" fmla="*/ 23532 w 1310523"/>
                <a:gd name="connsiteY30" fmla="*/ 338024 h 1005361"/>
                <a:gd name="connsiteX31" fmla="*/ 1068282 w 1310523"/>
                <a:gd name="connsiteY31" fmla="*/ 1005368 h 1005361"/>
                <a:gd name="connsiteX32" fmla="*/ 1071036 w 1310523"/>
                <a:gd name="connsiteY32" fmla="*/ 1005368 h 1005361"/>
                <a:gd name="connsiteX33" fmla="*/ 1074212 w 1310523"/>
                <a:gd name="connsiteY33" fmla="*/ 1005368 h 1005361"/>
                <a:gd name="connsiteX34" fmla="*/ 1305273 w 1310523"/>
                <a:gd name="connsiteY34" fmla="*/ 725807 h 1005361"/>
                <a:gd name="connsiteX35" fmla="*/ 1310356 w 1310523"/>
                <a:gd name="connsiteY35" fmla="*/ 711617 h 1005361"/>
                <a:gd name="connsiteX36" fmla="*/ 1307603 w 1310523"/>
                <a:gd name="connsiteY36" fmla="*/ 695522 h 1005361"/>
                <a:gd name="connsiteX37" fmla="*/ 1256985 w 1310523"/>
                <a:gd name="connsiteY37" fmla="*/ 653164 h 1005361"/>
                <a:gd name="connsiteX38" fmla="*/ 1249149 w 1310523"/>
                <a:gd name="connsiteY38" fmla="*/ 648081 h 1005361"/>
                <a:gd name="connsiteX39" fmla="*/ 1178200 w 1310523"/>
                <a:gd name="connsiteY39" fmla="*/ 600217 h 1005361"/>
                <a:gd name="connsiteX40" fmla="*/ 217742 w 1310523"/>
                <a:gd name="connsiteY40" fmla="*/ 11446 h 1005361"/>
                <a:gd name="connsiteX41" fmla="*/ 188939 w 1310523"/>
                <a:gd name="connsiteY41" fmla="*/ 2552 h 1005361"/>
                <a:gd name="connsiteX42" fmla="*/ 159924 w 1310523"/>
                <a:gd name="connsiteY42" fmla="*/ 254156 h 1005361"/>
                <a:gd name="connsiteX43" fmla="*/ 172843 w 1310523"/>
                <a:gd name="connsiteY43" fmla="*/ 242507 h 1005361"/>
                <a:gd name="connsiteX44" fmla="*/ 172843 w 1310523"/>
                <a:gd name="connsiteY44" fmla="*/ 242507 h 1005361"/>
                <a:gd name="connsiteX45" fmla="*/ 178561 w 1310523"/>
                <a:gd name="connsiteY45" fmla="*/ 244413 h 1005361"/>
                <a:gd name="connsiteX46" fmla="*/ 191692 w 1310523"/>
                <a:gd name="connsiteY46" fmla="*/ 258603 h 1005361"/>
                <a:gd name="connsiteX47" fmla="*/ 194445 w 1310523"/>
                <a:gd name="connsiteY47" fmla="*/ 262203 h 1005361"/>
                <a:gd name="connsiteX48" fmla="*/ 182797 w 1310523"/>
                <a:gd name="connsiteY48" fmla="*/ 269616 h 1005361"/>
                <a:gd name="connsiteX49" fmla="*/ 181103 w 1310523"/>
                <a:gd name="connsiteY49" fmla="*/ 269616 h 1005361"/>
                <a:gd name="connsiteX50" fmla="*/ 159924 w 1310523"/>
                <a:gd name="connsiteY50" fmla="*/ 254156 h 100536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 ang="0">
                  <a:pos x="connsiteX43" y="connsiteY43"/>
                </a:cxn>
                <a:cxn ang="0">
                  <a:pos x="connsiteX44" y="connsiteY44"/>
                </a:cxn>
                <a:cxn ang="0">
                  <a:pos x="connsiteX45" y="connsiteY45"/>
                </a:cxn>
                <a:cxn ang="0">
                  <a:pos x="connsiteX46" y="connsiteY46"/>
                </a:cxn>
                <a:cxn ang="0">
                  <a:pos x="connsiteX47" y="connsiteY47"/>
                </a:cxn>
                <a:cxn ang="0">
                  <a:pos x="connsiteX48" y="connsiteY48"/>
                </a:cxn>
                <a:cxn ang="0">
                  <a:pos x="connsiteX49" y="connsiteY49"/>
                </a:cxn>
                <a:cxn ang="0">
                  <a:pos x="connsiteX50" y="connsiteY50"/>
                </a:cxn>
              </a:cxnLst>
              <a:rect l="l" t="t" r="r" b="b"/>
              <a:pathLst>
                <a:path w="1310523" h="1005361">
                  <a:moveTo>
                    <a:pt x="189786" y="24154"/>
                  </a:moveTo>
                  <a:cubicBezTo>
                    <a:pt x="196182" y="24747"/>
                    <a:pt x="202366" y="26844"/>
                    <a:pt x="207788" y="30296"/>
                  </a:cubicBezTo>
                  <a:cubicBezTo>
                    <a:pt x="316859" y="89385"/>
                    <a:pt x="1118476" y="586662"/>
                    <a:pt x="1166764" y="618219"/>
                  </a:cubicBezTo>
                  <a:cubicBezTo>
                    <a:pt x="1190484" y="633468"/>
                    <a:pt x="1213781" y="649352"/>
                    <a:pt x="1236866" y="665660"/>
                  </a:cubicBezTo>
                  <a:cubicBezTo>
                    <a:pt x="1245125" y="671590"/>
                    <a:pt x="1282188" y="691710"/>
                    <a:pt x="1287907" y="705052"/>
                  </a:cubicBezTo>
                  <a:cubicBezTo>
                    <a:pt x="1288287" y="706302"/>
                    <a:pt x="1288287" y="707615"/>
                    <a:pt x="1287907" y="708865"/>
                  </a:cubicBezTo>
                  <a:cubicBezTo>
                    <a:pt x="1287547" y="711109"/>
                    <a:pt x="1286763" y="713269"/>
                    <a:pt x="1285577" y="715218"/>
                  </a:cubicBezTo>
                  <a:cubicBezTo>
                    <a:pt x="1253809" y="773672"/>
                    <a:pt x="1116146" y="971270"/>
                    <a:pt x="1068706" y="983554"/>
                  </a:cubicBezTo>
                  <a:lnTo>
                    <a:pt x="1068706" y="983554"/>
                  </a:lnTo>
                  <a:cubicBezTo>
                    <a:pt x="1035455" y="983554"/>
                    <a:pt x="148699" y="429304"/>
                    <a:pt x="39840" y="322563"/>
                  </a:cubicBezTo>
                  <a:cubicBezTo>
                    <a:pt x="23554" y="313117"/>
                    <a:pt x="18005" y="292256"/>
                    <a:pt x="27450" y="275949"/>
                  </a:cubicBezTo>
                  <a:cubicBezTo>
                    <a:pt x="28742" y="273746"/>
                    <a:pt x="30267" y="271692"/>
                    <a:pt x="32004" y="269828"/>
                  </a:cubicBezTo>
                  <a:lnTo>
                    <a:pt x="171784" y="39190"/>
                  </a:lnTo>
                  <a:cubicBezTo>
                    <a:pt x="174516" y="33006"/>
                    <a:pt x="179408" y="28030"/>
                    <a:pt x="185550" y="25213"/>
                  </a:cubicBezTo>
                  <a:cubicBezTo>
                    <a:pt x="187245" y="24556"/>
                    <a:pt x="189023" y="24196"/>
                    <a:pt x="190845" y="24154"/>
                  </a:cubicBezTo>
                  <a:moveTo>
                    <a:pt x="183432" y="294607"/>
                  </a:moveTo>
                  <a:cubicBezTo>
                    <a:pt x="198258" y="294522"/>
                    <a:pt x="211410" y="285098"/>
                    <a:pt x="216260" y="271099"/>
                  </a:cubicBezTo>
                  <a:cubicBezTo>
                    <a:pt x="217572" y="267816"/>
                    <a:pt x="217932" y="264215"/>
                    <a:pt x="217318" y="260721"/>
                  </a:cubicBezTo>
                  <a:cubicBezTo>
                    <a:pt x="216281" y="255765"/>
                    <a:pt x="213866" y="251212"/>
                    <a:pt x="210330" y="247590"/>
                  </a:cubicBezTo>
                  <a:cubicBezTo>
                    <a:pt x="205374" y="240072"/>
                    <a:pt x="199147" y="233464"/>
                    <a:pt x="191904" y="228106"/>
                  </a:cubicBezTo>
                  <a:cubicBezTo>
                    <a:pt x="186525" y="224420"/>
                    <a:pt x="180213" y="222366"/>
                    <a:pt x="173690" y="222176"/>
                  </a:cubicBezTo>
                  <a:cubicBezTo>
                    <a:pt x="171149" y="221858"/>
                    <a:pt x="168607" y="221858"/>
                    <a:pt x="166066" y="222176"/>
                  </a:cubicBezTo>
                  <a:cubicBezTo>
                    <a:pt x="153994" y="226200"/>
                    <a:pt x="133662" y="245048"/>
                    <a:pt x="137262" y="259662"/>
                  </a:cubicBezTo>
                  <a:cubicBezTo>
                    <a:pt x="145163" y="275864"/>
                    <a:pt x="159543" y="287936"/>
                    <a:pt x="176867" y="292913"/>
                  </a:cubicBezTo>
                  <a:cubicBezTo>
                    <a:pt x="179048" y="293125"/>
                    <a:pt x="181251" y="293125"/>
                    <a:pt x="183432" y="292913"/>
                  </a:cubicBezTo>
                  <a:moveTo>
                    <a:pt x="190845" y="10"/>
                  </a:moveTo>
                  <a:cubicBezTo>
                    <a:pt x="186525" y="-54"/>
                    <a:pt x="182204" y="666"/>
                    <a:pt x="178137" y="2128"/>
                  </a:cubicBezTo>
                  <a:cubicBezTo>
                    <a:pt x="166108" y="6533"/>
                    <a:pt x="156260" y="15407"/>
                    <a:pt x="150605" y="26907"/>
                  </a:cubicBezTo>
                  <a:lnTo>
                    <a:pt x="12308" y="257544"/>
                  </a:lnTo>
                  <a:cubicBezTo>
                    <a:pt x="4556" y="268367"/>
                    <a:pt x="278" y="281285"/>
                    <a:pt x="24" y="294607"/>
                  </a:cubicBezTo>
                  <a:cubicBezTo>
                    <a:pt x="2078" y="311529"/>
                    <a:pt x="10486" y="327053"/>
                    <a:pt x="23532" y="338024"/>
                  </a:cubicBezTo>
                  <a:cubicBezTo>
                    <a:pt x="119049" y="431422"/>
                    <a:pt x="1017242" y="1005368"/>
                    <a:pt x="1068282" y="1005368"/>
                  </a:cubicBezTo>
                  <a:lnTo>
                    <a:pt x="1071036" y="1005368"/>
                  </a:lnTo>
                  <a:lnTo>
                    <a:pt x="1074212" y="1005368"/>
                  </a:lnTo>
                  <a:cubicBezTo>
                    <a:pt x="1137749" y="988636"/>
                    <a:pt x="1286000" y="760964"/>
                    <a:pt x="1305273" y="725807"/>
                  </a:cubicBezTo>
                  <a:cubicBezTo>
                    <a:pt x="1307920" y="721466"/>
                    <a:pt x="1309657" y="716637"/>
                    <a:pt x="1310356" y="711617"/>
                  </a:cubicBezTo>
                  <a:cubicBezTo>
                    <a:pt x="1310992" y="706090"/>
                    <a:pt x="1310038" y="700520"/>
                    <a:pt x="1307603" y="695522"/>
                  </a:cubicBezTo>
                  <a:cubicBezTo>
                    <a:pt x="1294599" y="677329"/>
                    <a:pt x="1277190" y="662758"/>
                    <a:pt x="1256985" y="653164"/>
                  </a:cubicBezTo>
                  <a:cubicBezTo>
                    <a:pt x="1254275" y="651618"/>
                    <a:pt x="1251670" y="649924"/>
                    <a:pt x="1249149" y="648081"/>
                  </a:cubicBezTo>
                  <a:cubicBezTo>
                    <a:pt x="1226488" y="632197"/>
                    <a:pt x="1202768" y="615889"/>
                    <a:pt x="1178200" y="600217"/>
                  </a:cubicBezTo>
                  <a:cubicBezTo>
                    <a:pt x="1139655" y="575226"/>
                    <a:pt x="329990" y="72230"/>
                    <a:pt x="217742" y="11446"/>
                  </a:cubicBezTo>
                  <a:cubicBezTo>
                    <a:pt x="209080" y="6046"/>
                    <a:pt x="199147" y="2975"/>
                    <a:pt x="188939" y="2552"/>
                  </a:cubicBezTo>
                  <a:close/>
                  <a:moveTo>
                    <a:pt x="159924" y="254156"/>
                  </a:moveTo>
                  <a:cubicBezTo>
                    <a:pt x="163143" y="249200"/>
                    <a:pt x="167591" y="245197"/>
                    <a:pt x="172843" y="242507"/>
                  </a:cubicBezTo>
                  <a:lnTo>
                    <a:pt x="172843" y="242507"/>
                  </a:lnTo>
                  <a:cubicBezTo>
                    <a:pt x="174897" y="242528"/>
                    <a:pt x="176909" y="243185"/>
                    <a:pt x="178561" y="244413"/>
                  </a:cubicBezTo>
                  <a:cubicBezTo>
                    <a:pt x="183729" y="248352"/>
                    <a:pt x="188155" y="253160"/>
                    <a:pt x="191692" y="258603"/>
                  </a:cubicBezTo>
                  <a:lnTo>
                    <a:pt x="194445" y="262203"/>
                  </a:lnTo>
                  <a:cubicBezTo>
                    <a:pt x="192179" y="266587"/>
                    <a:pt x="187731" y="269405"/>
                    <a:pt x="182797" y="269616"/>
                  </a:cubicBezTo>
                  <a:lnTo>
                    <a:pt x="181103" y="269616"/>
                  </a:lnTo>
                  <a:cubicBezTo>
                    <a:pt x="172843" y="266355"/>
                    <a:pt x="165557" y="261017"/>
                    <a:pt x="159924" y="254156"/>
                  </a:cubicBezTo>
                  <a:close/>
                </a:path>
              </a:pathLst>
            </a:custGeom>
            <a:solidFill>
              <a:srgbClr val="190B0B"/>
            </a:solidFill>
            <a:ln w="21168" cap="flat">
              <a:noFill/>
              <a:prstDash val="solid"/>
              <a:miter/>
            </a:ln>
          </p:spPr>
          <p:txBody>
            <a:bodyPr rtlCol="0" anchor="ctr"/>
            <a:lstStyle/>
            <a:p>
              <a:endParaRPr lang="en-US" sz="1500"/>
            </a:p>
          </p:txBody>
        </p:sp>
        <p:sp>
          <p:nvSpPr>
            <p:cNvPr id="184" name="Freeform: Shape 183">
              <a:extLst>
                <a:ext uri="{FF2B5EF4-FFF2-40B4-BE49-F238E27FC236}">
                  <a16:creationId xmlns:a16="http://schemas.microsoft.com/office/drawing/2014/main" id="{26F7589F-3793-4085-8D5D-77FE49B89877}"/>
                </a:ext>
              </a:extLst>
            </p:cNvPr>
            <p:cNvSpPr/>
            <p:nvPr/>
          </p:nvSpPr>
          <p:spPr>
            <a:xfrm>
              <a:off x="6527624" y="4901425"/>
              <a:ext cx="30285" cy="44475"/>
            </a:xfrm>
            <a:custGeom>
              <a:avLst/>
              <a:gdLst>
                <a:gd name="connsiteX0" fmla="*/ 24 w 30285"/>
                <a:gd name="connsiteY0" fmla="*/ 44482 h 44475"/>
                <a:gd name="connsiteX1" fmla="*/ 30310 w 30285"/>
                <a:gd name="connsiteY1" fmla="*/ 6 h 44475"/>
              </a:gdLst>
              <a:ahLst/>
              <a:cxnLst>
                <a:cxn ang="0">
                  <a:pos x="connsiteX0" y="connsiteY0"/>
                </a:cxn>
                <a:cxn ang="0">
                  <a:pos x="connsiteX1" y="connsiteY1"/>
                </a:cxn>
              </a:cxnLst>
              <a:rect l="l" t="t" r="r" b="b"/>
              <a:pathLst>
                <a:path w="30285" h="44475">
                  <a:moveTo>
                    <a:pt x="24" y="44482"/>
                  </a:moveTo>
                  <a:lnTo>
                    <a:pt x="30310" y="6"/>
                  </a:lnTo>
                </a:path>
              </a:pathLst>
            </a:custGeom>
            <a:noFill/>
            <a:ln w="22439" cap="rnd">
              <a:solidFill>
                <a:srgbClr val="190B0B"/>
              </a:solidFill>
              <a:prstDash val="solid"/>
              <a:round/>
            </a:ln>
          </p:spPr>
          <p:txBody>
            <a:bodyPr rtlCol="0" anchor="ctr"/>
            <a:lstStyle/>
            <a:p>
              <a:endParaRPr lang="en-US" sz="1500"/>
            </a:p>
          </p:txBody>
        </p:sp>
        <p:sp>
          <p:nvSpPr>
            <p:cNvPr id="185" name="Freeform: Shape 184">
              <a:extLst>
                <a:ext uri="{FF2B5EF4-FFF2-40B4-BE49-F238E27FC236}">
                  <a16:creationId xmlns:a16="http://schemas.microsoft.com/office/drawing/2014/main" id="{24D3DBD7-706D-47AD-90F8-08E8582112CC}"/>
                </a:ext>
              </a:extLst>
            </p:cNvPr>
            <p:cNvSpPr/>
            <p:nvPr/>
          </p:nvSpPr>
          <p:spPr>
            <a:xfrm>
              <a:off x="6438250" y="4871350"/>
              <a:ext cx="74125" cy="100599"/>
            </a:xfrm>
            <a:custGeom>
              <a:avLst/>
              <a:gdLst>
                <a:gd name="connsiteX0" fmla="*/ 24 w 74125"/>
                <a:gd name="connsiteY0" fmla="*/ 100606 h 100599"/>
                <a:gd name="connsiteX1" fmla="*/ 74150 w 74125"/>
                <a:gd name="connsiteY1" fmla="*/ 6 h 100599"/>
              </a:gdLst>
              <a:ahLst/>
              <a:cxnLst>
                <a:cxn ang="0">
                  <a:pos x="connsiteX0" y="connsiteY0"/>
                </a:cxn>
                <a:cxn ang="0">
                  <a:pos x="connsiteX1" y="connsiteY1"/>
                </a:cxn>
              </a:cxnLst>
              <a:rect l="l" t="t" r="r" b="b"/>
              <a:pathLst>
                <a:path w="74125" h="100599">
                  <a:moveTo>
                    <a:pt x="24" y="100606"/>
                  </a:moveTo>
                  <a:lnTo>
                    <a:pt x="74150" y="6"/>
                  </a:lnTo>
                </a:path>
              </a:pathLst>
            </a:custGeom>
            <a:noFill/>
            <a:ln w="22439" cap="rnd">
              <a:solidFill>
                <a:srgbClr val="190B0B"/>
              </a:solidFill>
              <a:prstDash val="solid"/>
              <a:round/>
            </a:ln>
          </p:spPr>
          <p:txBody>
            <a:bodyPr rtlCol="0" anchor="ctr"/>
            <a:lstStyle/>
            <a:p>
              <a:endParaRPr lang="en-US" sz="1500"/>
            </a:p>
          </p:txBody>
        </p:sp>
        <p:sp>
          <p:nvSpPr>
            <p:cNvPr id="186" name="Freeform: Shape 185">
              <a:extLst>
                <a:ext uri="{FF2B5EF4-FFF2-40B4-BE49-F238E27FC236}">
                  <a16:creationId xmlns:a16="http://schemas.microsoft.com/office/drawing/2014/main" id="{428D6867-228C-44C9-9B19-93BAEEA99948}"/>
                </a:ext>
              </a:extLst>
            </p:cNvPr>
            <p:cNvSpPr/>
            <p:nvPr/>
          </p:nvSpPr>
          <p:spPr>
            <a:xfrm>
              <a:off x="6412624" y="4824757"/>
              <a:ext cx="30073" cy="44263"/>
            </a:xfrm>
            <a:custGeom>
              <a:avLst/>
              <a:gdLst>
                <a:gd name="connsiteX0" fmla="*/ 24 w 30073"/>
                <a:gd name="connsiteY0" fmla="*/ 44270 h 44263"/>
                <a:gd name="connsiteX1" fmla="*/ 30098 w 30073"/>
                <a:gd name="connsiteY1" fmla="*/ 6 h 44263"/>
              </a:gdLst>
              <a:ahLst/>
              <a:cxnLst>
                <a:cxn ang="0">
                  <a:pos x="connsiteX0" y="connsiteY0"/>
                </a:cxn>
                <a:cxn ang="0">
                  <a:pos x="connsiteX1" y="connsiteY1"/>
                </a:cxn>
              </a:cxnLst>
              <a:rect l="l" t="t" r="r" b="b"/>
              <a:pathLst>
                <a:path w="30073" h="44263">
                  <a:moveTo>
                    <a:pt x="24" y="44270"/>
                  </a:moveTo>
                  <a:lnTo>
                    <a:pt x="30098" y="6"/>
                  </a:lnTo>
                </a:path>
              </a:pathLst>
            </a:custGeom>
            <a:noFill/>
            <a:ln w="22439" cap="rnd">
              <a:solidFill>
                <a:srgbClr val="190B0B"/>
              </a:solidFill>
              <a:prstDash val="solid"/>
              <a:round/>
            </a:ln>
          </p:spPr>
          <p:txBody>
            <a:bodyPr rtlCol="0" anchor="ctr"/>
            <a:lstStyle/>
            <a:p>
              <a:endParaRPr lang="en-US" sz="1500"/>
            </a:p>
          </p:txBody>
        </p:sp>
        <p:sp>
          <p:nvSpPr>
            <p:cNvPr id="187" name="Freeform: Shape 186">
              <a:extLst>
                <a:ext uri="{FF2B5EF4-FFF2-40B4-BE49-F238E27FC236}">
                  <a16:creationId xmlns:a16="http://schemas.microsoft.com/office/drawing/2014/main" id="{108372CE-4C3C-46B7-A28B-DD55E4F29D02}"/>
                </a:ext>
              </a:extLst>
            </p:cNvPr>
            <p:cNvSpPr/>
            <p:nvPr/>
          </p:nvSpPr>
          <p:spPr>
            <a:xfrm>
              <a:off x="6323249" y="4794683"/>
              <a:ext cx="73913" cy="100599"/>
            </a:xfrm>
            <a:custGeom>
              <a:avLst/>
              <a:gdLst>
                <a:gd name="connsiteX0" fmla="*/ 24 w 73913"/>
                <a:gd name="connsiteY0" fmla="*/ 100606 h 100599"/>
                <a:gd name="connsiteX1" fmla="*/ 73938 w 73913"/>
                <a:gd name="connsiteY1" fmla="*/ 6 h 100599"/>
              </a:gdLst>
              <a:ahLst/>
              <a:cxnLst>
                <a:cxn ang="0">
                  <a:pos x="connsiteX0" y="connsiteY0"/>
                </a:cxn>
                <a:cxn ang="0">
                  <a:pos x="connsiteX1" y="connsiteY1"/>
                </a:cxn>
              </a:cxnLst>
              <a:rect l="l" t="t" r="r" b="b"/>
              <a:pathLst>
                <a:path w="73913" h="100599">
                  <a:moveTo>
                    <a:pt x="24" y="100606"/>
                  </a:moveTo>
                  <a:lnTo>
                    <a:pt x="73938" y="6"/>
                  </a:lnTo>
                </a:path>
              </a:pathLst>
            </a:custGeom>
            <a:noFill/>
            <a:ln w="22439" cap="rnd">
              <a:solidFill>
                <a:srgbClr val="190B0B"/>
              </a:solidFill>
              <a:prstDash val="solid"/>
              <a:round/>
            </a:ln>
          </p:spPr>
          <p:txBody>
            <a:bodyPr rtlCol="0" anchor="ctr"/>
            <a:lstStyle/>
            <a:p>
              <a:endParaRPr lang="en-US" sz="1500"/>
            </a:p>
          </p:txBody>
        </p:sp>
        <p:sp>
          <p:nvSpPr>
            <p:cNvPr id="188" name="Freeform: Shape 187">
              <a:extLst>
                <a:ext uri="{FF2B5EF4-FFF2-40B4-BE49-F238E27FC236}">
                  <a16:creationId xmlns:a16="http://schemas.microsoft.com/office/drawing/2014/main" id="{12B6E721-D5CD-4683-9DF4-B30167925CE7}"/>
                </a:ext>
              </a:extLst>
            </p:cNvPr>
            <p:cNvSpPr/>
            <p:nvPr/>
          </p:nvSpPr>
          <p:spPr>
            <a:xfrm>
              <a:off x="6297411" y="4748090"/>
              <a:ext cx="30285" cy="44263"/>
            </a:xfrm>
            <a:custGeom>
              <a:avLst/>
              <a:gdLst>
                <a:gd name="connsiteX0" fmla="*/ 24 w 30285"/>
                <a:gd name="connsiteY0" fmla="*/ 44270 h 44263"/>
                <a:gd name="connsiteX1" fmla="*/ 30310 w 30285"/>
                <a:gd name="connsiteY1" fmla="*/ 6 h 44263"/>
              </a:gdLst>
              <a:ahLst/>
              <a:cxnLst>
                <a:cxn ang="0">
                  <a:pos x="connsiteX0" y="connsiteY0"/>
                </a:cxn>
                <a:cxn ang="0">
                  <a:pos x="connsiteX1" y="connsiteY1"/>
                </a:cxn>
              </a:cxnLst>
              <a:rect l="l" t="t" r="r" b="b"/>
              <a:pathLst>
                <a:path w="30285" h="44263">
                  <a:moveTo>
                    <a:pt x="24" y="44270"/>
                  </a:moveTo>
                  <a:cubicBezTo>
                    <a:pt x="10190" y="29444"/>
                    <a:pt x="20144" y="14619"/>
                    <a:pt x="30310" y="6"/>
                  </a:cubicBezTo>
                </a:path>
              </a:pathLst>
            </a:custGeom>
            <a:noFill/>
            <a:ln w="22439" cap="rnd">
              <a:solidFill>
                <a:srgbClr val="190B0B"/>
              </a:solidFill>
              <a:prstDash val="solid"/>
              <a:round/>
            </a:ln>
          </p:spPr>
          <p:txBody>
            <a:bodyPr rtlCol="0" anchor="ctr"/>
            <a:lstStyle/>
            <a:p>
              <a:endParaRPr lang="en-US" sz="1500"/>
            </a:p>
          </p:txBody>
        </p:sp>
        <p:sp>
          <p:nvSpPr>
            <p:cNvPr id="189" name="Freeform: Shape 188">
              <a:extLst>
                <a:ext uri="{FF2B5EF4-FFF2-40B4-BE49-F238E27FC236}">
                  <a16:creationId xmlns:a16="http://schemas.microsoft.com/office/drawing/2014/main" id="{7EDEFCA0-6E05-4411-9379-CDBDFF5BFAC8}"/>
                </a:ext>
              </a:extLst>
            </p:cNvPr>
            <p:cNvSpPr/>
            <p:nvPr/>
          </p:nvSpPr>
          <p:spPr>
            <a:xfrm>
              <a:off x="6208036" y="4718016"/>
              <a:ext cx="74125" cy="100599"/>
            </a:xfrm>
            <a:custGeom>
              <a:avLst/>
              <a:gdLst>
                <a:gd name="connsiteX0" fmla="*/ 24 w 74125"/>
                <a:gd name="connsiteY0" fmla="*/ 100606 h 100599"/>
                <a:gd name="connsiteX1" fmla="*/ 74150 w 74125"/>
                <a:gd name="connsiteY1" fmla="*/ 6 h 100599"/>
              </a:gdLst>
              <a:ahLst/>
              <a:cxnLst>
                <a:cxn ang="0">
                  <a:pos x="connsiteX0" y="connsiteY0"/>
                </a:cxn>
                <a:cxn ang="0">
                  <a:pos x="connsiteX1" y="connsiteY1"/>
                </a:cxn>
              </a:cxnLst>
              <a:rect l="l" t="t" r="r" b="b"/>
              <a:pathLst>
                <a:path w="74125" h="100599">
                  <a:moveTo>
                    <a:pt x="24" y="100606"/>
                  </a:moveTo>
                  <a:lnTo>
                    <a:pt x="74150" y="6"/>
                  </a:lnTo>
                </a:path>
              </a:pathLst>
            </a:custGeom>
            <a:noFill/>
            <a:ln w="22439" cap="rnd">
              <a:solidFill>
                <a:srgbClr val="190B0B"/>
              </a:solidFill>
              <a:prstDash val="solid"/>
              <a:round/>
            </a:ln>
          </p:spPr>
          <p:txBody>
            <a:bodyPr rtlCol="0" anchor="ctr"/>
            <a:lstStyle/>
            <a:p>
              <a:endParaRPr lang="en-US" sz="1500"/>
            </a:p>
          </p:txBody>
        </p:sp>
        <p:sp>
          <p:nvSpPr>
            <p:cNvPr id="190" name="Freeform: Shape 189">
              <a:extLst>
                <a:ext uri="{FF2B5EF4-FFF2-40B4-BE49-F238E27FC236}">
                  <a16:creationId xmlns:a16="http://schemas.microsoft.com/office/drawing/2014/main" id="{30480A54-7FE7-423B-B5AE-D4EEDB8BD7DE}"/>
                </a:ext>
              </a:extLst>
            </p:cNvPr>
            <p:cNvSpPr/>
            <p:nvPr/>
          </p:nvSpPr>
          <p:spPr>
            <a:xfrm>
              <a:off x="6182410" y="4671211"/>
              <a:ext cx="30073" cy="44475"/>
            </a:xfrm>
            <a:custGeom>
              <a:avLst/>
              <a:gdLst>
                <a:gd name="connsiteX0" fmla="*/ 24 w 30073"/>
                <a:gd name="connsiteY0" fmla="*/ 44482 h 44475"/>
                <a:gd name="connsiteX1" fmla="*/ 30098 w 30073"/>
                <a:gd name="connsiteY1" fmla="*/ 6 h 44475"/>
              </a:gdLst>
              <a:ahLst/>
              <a:cxnLst>
                <a:cxn ang="0">
                  <a:pos x="connsiteX0" y="connsiteY0"/>
                </a:cxn>
                <a:cxn ang="0">
                  <a:pos x="connsiteX1" y="connsiteY1"/>
                </a:cxn>
              </a:cxnLst>
              <a:rect l="l" t="t" r="r" b="b"/>
              <a:pathLst>
                <a:path w="30073" h="44475">
                  <a:moveTo>
                    <a:pt x="24" y="44482"/>
                  </a:moveTo>
                  <a:lnTo>
                    <a:pt x="30098" y="6"/>
                  </a:lnTo>
                </a:path>
              </a:pathLst>
            </a:custGeom>
            <a:noFill/>
            <a:ln w="22439" cap="rnd">
              <a:solidFill>
                <a:srgbClr val="190B0B"/>
              </a:solidFill>
              <a:prstDash val="solid"/>
              <a:round/>
            </a:ln>
          </p:spPr>
          <p:txBody>
            <a:bodyPr rtlCol="0" anchor="ctr"/>
            <a:lstStyle/>
            <a:p>
              <a:endParaRPr lang="en-US" sz="1500"/>
            </a:p>
          </p:txBody>
        </p:sp>
        <p:sp>
          <p:nvSpPr>
            <p:cNvPr id="191" name="Freeform: Shape 190">
              <a:extLst>
                <a:ext uri="{FF2B5EF4-FFF2-40B4-BE49-F238E27FC236}">
                  <a16:creationId xmlns:a16="http://schemas.microsoft.com/office/drawing/2014/main" id="{9C35B953-80A4-43C1-955D-6017AFF5D36A}"/>
                </a:ext>
              </a:extLst>
            </p:cNvPr>
            <p:cNvSpPr/>
            <p:nvPr/>
          </p:nvSpPr>
          <p:spPr>
            <a:xfrm>
              <a:off x="6093036" y="4641137"/>
              <a:ext cx="73913" cy="100811"/>
            </a:xfrm>
            <a:custGeom>
              <a:avLst/>
              <a:gdLst>
                <a:gd name="connsiteX0" fmla="*/ 24 w 73913"/>
                <a:gd name="connsiteY0" fmla="*/ 100818 h 100811"/>
                <a:gd name="connsiteX1" fmla="*/ 73938 w 73913"/>
                <a:gd name="connsiteY1" fmla="*/ 6 h 100811"/>
              </a:gdLst>
              <a:ahLst/>
              <a:cxnLst>
                <a:cxn ang="0">
                  <a:pos x="connsiteX0" y="connsiteY0"/>
                </a:cxn>
                <a:cxn ang="0">
                  <a:pos x="connsiteX1" y="connsiteY1"/>
                </a:cxn>
              </a:cxnLst>
              <a:rect l="l" t="t" r="r" b="b"/>
              <a:pathLst>
                <a:path w="73913" h="100811">
                  <a:moveTo>
                    <a:pt x="24" y="100818"/>
                  </a:moveTo>
                  <a:lnTo>
                    <a:pt x="73938" y="6"/>
                  </a:lnTo>
                </a:path>
              </a:pathLst>
            </a:custGeom>
            <a:noFill/>
            <a:ln w="22439" cap="rnd">
              <a:solidFill>
                <a:srgbClr val="190B0B"/>
              </a:solidFill>
              <a:prstDash val="solid"/>
              <a:round/>
            </a:ln>
          </p:spPr>
          <p:txBody>
            <a:bodyPr rtlCol="0" anchor="ctr"/>
            <a:lstStyle/>
            <a:p>
              <a:endParaRPr lang="en-US" sz="1500"/>
            </a:p>
          </p:txBody>
        </p:sp>
        <p:sp>
          <p:nvSpPr>
            <p:cNvPr id="192" name="Freeform: Shape 191">
              <a:extLst>
                <a:ext uri="{FF2B5EF4-FFF2-40B4-BE49-F238E27FC236}">
                  <a16:creationId xmlns:a16="http://schemas.microsoft.com/office/drawing/2014/main" id="{EC4A3A72-1EB9-4E40-B937-732D0BB12F64}"/>
                </a:ext>
              </a:extLst>
            </p:cNvPr>
            <p:cNvSpPr/>
            <p:nvPr/>
          </p:nvSpPr>
          <p:spPr>
            <a:xfrm>
              <a:off x="6066138" y="4598356"/>
              <a:ext cx="30286" cy="44263"/>
            </a:xfrm>
            <a:custGeom>
              <a:avLst/>
              <a:gdLst>
                <a:gd name="connsiteX0" fmla="*/ 24 w 30286"/>
                <a:gd name="connsiteY0" fmla="*/ 44270 h 44263"/>
                <a:gd name="connsiteX1" fmla="*/ 30310 w 30286"/>
                <a:gd name="connsiteY1" fmla="*/ 6 h 44263"/>
              </a:gdLst>
              <a:ahLst/>
              <a:cxnLst>
                <a:cxn ang="0">
                  <a:pos x="connsiteX0" y="connsiteY0"/>
                </a:cxn>
                <a:cxn ang="0">
                  <a:pos x="connsiteX1" y="connsiteY1"/>
                </a:cxn>
              </a:cxnLst>
              <a:rect l="l" t="t" r="r" b="b"/>
              <a:pathLst>
                <a:path w="30286" h="44263">
                  <a:moveTo>
                    <a:pt x="24" y="44270"/>
                  </a:moveTo>
                  <a:lnTo>
                    <a:pt x="30310" y="6"/>
                  </a:lnTo>
                </a:path>
              </a:pathLst>
            </a:custGeom>
            <a:noFill/>
            <a:ln w="22439" cap="rnd">
              <a:solidFill>
                <a:srgbClr val="190B0B"/>
              </a:solidFill>
              <a:prstDash val="solid"/>
              <a:round/>
            </a:ln>
          </p:spPr>
          <p:txBody>
            <a:bodyPr rtlCol="0" anchor="ctr"/>
            <a:lstStyle/>
            <a:p>
              <a:endParaRPr lang="en-US" sz="1500"/>
            </a:p>
          </p:txBody>
        </p:sp>
        <p:sp>
          <p:nvSpPr>
            <p:cNvPr id="193" name="Freeform: Shape 192">
              <a:extLst>
                <a:ext uri="{FF2B5EF4-FFF2-40B4-BE49-F238E27FC236}">
                  <a16:creationId xmlns:a16="http://schemas.microsoft.com/office/drawing/2014/main" id="{FC672690-2010-40B4-AEFE-4325F71BD776}"/>
                </a:ext>
              </a:extLst>
            </p:cNvPr>
            <p:cNvSpPr/>
            <p:nvPr/>
          </p:nvSpPr>
          <p:spPr>
            <a:xfrm>
              <a:off x="5976552" y="4571459"/>
              <a:ext cx="74125" cy="100811"/>
            </a:xfrm>
            <a:custGeom>
              <a:avLst/>
              <a:gdLst>
                <a:gd name="connsiteX0" fmla="*/ 24 w 74125"/>
                <a:gd name="connsiteY0" fmla="*/ 100818 h 100811"/>
                <a:gd name="connsiteX1" fmla="*/ 74150 w 74125"/>
                <a:gd name="connsiteY1" fmla="*/ 6 h 100811"/>
              </a:gdLst>
              <a:ahLst/>
              <a:cxnLst>
                <a:cxn ang="0">
                  <a:pos x="connsiteX0" y="connsiteY0"/>
                </a:cxn>
                <a:cxn ang="0">
                  <a:pos x="connsiteX1" y="connsiteY1"/>
                </a:cxn>
              </a:cxnLst>
              <a:rect l="l" t="t" r="r" b="b"/>
              <a:pathLst>
                <a:path w="74125" h="100811">
                  <a:moveTo>
                    <a:pt x="24" y="100818"/>
                  </a:moveTo>
                  <a:lnTo>
                    <a:pt x="74150" y="6"/>
                  </a:lnTo>
                </a:path>
              </a:pathLst>
            </a:custGeom>
            <a:noFill/>
            <a:ln w="22439" cap="rnd">
              <a:solidFill>
                <a:srgbClr val="190B0B"/>
              </a:solidFill>
              <a:prstDash val="solid"/>
              <a:round/>
            </a:ln>
          </p:spPr>
          <p:txBody>
            <a:bodyPr rtlCol="0" anchor="ctr"/>
            <a:lstStyle/>
            <a:p>
              <a:endParaRPr lang="en-US" sz="1500"/>
            </a:p>
          </p:txBody>
        </p:sp>
        <p:sp>
          <p:nvSpPr>
            <p:cNvPr id="194" name="Freeform: Shape 193">
              <a:extLst>
                <a:ext uri="{FF2B5EF4-FFF2-40B4-BE49-F238E27FC236}">
                  <a16:creationId xmlns:a16="http://schemas.microsoft.com/office/drawing/2014/main" id="{CE11FC04-72D1-4A36-9A12-CB580C32EED4}"/>
                </a:ext>
              </a:extLst>
            </p:cNvPr>
            <p:cNvSpPr/>
            <p:nvPr/>
          </p:nvSpPr>
          <p:spPr>
            <a:xfrm>
              <a:off x="5948384" y="4530796"/>
              <a:ext cx="30286" cy="44263"/>
            </a:xfrm>
            <a:custGeom>
              <a:avLst/>
              <a:gdLst>
                <a:gd name="connsiteX0" fmla="*/ 24 w 30286"/>
                <a:gd name="connsiteY0" fmla="*/ 44270 h 44263"/>
                <a:gd name="connsiteX1" fmla="*/ 30310 w 30286"/>
                <a:gd name="connsiteY1" fmla="*/ 6 h 44263"/>
              </a:gdLst>
              <a:ahLst/>
              <a:cxnLst>
                <a:cxn ang="0">
                  <a:pos x="connsiteX0" y="connsiteY0"/>
                </a:cxn>
                <a:cxn ang="0">
                  <a:pos x="connsiteX1" y="connsiteY1"/>
                </a:cxn>
              </a:cxnLst>
              <a:rect l="l" t="t" r="r" b="b"/>
              <a:pathLst>
                <a:path w="30286" h="44263">
                  <a:moveTo>
                    <a:pt x="24" y="44270"/>
                  </a:moveTo>
                  <a:cubicBezTo>
                    <a:pt x="9978" y="29444"/>
                    <a:pt x="20144" y="14831"/>
                    <a:pt x="30310" y="6"/>
                  </a:cubicBezTo>
                </a:path>
              </a:pathLst>
            </a:custGeom>
            <a:noFill/>
            <a:ln w="22439" cap="rnd">
              <a:solidFill>
                <a:srgbClr val="190B0B"/>
              </a:solidFill>
              <a:prstDash val="solid"/>
              <a:round/>
            </a:ln>
          </p:spPr>
          <p:txBody>
            <a:bodyPr rtlCol="0" anchor="ctr"/>
            <a:lstStyle/>
            <a:p>
              <a:endParaRPr lang="en-US" sz="1500"/>
            </a:p>
          </p:txBody>
        </p:sp>
        <p:sp>
          <p:nvSpPr>
            <p:cNvPr id="195" name="Freeform: Shape 194">
              <a:extLst>
                <a:ext uri="{FF2B5EF4-FFF2-40B4-BE49-F238E27FC236}">
                  <a16:creationId xmlns:a16="http://schemas.microsoft.com/office/drawing/2014/main" id="{7AC469F0-58D2-4D73-A996-ED3E6679934E}"/>
                </a:ext>
              </a:extLst>
            </p:cNvPr>
            <p:cNvSpPr/>
            <p:nvPr/>
          </p:nvSpPr>
          <p:spPr>
            <a:xfrm>
              <a:off x="5854774" y="4499663"/>
              <a:ext cx="73913" cy="100599"/>
            </a:xfrm>
            <a:custGeom>
              <a:avLst/>
              <a:gdLst>
                <a:gd name="connsiteX0" fmla="*/ 24 w 73913"/>
                <a:gd name="connsiteY0" fmla="*/ 100606 h 100599"/>
                <a:gd name="connsiteX1" fmla="*/ 73938 w 73913"/>
                <a:gd name="connsiteY1" fmla="*/ 6 h 100599"/>
              </a:gdLst>
              <a:ahLst/>
              <a:cxnLst>
                <a:cxn ang="0">
                  <a:pos x="connsiteX0" y="connsiteY0"/>
                </a:cxn>
                <a:cxn ang="0">
                  <a:pos x="connsiteX1" y="connsiteY1"/>
                </a:cxn>
              </a:cxnLst>
              <a:rect l="l" t="t" r="r" b="b"/>
              <a:pathLst>
                <a:path w="73913" h="100599">
                  <a:moveTo>
                    <a:pt x="24" y="100606"/>
                  </a:moveTo>
                  <a:cubicBezTo>
                    <a:pt x="24592" y="67143"/>
                    <a:pt x="49371" y="33680"/>
                    <a:pt x="73938" y="6"/>
                  </a:cubicBezTo>
                </a:path>
              </a:pathLst>
            </a:custGeom>
            <a:noFill/>
            <a:ln w="22439" cap="rnd">
              <a:solidFill>
                <a:srgbClr val="190B0B"/>
              </a:solidFill>
              <a:prstDash val="solid"/>
              <a:round/>
            </a:ln>
          </p:spPr>
          <p:txBody>
            <a:bodyPr rtlCol="0" anchor="ctr"/>
            <a:lstStyle/>
            <a:p>
              <a:endParaRPr lang="en-US" sz="1500"/>
            </a:p>
          </p:txBody>
        </p:sp>
        <p:sp>
          <p:nvSpPr>
            <p:cNvPr id="196" name="Freeform: Shape 195">
              <a:extLst>
                <a:ext uri="{FF2B5EF4-FFF2-40B4-BE49-F238E27FC236}">
                  <a16:creationId xmlns:a16="http://schemas.microsoft.com/office/drawing/2014/main" id="{B4B549B6-AD3B-4425-9BA0-C910D1982B66}"/>
                </a:ext>
              </a:extLst>
            </p:cNvPr>
            <p:cNvSpPr/>
            <p:nvPr/>
          </p:nvSpPr>
          <p:spPr>
            <a:xfrm>
              <a:off x="5836349" y="4460482"/>
              <a:ext cx="30285" cy="44263"/>
            </a:xfrm>
            <a:custGeom>
              <a:avLst/>
              <a:gdLst>
                <a:gd name="connsiteX0" fmla="*/ 24 w 30285"/>
                <a:gd name="connsiteY0" fmla="*/ 44270 h 44263"/>
                <a:gd name="connsiteX1" fmla="*/ 30310 w 30285"/>
                <a:gd name="connsiteY1" fmla="*/ 6 h 44263"/>
              </a:gdLst>
              <a:ahLst/>
              <a:cxnLst>
                <a:cxn ang="0">
                  <a:pos x="connsiteX0" y="connsiteY0"/>
                </a:cxn>
                <a:cxn ang="0">
                  <a:pos x="connsiteX1" y="connsiteY1"/>
                </a:cxn>
              </a:cxnLst>
              <a:rect l="l" t="t" r="r" b="b"/>
              <a:pathLst>
                <a:path w="30285" h="44263">
                  <a:moveTo>
                    <a:pt x="24" y="44270"/>
                  </a:moveTo>
                  <a:cubicBezTo>
                    <a:pt x="10190" y="29445"/>
                    <a:pt x="21203" y="14832"/>
                    <a:pt x="30310" y="6"/>
                  </a:cubicBezTo>
                </a:path>
              </a:pathLst>
            </a:custGeom>
            <a:noFill/>
            <a:ln w="22439" cap="rnd">
              <a:solidFill>
                <a:srgbClr val="190B0B"/>
              </a:solidFill>
              <a:prstDash val="solid"/>
              <a:round/>
            </a:ln>
          </p:spPr>
          <p:txBody>
            <a:bodyPr rtlCol="0" anchor="ctr"/>
            <a:lstStyle/>
            <a:p>
              <a:endParaRPr lang="en-US" sz="1500"/>
            </a:p>
          </p:txBody>
        </p:sp>
        <p:sp>
          <p:nvSpPr>
            <p:cNvPr id="197" name="Freeform: Shape 196">
              <a:extLst>
                <a:ext uri="{FF2B5EF4-FFF2-40B4-BE49-F238E27FC236}">
                  <a16:creationId xmlns:a16="http://schemas.microsoft.com/office/drawing/2014/main" id="{09ADCB85-6843-41D3-A9FF-13DFD77D8CD4}"/>
                </a:ext>
              </a:extLst>
            </p:cNvPr>
            <p:cNvSpPr/>
            <p:nvPr/>
          </p:nvSpPr>
          <p:spPr>
            <a:xfrm>
              <a:off x="5735961" y="4433373"/>
              <a:ext cx="74125" cy="100811"/>
            </a:xfrm>
            <a:custGeom>
              <a:avLst/>
              <a:gdLst>
                <a:gd name="connsiteX0" fmla="*/ 24 w 74125"/>
                <a:gd name="connsiteY0" fmla="*/ 100818 h 100811"/>
                <a:gd name="connsiteX1" fmla="*/ 74150 w 74125"/>
                <a:gd name="connsiteY1" fmla="*/ 6 h 100811"/>
              </a:gdLst>
              <a:ahLst/>
              <a:cxnLst>
                <a:cxn ang="0">
                  <a:pos x="connsiteX0" y="connsiteY0"/>
                </a:cxn>
                <a:cxn ang="0">
                  <a:pos x="connsiteX1" y="connsiteY1"/>
                </a:cxn>
              </a:cxnLst>
              <a:rect l="l" t="t" r="r" b="b"/>
              <a:pathLst>
                <a:path w="74125" h="100811">
                  <a:moveTo>
                    <a:pt x="24" y="100818"/>
                  </a:moveTo>
                  <a:cubicBezTo>
                    <a:pt x="24804" y="67143"/>
                    <a:pt x="49583" y="33680"/>
                    <a:pt x="74150" y="6"/>
                  </a:cubicBezTo>
                </a:path>
              </a:pathLst>
            </a:custGeom>
            <a:noFill/>
            <a:ln w="22439" cap="rnd">
              <a:solidFill>
                <a:srgbClr val="190B0B"/>
              </a:solidFill>
              <a:prstDash val="solid"/>
              <a:round/>
            </a:ln>
          </p:spPr>
          <p:txBody>
            <a:bodyPr rtlCol="0" anchor="ctr"/>
            <a:lstStyle/>
            <a:p>
              <a:endParaRPr lang="en-US" sz="1500"/>
            </a:p>
          </p:txBody>
        </p:sp>
        <p:sp>
          <p:nvSpPr>
            <p:cNvPr id="198" name="Freeform: Shape 197">
              <a:extLst>
                <a:ext uri="{FF2B5EF4-FFF2-40B4-BE49-F238E27FC236}">
                  <a16:creationId xmlns:a16="http://schemas.microsoft.com/office/drawing/2014/main" id="{FA6C789D-DCC6-4B61-9BCB-1B81CC9B570C}"/>
                </a:ext>
              </a:extLst>
            </p:cNvPr>
            <p:cNvSpPr/>
            <p:nvPr/>
          </p:nvSpPr>
          <p:spPr>
            <a:xfrm>
              <a:off x="5710335" y="4386779"/>
              <a:ext cx="30285" cy="44264"/>
            </a:xfrm>
            <a:custGeom>
              <a:avLst/>
              <a:gdLst>
                <a:gd name="connsiteX0" fmla="*/ 24 w 30285"/>
                <a:gd name="connsiteY0" fmla="*/ 44271 h 44264"/>
                <a:gd name="connsiteX1" fmla="*/ 30310 w 30285"/>
                <a:gd name="connsiteY1" fmla="*/ 6 h 44264"/>
              </a:gdLst>
              <a:ahLst/>
              <a:cxnLst>
                <a:cxn ang="0">
                  <a:pos x="connsiteX0" y="connsiteY0"/>
                </a:cxn>
                <a:cxn ang="0">
                  <a:pos x="connsiteX1" y="connsiteY1"/>
                </a:cxn>
              </a:cxnLst>
              <a:rect l="l" t="t" r="r" b="b"/>
              <a:pathLst>
                <a:path w="30285" h="44264">
                  <a:moveTo>
                    <a:pt x="24" y="44271"/>
                  </a:moveTo>
                  <a:cubicBezTo>
                    <a:pt x="10190" y="29657"/>
                    <a:pt x="20144" y="14832"/>
                    <a:pt x="30310" y="6"/>
                  </a:cubicBezTo>
                </a:path>
              </a:pathLst>
            </a:custGeom>
            <a:noFill/>
            <a:ln w="22439" cap="rnd">
              <a:solidFill>
                <a:srgbClr val="190B0B"/>
              </a:solidFill>
              <a:prstDash val="solid"/>
              <a:round/>
            </a:ln>
          </p:spPr>
          <p:txBody>
            <a:bodyPr rtlCol="0" anchor="ctr"/>
            <a:lstStyle/>
            <a:p>
              <a:endParaRPr lang="en-US" sz="1500"/>
            </a:p>
          </p:txBody>
        </p:sp>
        <p:sp>
          <p:nvSpPr>
            <p:cNvPr id="199" name="Freeform: Shape 198">
              <a:extLst>
                <a:ext uri="{FF2B5EF4-FFF2-40B4-BE49-F238E27FC236}">
                  <a16:creationId xmlns:a16="http://schemas.microsoft.com/office/drawing/2014/main" id="{337BB92F-F282-4442-A7B3-32F0432ECDCD}"/>
                </a:ext>
              </a:extLst>
            </p:cNvPr>
            <p:cNvSpPr/>
            <p:nvPr/>
          </p:nvSpPr>
          <p:spPr>
            <a:xfrm>
              <a:off x="5620960" y="4356706"/>
              <a:ext cx="74125" cy="100599"/>
            </a:xfrm>
            <a:custGeom>
              <a:avLst/>
              <a:gdLst>
                <a:gd name="connsiteX0" fmla="*/ 24 w 74125"/>
                <a:gd name="connsiteY0" fmla="*/ 100606 h 100599"/>
                <a:gd name="connsiteX1" fmla="*/ 74150 w 74125"/>
                <a:gd name="connsiteY1" fmla="*/ 6 h 100599"/>
              </a:gdLst>
              <a:ahLst/>
              <a:cxnLst>
                <a:cxn ang="0">
                  <a:pos x="connsiteX0" y="connsiteY0"/>
                </a:cxn>
                <a:cxn ang="0">
                  <a:pos x="connsiteX1" y="connsiteY1"/>
                </a:cxn>
              </a:cxnLst>
              <a:rect l="l" t="t" r="r" b="b"/>
              <a:pathLst>
                <a:path w="74125" h="100599">
                  <a:moveTo>
                    <a:pt x="24" y="100606"/>
                  </a:moveTo>
                  <a:lnTo>
                    <a:pt x="74150" y="6"/>
                  </a:lnTo>
                </a:path>
              </a:pathLst>
            </a:custGeom>
            <a:noFill/>
            <a:ln w="22439" cap="rnd">
              <a:solidFill>
                <a:srgbClr val="190B0B"/>
              </a:solidFill>
              <a:prstDash val="solid"/>
              <a:round/>
            </a:ln>
          </p:spPr>
          <p:txBody>
            <a:bodyPr rtlCol="0" anchor="ctr"/>
            <a:lstStyle/>
            <a:p>
              <a:endParaRPr lang="en-US" sz="1500"/>
            </a:p>
          </p:txBody>
        </p:sp>
        <p:sp>
          <p:nvSpPr>
            <p:cNvPr id="200" name="Freeform: Shape 199">
              <a:extLst>
                <a:ext uri="{FF2B5EF4-FFF2-40B4-BE49-F238E27FC236}">
                  <a16:creationId xmlns:a16="http://schemas.microsoft.com/office/drawing/2014/main" id="{37E33A30-A369-4B25-A57B-BED2264D63E1}"/>
                </a:ext>
              </a:extLst>
            </p:cNvPr>
            <p:cNvSpPr/>
            <p:nvPr/>
          </p:nvSpPr>
          <p:spPr>
            <a:xfrm>
              <a:off x="5595334" y="4310112"/>
              <a:ext cx="30073" cy="44263"/>
            </a:xfrm>
            <a:custGeom>
              <a:avLst/>
              <a:gdLst>
                <a:gd name="connsiteX0" fmla="*/ 24 w 30073"/>
                <a:gd name="connsiteY0" fmla="*/ 44270 h 44263"/>
                <a:gd name="connsiteX1" fmla="*/ 30098 w 30073"/>
                <a:gd name="connsiteY1" fmla="*/ 6 h 44263"/>
              </a:gdLst>
              <a:ahLst/>
              <a:cxnLst>
                <a:cxn ang="0">
                  <a:pos x="connsiteX0" y="connsiteY0"/>
                </a:cxn>
                <a:cxn ang="0">
                  <a:pos x="connsiteX1" y="connsiteY1"/>
                </a:cxn>
              </a:cxnLst>
              <a:rect l="l" t="t" r="r" b="b"/>
              <a:pathLst>
                <a:path w="30073" h="44263">
                  <a:moveTo>
                    <a:pt x="24" y="44270"/>
                  </a:moveTo>
                  <a:lnTo>
                    <a:pt x="30098" y="6"/>
                  </a:lnTo>
                </a:path>
              </a:pathLst>
            </a:custGeom>
            <a:noFill/>
            <a:ln w="22439" cap="rnd">
              <a:solidFill>
                <a:srgbClr val="190B0B"/>
              </a:solidFill>
              <a:prstDash val="solid"/>
              <a:round/>
            </a:ln>
          </p:spPr>
          <p:txBody>
            <a:bodyPr rtlCol="0" anchor="ctr"/>
            <a:lstStyle/>
            <a:p>
              <a:endParaRPr lang="en-US" sz="1500"/>
            </a:p>
          </p:txBody>
        </p:sp>
      </p:grpSp>
      <p:sp>
        <p:nvSpPr>
          <p:cNvPr id="202" name="TextBox 201">
            <a:extLst>
              <a:ext uri="{FF2B5EF4-FFF2-40B4-BE49-F238E27FC236}">
                <a16:creationId xmlns:a16="http://schemas.microsoft.com/office/drawing/2014/main" id="{20535504-F849-F84B-9945-58F5CD014F90}"/>
              </a:ext>
            </a:extLst>
          </p:cNvPr>
          <p:cNvSpPr txBox="1"/>
          <p:nvPr/>
        </p:nvSpPr>
        <p:spPr>
          <a:xfrm>
            <a:off x="1759264" y="2502113"/>
            <a:ext cx="2941691" cy="473976"/>
          </a:xfrm>
          <a:prstGeom prst="rect">
            <a:avLst/>
          </a:prstGeom>
          <a:noFill/>
        </p:spPr>
        <p:txBody>
          <a:bodyPr wrap="square">
            <a:spAutoFit/>
          </a:bodyPr>
          <a:lstStyle/>
          <a:p>
            <a:r>
              <a:rPr lang="en-US" sz="2480" dirty="0">
                <a:solidFill>
                  <a:schemeClr val="accent5">
                    <a:lumMod val="75000"/>
                  </a:schemeClr>
                </a:solidFill>
                <a:latin typeface="Times New Roman" panose="02020603050405020304" pitchFamily="18" charset="0"/>
                <a:cs typeface="Times New Roman" panose="02020603050405020304" pitchFamily="18" charset="0"/>
              </a:rPr>
              <a:t>Xem lại nội dung bài</a:t>
            </a:r>
          </a:p>
        </p:txBody>
      </p:sp>
      <p:sp>
        <p:nvSpPr>
          <p:cNvPr id="203" name="TextBox 202">
            <a:extLst>
              <a:ext uri="{FF2B5EF4-FFF2-40B4-BE49-F238E27FC236}">
                <a16:creationId xmlns:a16="http://schemas.microsoft.com/office/drawing/2014/main" id="{FCDDAEB7-8ED1-334C-A6BE-F8D8BCC1CA67}"/>
              </a:ext>
            </a:extLst>
          </p:cNvPr>
          <p:cNvSpPr txBox="1"/>
          <p:nvPr/>
        </p:nvSpPr>
        <p:spPr>
          <a:xfrm>
            <a:off x="1442828" y="4262182"/>
            <a:ext cx="3529373" cy="855619"/>
          </a:xfrm>
          <a:prstGeom prst="rect">
            <a:avLst/>
          </a:prstGeom>
          <a:noFill/>
        </p:spPr>
        <p:txBody>
          <a:bodyPr wrap="square">
            <a:spAutoFit/>
          </a:bodyPr>
          <a:lstStyle/>
          <a:p>
            <a:pPr algn="ctr"/>
            <a:r>
              <a:rPr lang="en-US" sz="2480" dirty="0">
                <a:solidFill>
                  <a:srgbClr val="002060"/>
                </a:solidFill>
                <a:latin typeface="Times New Roman" panose="02020603050405020304" pitchFamily="18" charset="0"/>
                <a:cs typeface="Times New Roman" panose="02020603050405020304" pitchFamily="18" charset="0"/>
              </a:rPr>
              <a:t>Làm bài tập phần câu hỏi tự kiểm tra</a:t>
            </a:r>
          </a:p>
        </p:txBody>
      </p:sp>
    </p:spTree>
    <p:custDataLst>
      <p:tags r:id="rId1"/>
    </p:custDataLst>
    <p:extLst>
      <p:ext uri="{BB962C8B-B14F-4D97-AF65-F5344CB8AC3E}">
        <p14:creationId xmlns:p14="http://schemas.microsoft.com/office/powerpoint/2010/main" val="3603409602"/>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A picture containing toy, doll, vector graphics&#10;&#10;Description automatically generated">
            <a:extLst>
              <a:ext uri="{FF2B5EF4-FFF2-40B4-BE49-F238E27FC236}">
                <a16:creationId xmlns:a16="http://schemas.microsoft.com/office/drawing/2014/main" id="{06CDEDB2-CF8D-044C-92EE-49797B72E8A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3494" y="851700"/>
            <a:ext cx="4798521" cy="5195259"/>
          </a:xfrm>
          <a:prstGeom prst="rect">
            <a:avLst/>
          </a:prstGeom>
        </p:spPr>
      </p:pic>
      <p:sp>
        <p:nvSpPr>
          <p:cNvPr id="197" name="TextBox 196">
            <a:extLst>
              <a:ext uri="{FF2B5EF4-FFF2-40B4-BE49-F238E27FC236}">
                <a16:creationId xmlns:a16="http://schemas.microsoft.com/office/drawing/2014/main" id="{BFCBF72A-FED6-2A47-B82E-D81724B5748A}"/>
              </a:ext>
            </a:extLst>
          </p:cNvPr>
          <p:cNvSpPr txBox="1"/>
          <p:nvPr/>
        </p:nvSpPr>
        <p:spPr>
          <a:xfrm>
            <a:off x="3696026" y="1508161"/>
            <a:ext cx="6476673" cy="1200329"/>
          </a:xfrm>
          <a:prstGeom prst="rect">
            <a:avLst/>
          </a:prstGeom>
          <a:noFill/>
        </p:spPr>
        <p:txBody>
          <a:bodyPr wrap="square">
            <a:spAutoFit/>
          </a:bodyPr>
          <a:lstStyle/>
          <a:p>
            <a:pPr algn="ctr"/>
            <a:r>
              <a:rPr lang="en-VN" sz="4000" b="1">
                <a:solidFill>
                  <a:srgbClr val="FF0000"/>
                </a:solidFill>
                <a:latin typeface="Times New Roman" panose="02020603050405020304" pitchFamily="18" charset="0"/>
                <a:cs typeface="Times New Roman" panose="02020603050405020304" pitchFamily="18" charset="0"/>
              </a:rPr>
              <a:t>Link luyện tập – củng cố: </a:t>
            </a:r>
          </a:p>
          <a:p>
            <a:pPr lvl="4" algn="ctr"/>
            <a:r>
              <a:rPr lang="vi-VN" sz="3200">
                <a:latin typeface="Times New Roman" panose="02020603050405020304" pitchFamily="18" charset="0"/>
                <a:cs typeface="Times New Roman" panose="02020603050405020304" pitchFamily="18" charset="0"/>
              </a:rPr>
              <a:t>https://myaloha.vn/ct/J8PZHH </a:t>
            </a:r>
            <a:endParaRPr lang="en-VN" sz="4800" b="1">
              <a:latin typeface="Times New Roman" panose="02020603050405020304" pitchFamily="18" charset="0"/>
              <a:cs typeface="Times New Roman" panose="02020603050405020304" pitchFamily="18" charset="0"/>
            </a:endParaRPr>
          </a:p>
        </p:txBody>
      </p:sp>
      <p:pic>
        <p:nvPicPr>
          <p:cNvPr id="2" name="Hình ảnh 1" descr="Ảnh có chứa mẫu, hình vuông, điểm ảnh, thiết kế&#10;&#10;Mô tả được tạo tự động">
            <a:extLst>
              <a:ext uri="{FF2B5EF4-FFF2-40B4-BE49-F238E27FC236}">
                <a16:creationId xmlns:a16="http://schemas.microsoft.com/office/drawing/2014/main" id="{935E1F11-4DAE-7315-874D-9EC274211BB4}"/>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711184" y="2598103"/>
            <a:ext cx="2783363" cy="2923148"/>
          </a:xfrm>
          <a:prstGeom prst="rect">
            <a:avLst/>
          </a:prstGeom>
        </p:spPr>
      </p:pic>
    </p:spTree>
    <p:custDataLst>
      <p:tags r:id="rId1"/>
    </p:custDataLst>
    <p:extLst>
      <p:ext uri="{BB962C8B-B14F-4D97-AF65-F5344CB8AC3E}">
        <p14:creationId xmlns:p14="http://schemas.microsoft.com/office/powerpoint/2010/main" val="3207566024"/>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9" presetClass="entr" presetSubtype="0" fill="hold" grpId="0" nodeType="clickEffect">
                                  <p:stCondLst>
                                    <p:cond delay="0"/>
                                  </p:stCondLst>
                                  <p:childTnLst>
                                    <p:set>
                                      <p:cBhvr>
                                        <p:cTn id="6" dur="1" fill="hold">
                                          <p:stCondLst>
                                            <p:cond delay="0"/>
                                          </p:stCondLst>
                                        </p:cTn>
                                        <p:tgtEl>
                                          <p:spTgt spid="197"/>
                                        </p:tgtEl>
                                        <p:attrNameLst>
                                          <p:attrName>style.visibility</p:attrName>
                                        </p:attrNameLst>
                                      </p:cBhvr>
                                      <p:to>
                                        <p:strVal val="visible"/>
                                      </p:to>
                                    </p:set>
                                    <p:animEffect transition="in" filter="dissolve">
                                      <p:cBhvr>
                                        <p:cTn id="7" dur="500"/>
                                        <p:tgtEl>
                                          <p:spTgt spid="19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97"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1" name="Bảng 10">
            <a:extLst>
              <a:ext uri="{FF2B5EF4-FFF2-40B4-BE49-F238E27FC236}">
                <a16:creationId xmlns:a16="http://schemas.microsoft.com/office/drawing/2014/main" id="{3743DFE4-CF90-D707-8E9D-6B04CB9550AC}"/>
              </a:ext>
            </a:extLst>
          </p:cNvPr>
          <p:cNvGraphicFramePr>
            <a:graphicFrameLocks noGrp="1"/>
          </p:cNvGraphicFramePr>
          <p:nvPr>
            <p:extLst>
              <p:ext uri="{D42A27DB-BD31-4B8C-83A1-F6EECF244321}">
                <p14:modId xmlns:p14="http://schemas.microsoft.com/office/powerpoint/2010/main" val="3667599698"/>
              </p:ext>
            </p:extLst>
          </p:nvPr>
        </p:nvGraphicFramePr>
        <p:xfrm>
          <a:off x="3512090" y="1475505"/>
          <a:ext cx="3599922" cy="518160"/>
        </p:xfrm>
        <a:graphic>
          <a:graphicData uri="http://schemas.openxmlformats.org/drawingml/2006/table">
            <a:tbl>
              <a:tblPr firstRow="1" bandRow="1">
                <a:tableStyleId>{19CC070B-6319-49F3-BE82-D27F163C84C2}</a:tableStyleId>
              </a:tblPr>
              <a:tblGrid>
                <a:gridCol w="599987">
                  <a:extLst>
                    <a:ext uri="{9D8B030D-6E8A-4147-A177-3AD203B41FA5}">
                      <a16:colId xmlns:a16="http://schemas.microsoft.com/office/drawing/2014/main" val="1347968068"/>
                    </a:ext>
                  </a:extLst>
                </a:gridCol>
                <a:gridCol w="599987">
                  <a:extLst>
                    <a:ext uri="{9D8B030D-6E8A-4147-A177-3AD203B41FA5}">
                      <a16:colId xmlns:a16="http://schemas.microsoft.com/office/drawing/2014/main" val="2762455014"/>
                    </a:ext>
                  </a:extLst>
                </a:gridCol>
                <a:gridCol w="599987">
                  <a:extLst>
                    <a:ext uri="{9D8B030D-6E8A-4147-A177-3AD203B41FA5}">
                      <a16:colId xmlns:a16="http://schemas.microsoft.com/office/drawing/2014/main" val="279753071"/>
                    </a:ext>
                  </a:extLst>
                </a:gridCol>
                <a:gridCol w="599987">
                  <a:extLst>
                    <a:ext uri="{9D8B030D-6E8A-4147-A177-3AD203B41FA5}">
                      <a16:colId xmlns:a16="http://schemas.microsoft.com/office/drawing/2014/main" val="2999254410"/>
                    </a:ext>
                  </a:extLst>
                </a:gridCol>
                <a:gridCol w="599987">
                  <a:extLst>
                    <a:ext uri="{9D8B030D-6E8A-4147-A177-3AD203B41FA5}">
                      <a16:colId xmlns:a16="http://schemas.microsoft.com/office/drawing/2014/main" val="2354253487"/>
                    </a:ext>
                  </a:extLst>
                </a:gridCol>
                <a:gridCol w="599987">
                  <a:extLst>
                    <a:ext uri="{9D8B030D-6E8A-4147-A177-3AD203B41FA5}">
                      <a16:colId xmlns:a16="http://schemas.microsoft.com/office/drawing/2014/main" val="3869343015"/>
                    </a:ext>
                  </a:extLst>
                </a:gridCol>
              </a:tblGrid>
              <a:tr h="478465">
                <a:tc>
                  <a:txBody>
                    <a:bodyPr/>
                    <a:lstStyle/>
                    <a:p>
                      <a:pPr algn="ctr"/>
                      <a:r>
                        <a:rPr lang="en-US" sz="2800">
                          <a:latin typeface="Times New Roman" panose="02020603050405020304" pitchFamily="18" charset="0"/>
                          <a:cs typeface="Times New Roman" panose="02020603050405020304" pitchFamily="18" charset="0"/>
                        </a:rPr>
                        <a:t>S</a:t>
                      </a:r>
                    </a:p>
                  </a:txBody>
                  <a:tcPr>
                    <a:solidFill>
                      <a:schemeClr val="bg1">
                        <a:lumMod val="90000"/>
                      </a:schemeClr>
                    </a:solidFill>
                  </a:tcPr>
                </a:tc>
                <a:tc>
                  <a:txBody>
                    <a:bodyPr/>
                    <a:lstStyle/>
                    <a:p>
                      <a:pPr algn="ctr"/>
                      <a:r>
                        <a:rPr lang="en-US" sz="2800" b="1">
                          <a:solidFill>
                            <a:srgbClr val="FF0000"/>
                          </a:solidFill>
                          <a:latin typeface="Times New Roman" panose="02020603050405020304" pitchFamily="18" charset="0"/>
                          <a:cs typeface="Times New Roman" panose="02020603050405020304" pitchFamily="18" charset="0"/>
                        </a:rPr>
                        <a:t>W</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I</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T</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C</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H</a:t>
                      </a:r>
                    </a:p>
                  </a:txBody>
                  <a:tcPr>
                    <a:solidFill>
                      <a:schemeClr val="bg1">
                        <a:lumMod val="90000"/>
                      </a:schemeClr>
                    </a:solidFill>
                  </a:tcPr>
                </a:tc>
                <a:extLst>
                  <a:ext uri="{0D108BD9-81ED-4DB2-BD59-A6C34878D82A}">
                    <a16:rowId xmlns:a16="http://schemas.microsoft.com/office/drawing/2014/main" val="2778025491"/>
                  </a:ext>
                </a:extLst>
              </a:tr>
            </a:tbl>
          </a:graphicData>
        </a:graphic>
      </p:graphicFrame>
      <p:graphicFrame>
        <p:nvGraphicFramePr>
          <p:cNvPr id="13" name="Bảng 12">
            <a:extLst>
              <a:ext uri="{FF2B5EF4-FFF2-40B4-BE49-F238E27FC236}">
                <a16:creationId xmlns:a16="http://schemas.microsoft.com/office/drawing/2014/main" id="{C8A0CBBB-D689-46A9-FAB3-F6AD5F269840}"/>
              </a:ext>
            </a:extLst>
          </p:cNvPr>
          <p:cNvGraphicFramePr>
            <a:graphicFrameLocks noGrp="1"/>
          </p:cNvGraphicFramePr>
          <p:nvPr>
            <p:extLst>
              <p:ext uri="{D42A27DB-BD31-4B8C-83A1-F6EECF244321}">
                <p14:modId xmlns:p14="http://schemas.microsoft.com/office/powerpoint/2010/main" val="2282641045"/>
              </p:ext>
            </p:extLst>
          </p:nvPr>
        </p:nvGraphicFramePr>
        <p:xfrm>
          <a:off x="4117108" y="2493393"/>
          <a:ext cx="1816081" cy="518160"/>
        </p:xfrm>
        <a:graphic>
          <a:graphicData uri="http://schemas.openxmlformats.org/drawingml/2006/table">
            <a:tbl>
              <a:tblPr firstRow="1" bandRow="1">
                <a:tableStyleId>{19CC070B-6319-49F3-BE82-D27F163C84C2}</a:tableStyleId>
              </a:tblPr>
              <a:tblGrid>
                <a:gridCol w="599987">
                  <a:extLst>
                    <a:ext uri="{9D8B030D-6E8A-4147-A177-3AD203B41FA5}">
                      <a16:colId xmlns:a16="http://schemas.microsoft.com/office/drawing/2014/main" val="1347968068"/>
                    </a:ext>
                  </a:extLst>
                </a:gridCol>
                <a:gridCol w="599987">
                  <a:extLst>
                    <a:ext uri="{9D8B030D-6E8A-4147-A177-3AD203B41FA5}">
                      <a16:colId xmlns:a16="http://schemas.microsoft.com/office/drawing/2014/main" val="2762455014"/>
                    </a:ext>
                  </a:extLst>
                </a:gridCol>
                <a:gridCol w="616107">
                  <a:extLst>
                    <a:ext uri="{9D8B030D-6E8A-4147-A177-3AD203B41FA5}">
                      <a16:colId xmlns:a16="http://schemas.microsoft.com/office/drawing/2014/main" val="279753071"/>
                    </a:ext>
                  </a:extLst>
                </a:gridCol>
              </a:tblGrid>
              <a:tr h="478465">
                <a:tc>
                  <a:txBody>
                    <a:bodyPr/>
                    <a:lstStyle/>
                    <a:p>
                      <a:pPr algn="ctr"/>
                      <a:r>
                        <a:rPr lang="en-US" sz="2800" b="1">
                          <a:solidFill>
                            <a:srgbClr val="FF0000"/>
                          </a:solidFill>
                          <a:latin typeface="Times New Roman" panose="02020603050405020304" pitchFamily="18" charset="0"/>
                          <a:cs typeface="Times New Roman" panose="02020603050405020304" pitchFamily="18" charset="0"/>
                        </a:rPr>
                        <a:t>B</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I</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T</a:t>
                      </a:r>
                    </a:p>
                  </a:txBody>
                  <a:tcPr>
                    <a:solidFill>
                      <a:schemeClr val="bg1">
                        <a:lumMod val="90000"/>
                      </a:schemeClr>
                    </a:solidFill>
                  </a:tcPr>
                </a:tc>
                <a:extLst>
                  <a:ext uri="{0D108BD9-81ED-4DB2-BD59-A6C34878D82A}">
                    <a16:rowId xmlns:a16="http://schemas.microsoft.com/office/drawing/2014/main" val="2778025491"/>
                  </a:ext>
                </a:extLst>
              </a:tr>
            </a:tbl>
          </a:graphicData>
        </a:graphic>
      </p:graphicFrame>
      <p:graphicFrame>
        <p:nvGraphicFramePr>
          <p:cNvPr id="14" name="Bảng 13">
            <a:extLst>
              <a:ext uri="{FF2B5EF4-FFF2-40B4-BE49-F238E27FC236}">
                <a16:creationId xmlns:a16="http://schemas.microsoft.com/office/drawing/2014/main" id="{473A1831-B599-D5CA-F5E6-E408BE9BE75C}"/>
              </a:ext>
            </a:extLst>
          </p:cNvPr>
          <p:cNvGraphicFramePr>
            <a:graphicFrameLocks noGrp="1"/>
          </p:cNvGraphicFramePr>
          <p:nvPr>
            <p:extLst>
              <p:ext uri="{D42A27DB-BD31-4B8C-83A1-F6EECF244321}">
                <p14:modId xmlns:p14="http://schemas.microsoft.com/office/powerpoint/2010/main" val="1771480876"/>
              </p:ext>
            </p:extLst>
          </p:nvPr>
        </p:nvGraphicFramePr>
        <p:xfrm>
          <a:off x="4109523" y="3016293"/>
          <a:ext cx="5684390" cy="518160"/>
        </p:xfrm>
        <a:graphic>
          <a:graphicData uri="http://schemas.openxmlformats.org/drawingml/2006/table">
            <a:tbl>
              <a:tblPr firstRow="1" bandRow="1">
                <a:tableStyleId>{19CC070B-6319-49F3-BE82-D27F163C84C2}</a:tableStyleId>
              </a:tblPr>
              <a:tblGrid>
                <a:gridCol w="602029">
                  <a:extLst>
                    <a:ext uri="{9D8B030D-6E8A-4147-A177-3AD203B41FA5}">
                      <a16:colId xmlns:a16="http://schemas.microsoft.com/office/drawing/2014/main" val="3052064507"/>
                    </a:ext>
                  </a:extLst>
                </a:gridCol>
                <a:gridCol w="606056">
                  <a:extLst>
                    <a:ext uri="{9D8B030D-6E8A-4147-A177-3AD203B41FA5}">
                      <a16:colId xmlns:a16="http://schemas.microsoft.com/office/drawing/2014/main" val="2208096451"/>
                    </a:ext>
                  </a:extLst>
                </a:gridCol>
                <a:gridCol w="606056">
                  <a:extLst>
                    <a:ext uri="{9D8B030D-6E8A-4147-A177-3AD203B41FA5}">
                      <a16:colId xmlns:a16="http://schemas.microsoft.com/office/drawing/2014/main" val="1902766870"/>
                    </a:ext>
                  </a:extLst>
                </a:gridCol>
                <a:gridCol w="600961">
                  <a:extLst>
                    <a:ext uri="{9D8B030D-6E8A-4147-A177-3AD203B41FA5}">
                      <a16:colId xmlns:a16="http://schemas.microsoft.com/office/drawing/2014/main" val="238112333"/>
                    </a:ext>
                  </a:extLst>
                </a:gridCol>
                <a:gridCol w="600075">
                  <a:extLst>
                    <a:ext uri="{9D8B030D-6E8A-4147-A177-3AD203B41FA5}">
                      <a16:colId xmlns:a16="http://schemas.microsoft.com/office/drawing/2014/main" val="464580656"/>
                    </a:ext>
                  </a:extLst>
                </a:gridCol>
                <a:gridCol w="523875">
                  <a:extLst>
                    <a:ext uri="{9D8B030D-6E8A-4147-A177-3AD203B41FA5}">
                      <a16:colId xmlns:a16="http://schemas.microsoft.com/office/drawing/2014/main" val="169265695"/>
                    </a:ext>
                  </a:extLst>
                </a:gridCol>
                <a:gridCol w="603619">
                  <a:extLst>
                    <a:ext uri="{9D8B030D-6E8A-4147-A177-3AD203B41FA5}">
                      <a16:colId xmlns:a16="http://schemas.microsoft.com/office/drawing/2014/main" val="4045120790"/>
                    </a:ext>
                  </a:extLst>
                </a:gridCol>
                <a:gridCol w="595423">
                  <a:extLst>
                    <a:ext uri="{9D8B030D-6E8A-4147-A177-3AD203B41FA5}">
                      <a16:colId xmlns:a16="http://schemas.microsoft.com/office/drawing/2014/main" val="1581222416"/>
                    </a:ext>
                  </a:extLst>
                </a:gridCol>
                <a:gridCol w="467833">
                  <a:extLst>
                    <a:ext uri="{9D8B030D-6E8A-4147-A177-3AD203B41FA5}">
                      <a16:colId xmlns:a16="http://schemas.microsoft.com/office/drawing/2014/main" val="211236436"/>
                    </a:ext>
                  </a:extLst>
                </a:gridCol>
                <a:gridCol w="478463">
                  <a:extLst>
                    <a:ext uri="{9D8B030D-6E8A-4147-A177-3AD203B41FA5}">
                      <a16:colId xmlns:a16="http://schemas.microsoft.com/office/drawing/2014/main" val="1530065913"/>
                    </a:ext>
                  </a:extLst>
                </a:gridCol>
              </a:tblGrid>
              <a:tr h="504516">
                <a:tc>
                  <a:txBody>
                    <a:bodyPr/>
                    <a:lstStyle/>
                    <a:p>
                      <a:pPr algn="ctr"/>
                      <a:r>
                        <a:rPr lang="en-US" sz="2800" b="1">
                          <a:solidFill>
                            <a:srgbClr val="FF0000"/>
                          </a:solidFill>
                          <a:latin typeface="Times New Roman" panose="02020603050405020304" pitchFamily="18" charset="0"/>
                          <a:cs typeface="Times New Roman" panose="02020603050405020304" pitchFamily="18" charset="0"/>
                        </a:rPr>
                        <a:t>S</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O</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N</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G</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D</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I</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E</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N</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T</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U</a:t>
                      </a:r>
                    </a:p>
                  </a:txBody>
                  <a:tcPr>
                    <a:solidFill>
                      <a:schemeClr val="bg1">
                        <a:lumMod val="90000"/>
                      </a:schemeClr>
                    </a:solidFill>
                  </a:tcPr>
                </a:tc>
                <a:extLst>
                  <a:ext uri="{0D108BD9-81ED-4DB2-BD59-A6C34878D82A}">
                    <a16:rowId xmlns:a16="http://schemas.microsoft.com/office/drawing/2014/main" val="1344447443"/>
                  </a:ext>
                </a:extLst>
              </a:tr>
            </a:tbl>
          </a:graphicData>
        </a:graphic>
      </p:graphicFrame>
      <p:graphicFrame>
        <p:nvGraphicFramePr>
          <p:cNvPr id="15" name="Bảng 14">
            <a:extLst>
              <a:ext uri="{FF2B5EF4-FFF2-40B4-BE49-F238E27FC236}">
                <a16:creationId xmlns:a16="http://schemas.microsoft.com/office/drawing/2014/main" id="{326E0794-C3CB-3A0C-7B57-18233264AD79}"/>
              </a:ext>
            </a:extLst>
          </p:cNvPr>
          <p:cNvGraphicFramePr>
            <a:graphicFrameLocks noGrp="1"/>
          </p:cNvGraphicFramePr>
          <p:nvPr>
            <p:extLst>
              <p:ext uri="{D42A27DB-BD31-4B8C-83A1-F6EECF244321}">
                <p14:modId xmlns:p14="http://schemas.microsoft.com/office/powerpoint/2010/main" val="701069577"/>
              </p:ext>
            </p:extLst>
          </p:nvPr>
        </p:nvGraphicFramePr>
        <p:xfrm>
          <a:off x="3539803" y="3537765"/>
          <a:ext cx="4123586" cy="518160"/>
        </p:xfrm>
        <a:graphic>
          <a:graphicData uri="http://schemas.openxmlformats.org/drawingml/2006/table">
            <a:tbl>
              <a:tblPr firstRow="1" bandRow="1">
                <a:tableStyleId>{19CC070B-6319-49F3-BE82-D27F163C84C2}</a:tableStyleId>
              </a:tblPr>
              <a:tblGrid>
                <a:gridCol w="563107">
                  <a:extLst>
                    <a:ext uri="{9D8B030D-6E8A-4147-A177-3AD203B41FA5}">
                      <a16:colId xmlns:a16="http://schemas.microsoft.com/office/drawing/2014/main" val="2466416104"/>
                    </a:ext>
                  </a:extLst>
                </a:gridCol>
                <a:gridCol w="615061">
                  <a:extLst>
                    <a:ext uri="{9D8B030D-6E8A-4147-A177-3AD203B41FA5}">
                      <a16:colId xmlns:a16="http://schemas.microsoft.com/office/drawing/2014/main" val="1392412294"/>
                    </a:ext>
                  </a:extLst>
                </a:gridCol>
                <a:gridCol w="589084">
                  <a:extLst>
                    <a:ext uri="{9D8B030D-6E8A-4147-A177-3AD203B41FA5}">
                      <a16:colId xmlns:a16="http://schemas.microsoft.com/office/drawing/2014/main" val="4223108832"/>
                    </a:ext>
                  </a:extLst>
                </a:gridCol>
                <a:gridCol w="607521">
                  <a:extLst>
                    <a:ext uri="{9D8B030D-6E8A-4147-A177-3AD203B41FA5}">
                      <a16:colId xmlns:a16="http://schemas.microsoft.com/office/drawing/2014/main" val="2911652068"/>
                    </a:ext>
                  </a:extLst>
                </a:gridCol>
                <a:gridCol w="607050">
                  <a:extLst>
                    <a:ext uri="{9D8B030D-6E8A-4147-A177-3AD203B41FA5}">
                      <a16:colId xmlns:a16="http://schemas.microsoft.com/office/drawing/2014/main" val="2015157125"/>
                    </a:ext>
                  </a:extLst>
                </a:gridCol>
                <a:gridCol w="597565">
                  <a:extLst>
                    <a:ext uri="{9D8B030D-6E8A-4147-A177-3AD203B41FA5}">
                      <a16:colId xmlns:a16="http://schemas.microsoft.com/office/drawing/2014/main" val="3762080205"/>
                    </a:ext>
                  </a:extLst>
                </a:gridCol>
                <a:gridCol w="544198">
                  <a:extLst>
                    <a:ext uri="{9D8B030D-6E8A-4147-A177-3AD203B41FA5}">
                      <a16:colId xmlns:a16="http://schemas.microsoft.com/office/drawing/2014/main" val="2990054284"/>
                    </a:ext>
                  </a:extLst>
                </a:gridCol>
              </a:tblGrid>
              <a:tr h="502920">
                <a:tc>
                  <a:txBody>
                    <a:bodyPr/>
                    <a:lstStyle/>
                    <a:p>
                      <a:pPr algn="ctr"/>
                      <a:r>
                        <a:rPr lang="vi-VN" sz="2800">
                          <a:latin typeface="Times New Roman" panose="02020603050405020304" pitchFamily="18" charset="0"/>
                          <a:cs typeface="Times New Roman" panose="02020603050405020304" pitchFamily="18" charset="0"/>
                        </a:rPr>
                        <a:t>H</a:t>
                      </a:r>
                      <a:endParaRPr lang="en-US" sz="2800">
                        <a:latin typeface="Times New Roman" panose="02020603050405020304" pitchFamily="18" charset="0"/>
                        <a:cs typeface="Times New Roman" panose="02020603050405020304" pitchFamily="18" charset="0"/>
                      </a:endParaRPr>
                    </a:p>
                  </a:txBody>
                  <a:tcPr>
                    <a:solidFill>
                      <a:schemeClr val="bg1">
                        <a:lumMod val="90000"/>
                      </a:schemeClr>
                    </a:solidFill>
                  </a:tcPr>
                </a:tc>
                <a:tc>
                  <a:txBody>
                    <a:bodyPr/>
                    <a:lstStyle/>
                    <a:p>
                      <a:pPr algn="ctr"/>
                      <a:r>
                        <a:rPr lang="vi-VN" sz="2800" b="1">
                          <a:solidFill>
                            <a:srgbClr val="FF0000"/>
                          </a:solidFill>
                          <a:latin typeface="Times New Roman" panose="02020603050405020304" pitchFamily="18" charset="0"/>
                          <a:cs typeface="Times New Roman" panose="02020603050405020304" pitchFamily="18" charset="0"/>
                        </a:rPr>
                        <a:t>I</a:t>
                      </a:r>
                      <a:endParaRPr lang="en-US" sz="2800" b="1">
                        <a:solidFill>
                          <a:srgbClr val="FF0000"/>
                        </a:solidFill>
                        <a:latin typeface="Times New Roman" panose="02020603050405020304" pitchFamily="18" charset="0"/>
                        <a:cs typeface="Times New Roman" panose="02020603050405020304" pitchFamily="18" charset="0"/>
                      </a:endParaRPr>
                    </a:p>
                  </a:txBody>
                  <a:tcPr>
                    <a:solidFill>
                      <a:schemeClr val="bg1">
                        <a:lumMod val="90000"/>
                      </a:schemeClr>
                    </a:solidFill>
                  </a:tcPr>
                </a:tc>
                <a:tc>
                  <a:txBody>
                    <a:bodyPr/>
                    <a:lstStyle/>
                    <a:p>
                      <a:pPr algn="ctr"/>
                      <a:r>
                        <a:rPr lang="vi-VN" sz="2800">
                          <a:latin typeface="Times New Roman" panose="02020603050405020304" pitchFamily="18" charset="0"/>
                          <a:cs typeface="Times New Roman" panose="02020603050405020304" pitchFamily="18" charset="0"/>
                        </a:rPr>
                        <a:t>N</a:t>
                      </a:r>
                      <a:endParaRPr lang="en-US" sz="2800">
                        <a:latin typeface="Times New Roman" panose="02020603050405020304" pitchFamily="18" charset="0"/>
                        <a:cs typeface="Times New Roman" panose="02020603050405020304" pitchFamily="18" charset="0"/>
                      </a:endParaRPr>
                    </a:p>
                  </a:txBody>
                  <a:tcPr>
                    <a:solidFill>
                      <a:schemeClr val="bg1">
                        <a:lumMod val="90000"/>
                      </a:schemeClr>
                    </a:solidFill>
                  </a:tcPr>
                </a:tc>
                <a:tc>
                  <a:txBody>
                    <a:bodyPr/>
                    <a:lstStyle/>
                    <a:p>
                      <a:pPr algn="ctr"/>
                      <a:r>
                        <a:rPr lang="vi-VN" sz="2800">
                          <a:latin typeface="Times New Roman" panose="02020603050405020304" pitchFamily="18" charset="0"/>
                          <a:cs typeface="Times New Roman" panose="02020603050405020304" pitchFamily="18" charset="0"/>
                        </a:rPr>
                        <a:t>H</a:t>
                      </a:r>
                      <a:endParaRPr lang="en-US" sz="2800">
                        <a:latin typeface="Times New Roman" panose="02020603050405020304" pitchFamily="18" charset="0"/>
                        <a:cs typeface="Times New Roman" panose="02020603050405020304" pitchFamily="18" charset="0"/>
                      </a:endParaRPr>
                    </a:p>
                  </a:txBody>
                  <a:tcPr>
                    <a:solidFill>
                      <a:schemeClr val="bg1">
                        <a:lumMod val="90000"/>
                      </a:schemeClr>
                    </a:solidFill>
                  </a:tcPr>
                </a:tc>
                <a:tc>
                  <a:txBody>
                    <a:bodyPr/>
                    <a:lstStyle/>
                    <a:p>
                      <a:pPr algn="ctr"/>
                      <a:r>
                        <a:rPr lang="vi-VN" sz="2800">
                          <a:latin typeface="Times New Roman" panose="02020603050405020304" pitchFamily="18" charset="0"/>
                          <a:cs typeface="Times New Roman" panose="02020603050405020304" pitchFamily="18" charset="0"/>
                        </a:rPr>
                        <a:t>A</a:t>
                      </a:r>
                      <a:endParaRPr lang="en-US" sz="2800">
                        <a:latin typeface="Times New Roman" panose="02020603050405020304" pitchFamily="18" charset="0"/>
                        <a:cs typeface="Times New Roman" panose="02020603050405020304" pitchFamily="18" charset="0"/>
                      </a:endParaRPr>
                    </a:p>
                  </a:txBody>
                  <a:tcPr>
                    <a:solidFill>
                      <a:schemeClr val="bg1">
                        <a:lumMod val="90000"/>
                      </a:schemeClr>
                    </a:solidFill>
                  </a:tcPr>
                </a:tc>
                <a:tc>
                  <a:txBody>
                    <a:bodyPr/>
                    <a:lstStyle/>
                    <a:p>
                      <a:pPr algn="ctr"/>
                      <a:r>
                        <a:rPr lang="vi-VN" sz="2800">
                          <a:latin typeface="Times New Roman" panose="02020603050405020304" pitchFamily="18" charset="0"/>
                          <a:cs typeface="Times New Roman" panose="02020603050405020304" pitchFamily="18" charset="0"/>
                        </a:rPr>
                        <a:t>N</a:t>
                      </a:r>
                      <a:endParaRPr lang="en-US" sz="2800">
                        <a:latin typeface="Times New Roman" panose="02020603050405020304" pitchFamily="18" charset="0"/>
                        <a:cs typeface="Times New Roman" panose="02020603050405020304" pitchFamily="18" charset="0"/>
                      </a:endParaRPr>
                    </a:p>
                  </a:txBody>
                  <a:tcPr>
                    <a:solidFill>
                      <a:schemeClr val="bg1">
                        <a:lumMod val="90000"/>
                      </a:schemeClr>
                    </a:solidFill>
                  </a:tcPr>
                </a:tc>
                <a:tc>
                  <a:txBody>
                    <a:bodyPr/>
                    <a:lstStyle/>
                    <a:p>
                      <a:pPr algn="ctr"/>
                      <a:r>
                        <a:rPr lang="vi-VN" sz="2800">
                          <a:latin typeface="Times New Roman" panose="02020603050405020304" pitchFamily="18" charset="0"/>
                          <a:cs typeface="Times New Roman" panose="02020603050405020304" pitchFamily="18" charset="0"/>
                        </a:rPr>
                        <a:t>H</a:t>
                      </a:r>
                      <a:endParaRPr lang="en-US" sz="2800">
                        <a:latin typeface="Times New Roman" panose="02020603050405020304" pitchFamily="18" charset="0"/>
                        <a:cs typeface="Times New Roman" panose="02020603050405020304" pitchFamily="18" charset="0"/>
                      </a:endParaRPr>
                    </a:p>
                  </a:txBody>
                  <a:tcPr>
                    <a:solidFill>
                      <a:schemeClr val="bg1">
                        <a:lumMod val="90000"/>
                      </a:schemeClr>
                    </a:solidFill>
                  </a:tcPr>
                </a:tc>
                <a:extLst>
                  <a:ext uri="{0D108BD9-81ED-4DB2-BD59-A6C34878D82A}">
                    <a16:rowId xmlns:a16="http://schemas.microsoft.com/office/drawing/2014/main" val="2398494824"/>
                  </a:ext>
                </a:extLst>
              </a:tr>
            </a:tbl>
          </a:graphicData>
        </a:graphic>
      </p:graphicFrame>
      <p:graphicFrame>
        <p:nvGraphicFramePr>
          <p:cNvPr id="16" name="Bảng 15">
            <a:extLst>
              <a:ext uri="{FF2B5EF4-FFF2-40B4-BE49-F238E27FC236}">
                <a16:creationId xmlns:a16="http://schemas.microsoft.com/office/drawing/2014/main" id="{A82588F3-F530-B2BA-65A8-4A9FE2E5B02F}"/>
              </a:ext>
            </a:extLst>
          </p:cNvPr>
          <p:cNvGraphicFramePr>
            <a:graphicFrameLocks noGrp="1"/>
          </p:cNvGraphicFramePr>
          <p:nvPr>
            <p:extLst>
              <p:ext uri="{D42A27DB-BD31-4B8C-83A1-F6EECF244321}">
                <p14:modId xmlns:p14="http://schemas.microsoft.com/office/powerpoint/2010/main" val="1076211521"/>
              </p:ext>
            </p:extLst>
          </p:nvPr>
        </p:nvGraphicFramePr>
        <p:xfrm>
          <a:off x="4110630" y="4059747"/>
          <a:ext cx="5429214" cy="518160"/>
        </p:xfrm>
        <a:graphic>
          <a:graphicData uri="http://schemas.openxmlformats.org/drawingml/2006/table">
            <a:tbl>
              <a:tblPr firstRow="1" bandRow="1">
                <a:tableStyleId>{19CC070B-6319-49F3-BE82-D27F163C84C2}</a:tableStyleId>
              </a:tblPr>
              <a:tblGrid>
                <a:gridCol w="613770">
                  <a:extLst>
                    <a:ext uri="{9D8B030D-6E8A-4147-A177-3AD203B41FA5}">
                      <a16:colId xmlns:a16="http://schemas.microsoft.com/office/drawing/2014/main" val="3052064507"/>
                    </a:ext>
                  </a:extLst>
                </a:gridCol>
                <a:gridCol w="592722">
                  <a:extLst>
                    <a:ext uri="{9D8B030D-6E8A-4147-A177-3AD203B41FA5}">
                      <a16:colId xmlns:a16="http://schemas.microsoft.com/office/drawing/2014/main" val="2208096451"/>
                    </a:ext>
                  </a:extLst>
                </a:gridCol>
                <a:gridCol w="603246">
                  <a:extLst>
                    <a:ext uri="{9D8B030D-6E8A-4147-A177-3AD203B41FA5}">
                      <a16:colId xmlns:a16="http://schemas.microsoft.com/office/drawing/2014/main" val="1902766870"/>
                    </a:ext>
                  </a:extLst>
                </a:gridCol>
                <a:gridCol w="603246">
                  <a:extLst>
                    <a:ext uri="{9D8B030D-6E8A-4147-A177-3AD203B41FA5}">
                      <a16:colId xmlns:a16="http://schemas.microsoft.com/office/drawing/2014/main" val="238112333"/>
                    </a:ext>
                  </a:extLst>
                </a:gridCol>
                <a:gridCol w="603246">
                  <a:extLst>
                    <a:ext uri="{9D8B030D-6E8A-4147-A177-3AD203B41FA5}">
                      <a16:colId xmlns:a16="http://schemas.microsoft.com/office/drawing/2014/main" val="464580656"/>
                    </a:ext>
                  </a:extLst>
                </a:gridCol>
                <a:gridCol w="540765">
                  <a:extLst>
                    <a:ext uri="{9D8B030D-6E8A-4147-A177-3AD203B41FA5}">
                      <a16:colId xmlns:a16="http://schemas.microsoft.com/office/drawing/2014/main" val="169265695"/>
                    </a:ext>
                  </a:extLst>
                </a:gridCol>
                <a:gridCol w="665727">
                  <a:extLst>
                    <a:ext uri="{9D8B030D-6E8A-4147-A177-3AD203B41FA5}">
                      <a16:colId xmlns:a16="http://schemas.microsoft.com/office/drawing/2014/main" val="4045120790"/>
                    </a:ext>
                  </a:extLst>
                </a:gridCol>
                <a:gridCol w="603246">
                  <a:extLst>
                    <a:ext uri="{9D8B030D-6E8A-4147-A177-3AD203B41FA5}">
                      <a16:colId xmlns:a16="http://schemas.microsoft.com/office/drawing/2014/main" val="1581222416"/>
                    </a:ext>
                  </a:extLst>
                </a:gridCol>
                <a:gridCol w="603246">
                  <a:extLst>
                    <a:ext uri="{9D8B030D-6E8A-4147-A177-3AD203B41FA5}">
                      <a16:colId xmlns:a16="http://schemas.microsoft.com/office/drawing/2014/main" val="2294987878"/>
                    </a:ext>
                  </a:extLst>
                </a:gridCol>
              </a:tblGrid>
              <a:tr h="504516">
                <a:tc>
                  <a:txBody>
                    <a:bodyPr/>
                    <a:lstStyle/>
                    <a:p>
                      <a:pPr algn="ctr"/>
                      <a:r>
                        <a:rPr lang="en-US" sz="2800" b="1">
                          <a:solidFill>
                            <a:srgbClr val="FF0000"/>
                          </a:solidFill>
                          <a:latin typeface="Times New Roman" panose="02020603050405020304" pitchFamily="18" charset="0"/>
                          <a:cs typeface="Times New Roman" panose="02020603050405020304" pitchFamily="18" charset="0"/>
                        </a:rPr>
                        <a:t>T</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R</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O</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N</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G</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S</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U</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O</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T</a:t>
                      </a:r>
                    </a:p>
                  </a:txBody>
                  <a:tcPr>
                    <a:solidFill>
                      <a:schemeClr val="bg1">
                        <a:lumMod val="90000"/>
                      </a:schemeClr>
                    </a:solidFill>
                  </a:tcPr>
                </a:tc>
                <a:extLst>
                  <a:ext uri="{0D108BD9-81ED-4DB2-BD59-A6C34878D82A}">
                    <a16:rowId xmlns:a16="http://schemas.microsoft.com/office/drawing/2014/main" val="1344447443"/>
                  </a:ext>
                </a:extLst>
              </a:tr>
            </a:tbl>
          </a:graphicData>
        </a:graphic>
      </p:graphicFrame>
      <p:graphicFrame>
        <p:nvGraphicFramePr>
          <p:cNvPr id="17" name="Bảng 16">
            <a:extLst>
              <a:ext uri="{FF2B5EF4-FFF2-40B4-BE49-F238E27FC236}">
                <a16:creationId xmlns:a16="http://schemas.microsoft.com/office/drawing/2014/main" id="{8C017D9B-D557-D206-2534-0DC2F39DF5B0}"/>
              </a:ext>
            </a:extLst>
          </p:cNvPr>
          <p:cNvGraphicFramePr>
            <a:graphicFrameLocks noGrp="1"/>
          </p:cNvGraphicFramePr>
          <p:nvPr>
            <p:extLst>
              <p:ext uri="{D42A27DB-BD31-4B8C-83A1-F6EECF244321}">
                <p14:modId xmlns:p14="http://schemas.microsoft.com/office/powerpoint/2010/main" val="4289959011"/>
              </p:ext>
            </p:extLst>
          </p:nvPr>
        </p:nvGraphicFramePr>
        <p:xfrm>
          <a:off x="497125" y="4583044"/>
          <a:ext cx="4823152" cy="518160"/>
        </p:xfrm>
        <a:graphic>
          <a:graphicData uri="http://schemas.openxmlformats.org/drawingml/2006/table">
            <a:tbl>
              <a:tblPr firstRow="1" bandRow="1">
                <a:tableStyleId>{19CC070B-6319-49F3-BE82-D27F163C84C2}</a:tableStyleId>
              </a:tblPr>
              <a:tblGrid>
                <a:gridCol w="602894">
                  <a:extLst>
                    <a:ext uri="{9D8B030D-6E8A-4147-A177-3AD203B41FA5}">
                      <a16:colId xmlns:a16="http://schemas.microsoft.com/office/drawing/2014/main" val="3052064507"/>
                    </a:ext>
                  </a:extLst>
                </a:gridCol>
                <a:gridCol w="602894">
                  <a:extLst>
                    <a:ext uri="{9D8B030D-6E8A-4147-A177-3AD203B41FA5}">
                      <a16:colId xmlns:a16="http://schemas.microsoft.com/office/drawing/2014/main" val="2208096451"/>
                    </a:ext>
                  </a:extLst>
                </a:gridCol>
                <a:gridCol w="602894">
                  <a:extLst>
                    <a:ext uri="{9D8B030D-6E8A-4147-A177-3AD203B41FA5}">
                      <a16:colId xmlns:a16="http://schemas.microsoft.com/office/drawing/2014/main" val="1902766870"/>
                    </a:ext>
                  </a:extLst>
                </a:gridCol>
                <a:gridCol w="602894">
                  <a:extLst>
                    <a:ext uri="{9D8B030D-6E8A-4147-A177-3AD203B41FA5}">
                      <a16:colId xmlns:a16="http://schemas.microsoft.com/office/drawing/2014/main" val="238112333"/>
                    </a:ext>
                  </a:extLst>
                </a:gridCol>
                <a:gridCol w="602894">
                  <a:extLst>
                    <a:ext uri="{9D8B030D-6E8A-4147-A177-3AD203B41FA5}">
                      <a16:colId xmlns:a16="http://schemas.microsoft.com/office/drawing/2014/main" val="464580656"/>
                    </a:ext>
                  </a:extLst>
                </a:gridCol>
                <a:gridCol w="602894">
                  <a:extLst>
                    <a:ext uri="{9D8B030D-6E8A-4147-A177-3AD203B41FA5}">
                      <a16:colId xmlns:a16="http://schemas.microsoft.com/office/drawing/2014/main" val="169265695"/>
                    </a:ext>
                  </a:extLst>
                </a:gridCol>
                <a:gridCol w="602894">
                  <a:extLst>
                    <a:ext uri="{9D8B030D-6E8A-4147-A177-3AD203B41FA5}">
                      <a16:colId xmlns:a16="http://schemas.microsoft.com/office/drawing/2014/main" val="4045120790"/>
                    </a:ext>
                  </a:extLst>
                </a:gridCol>
                <a:gridCol w="602894">
                  <a:extLst>
                    <a:ext uri="{9D8B030D-6E8A-4147-A177-3AD203B41FA5}">
                      <a16:colId xmlns:a16="http://schemas.microsoft.com/office/drawing/2014/main" val="1581222416"/>
                    </a:ext>
                  </a:extLst>
                </a:gridCol>
              </a:tblGrid>
              <a:tr h="504516">
                <a:tc>
                  <a:txBody>
                    <a:bodyPr/>
                    <a:lstStyle/>
                    <a:p>
                      <a:pPr algn="ctr"/>
                      <a:r>
                        <a:rPr lang="en-US" sz="2800">
                          <a:latin typeface="Times New Roman" panose="02020603050405020304" pitchFamily="18" charset="0"/>
                          <a:cs typeface="Times New Roman" panose="02020603050405020304" pitchFamily="18" charset="0"/>
                        </a:rPr>
                        <a:t>D</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O</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N</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G</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D</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I</a:t>
                      </a:r>
                    </a:p>
                  </a:txBody>
                  <a:tcPr>
                    <a:solidFill>
                      <a:schemeClr val="bg1">
                        <a:lumMod val="90000"/>
                      </a:schemeClr>
                    </a:solidFill>
                  </a:tcPr>
                </a:tc>
                <a:tc>
                  <a:txBody>
                    <a:bodyPr/>
                    <a:lstStyle/>
                    <a:p>
                      <a:pPr algn="ctr"/>
                      <a:r>
                        <a:rPr lang="en-US" sz="2800" b="1">
                          <a:solidFill>
                            <a:srgbClr val="FF0000"/>
                          </a:solidFill>
                          <a:latin typeface="Times New Roman" panose="02020603050405020304" pitchFamily="18" charset="0"/>
                          <a:cs typeface="Times New Roman" panose="02020603050405020304" pitchFamily="18" charset="0"/>
                        </a:rPr>
                        <a:t>E</a:t>
                      </a:r>
                    </a:p>
                  </a:txBody>
                  <a:tcPr>
                    <a:solidFill>
                      <a:schemeClr val="bg1">
                        <a:lumMod val="90000"/>
                      </a:schemeClr>
                    </a:solidFill>
                  </a:tcPr>
                </a:tc>
                <a:tc>
                  <a:txBody>
                    <a:bodyPr/>
                    <a:lstStyle/>
                    <a:p>
                      <a:pPr algn="ctr"/>
                      <a:r>
                        <a:rPr lang="en-US" sz="2800">
                          <a:latin typeface="Times New Roman" panose="02020603050405020304" pitchFamily="18" charset="0"/>
                          <a:cs typeface="Times New Roman" panose="02020603050405020304" pitchFamily="18" charset="0"/>
                        </a:rPr>
                        <a:t>N</a:t>
                      </a:r>
                    </a:p>
                  </a:txBody>
                  <a:tcPr>
                    <a:solidFill>
                      <a:schemeClr val="bg1">
                        <a:lumMod val="90000"/>
                      </a:schemeClr>
                    </a:solidFill>
                  </a:tcPr>
                </a:tc>
                <a:extLst>
                  <a:ext uri="{0D108BD9-81ED-4DB2-BD59-A6C34878D82A}">
                    <a16:rowId xmlns:a16="http://schemas.microsoft.com/office/drawing/2014/main" val="1344447443"/>
                  </a:ext>
                </a:extLst>
              </a:tr>
            </a:tbl>
          </a:graphicData>
        </a:graphic>
      </p:graphicFrame>
      <p:sp>
        <p:nvSpPr>
          <p:cNvPr id="36" name="Hộp Văn bản 35">
            <a:hlinkClick r:id="rId4" action="ppaction://hlinksldjump"/>
            <a:extLst>
              <a:ext uri="{FF2B5EF4-FFF2-40B4-BE49-F238E27FC236}">
                <a16:creationId xmlns:a16="http://schemas.microsoft.com/office/drawing/2014/main" id="{B153ECFF-5C2B-0E8A-6170-436C2376D8F3}"/>
              </a:ext>
            </a:extLst>
          </p:cNvPr>
          <p:cNvSpPr txBox="1"/>
          <p:nvPr/>
        </p:nvSpPr>
        <p:spPr>
          <a:xfrm>
            <a:off x="2855997" y="1451407"/>
            <a:ext cx="712381" cy="523220"/>
          </a:xfrm>
          <a:prstGeom prst="rect">
            <a:avLst/>
          </a:prstGeom>
          <a:noFill/>
        </p:spPr>
        <p:txBody>
          <a:bodyPr wrap="square" rtlCol="0">
            <a:spAutoFit/>
          </a:bodyPr>
          <a:lstStyle/>
          <a:p>
            <a:pPr algn="ctr"/>
            <a:r>
              <a:rPr lang="en-US" sz="2800" b="1">
                <a:solidFill>
                  <a:srgbClr val="002060"/>
                </a:solidFill>
                <a:latin typeface="Times New Roman" panose="02020603050405020304" pitchFamily="18" charset="0"/>
                <a:cs typeface="Times New Roman" panose="02020603050405020304" pitchFamily="18" charset="0"/>
              </a:rPr>
              <a:t>1</a:t>
            </a:r>
          </a:p>
        </p:txBody>
      </p:sp>
      <p:sp>
        <p:nvSpPr>
          <p:cNvPr id="37" name="Hộp Văn bản 36">
            <a:hlinkClick r:id="rId5" action="ppaction://hlinksldjump"/>
            <a:extLst>
              <a:ext uri="{FF2B5EF4-FFF2-40B4-BE49-F238E27FC236}">
                <a16:creationId xmlns:a16="http://schemas.microsoft.com/office/drawing/2014/main" id="{8AB09B1D-B57C-1672-9D8B-198B5373C44E}"/>
              </a:ext>
            </a:extLst>
          </p:cNvPr>
          <p:cNvSpPr txBox="1"/>
          <p:nvPr/>
        </p:nvSpPr>
        <p:spPr>
          <a:xfrm>
            <a:off x="1172588" y="1973640"/>
            <a:ext cx="712381" cy="523220"/>
          </a:xfrm>
          <a:prstGeom prst="rect">
            <a:avLst/>
          </a:prstGeom>
          <a:noFill/>
        </p:spPr>
        <p:txBody>
          <a:bodyPr wrap="square" rtlCol="0">
            <a:spAutoFit/>
          </a:bodyPr>
          <a:lstStyle/>
          <a:p>
            <a:pPr algn="ctr"/>
            <a:r>
              <a:rPr lang="en-US" sz="2800" b="1">
                <a:solidFill>
                  <a:srgbClr val="002060"/>
                </a:solidFill>
                <a:latin typeface="Times New Roman" panose="02020603050405020304" pitchFamily="18" charset="0"/>
                <a:cs typeface="Times New Roman" panose="02020603050405020304" pitchFamily="18" charset="0"/>
              </a:rPr>
              <a:t>2</a:t>
            </a:r>
          </a:p>
        </p:txBody>
      </p:sp>
      <p:sp>
        <p:nvSpPr>
          <p:cNvPr id="38" name="Hộp Văn bản 37">
            <a:hlinkClick r:id="rId6" action="ppaction://hlinksldjump"/>
            <a:extLst>
              <a:ext uri="{FF2B5EF4-FFF2-40B4-BE49-F238E27FC236}">
                <a16:creationId xmlns:a16="http://schemas.microsoft.com/office/drawing/2014/main" id="{B3A2E61E-A205-9BFA-D3D8-693998ACF553}"/>
              </a:ext>
            </a:extLst>
          </p:cNvPr>
          <p:cNvSpPr txBox="1"/>
          <p:nvPr/>
        </p:nvSpPr>
        <p:spPr>
          <a:xfrm>
            <a:off x="3402937" y="2478994"/>
            <a:ext cx="712381" cy="523220"/>
          </a:xfrm>
          <a:prstGeom prst="rect">
            <a:avLst/>
          </a:prstGeom>
          <a:noFill/>
        </p:spPr>
        <p:txBody>
          <a:bodyPr wrap="square" rtlCol="0">
            <a:spAutoFit/>
          </a:bodyPr>
          <a:lstStyle/>
          <a:p>
            <a:pPr algn="ctr"/>
            <a:r>
              <a:rPr lang="en-US" sz="2800" b="1">
                <a:solidFill>
                  <a:srgbClr val="002060"/>
                </a:solidFill>
                <a:latin typeface="Times New Roman" panose="02020603050405020304" pitchFamily="18" charset="0"/>
                <a:cs typeface="Times New Roman" panose="02020603050405020304" pitchFamily="18" charset="0"/>
              </a:rPr>
              <a:t>3</a:t>
            </a:r>
          </a:p>
        </p:txBody>
      </p:sp>
      <p:sp>
        <p:nvSpPr>
          <p:cNvPr id="39" name="Hộp Văn bản 38">
            <a:hlinkClick r:id="rId7" action="ppaction://hlinksldjump"/>
            <a:extLst>
              <a:ext uri="{FF2B5EF4-FFF2-40B4-BE49-F238E27FC236}">
                <a16:creationId xmlns:a16="http://schemas.microsoft.com/office/drawing/2014/main" id="{D596B6D5-7832-4FD2-0369-3624DE3A22D2}"/>
              </a:ext>
            </a:extLst>
          </p:cNvPr>
          <p:cNvSpPr txBox="1"/>
          <p:nvPr/>
        </p:nvSpPr>
        <p:spPr>
          <a:xfrm>
            <a:off x="3412567" y="2980147"/>
            <a:ext cx="712381" cy="523220"/>
          </a:xfrm>
          <a:prstGeom prst="rect">
            <a:avLst/>
          </a:prstGeom>
          <a:noFill/>
        </p:spPr>
        <p:txBody>
          <a:bodyPr wrap="square" rtlCol="0">
            <a:spAutoFit/>
          </a:bodyPr>
          <a:lstStyle/>
          <a:p>
            <a:pPr algn="ctr"/>
            <a:r>
              <a:rPr lang="en-US" sz="2800" b="1">
                <a:solidFill>
                  <a:srgbClr val="002060"/>
                </a:solidFill>
                <a:latin typeface="Times New Roman" panose="02020603050405020304" pitchFamily="18" charset="0"/>
                <a:cs typeface="Times New Roman" panose="02020603050405020304" pitchFamily="18" charset="0"/>
              </a:rPr>
              <a:t>4</a:t>
            </a:r>
          </a:p>
        </p:txBody>
      </p:sp>
      <p:sp>
        <p:nvSpPr>
          <p:cNvPr id="40" name="Hộp Văn bản 39">
            <a:hlinkClick r:id="rId8" action="ppaction://hlinksldjump"/>
            <a:extLst>
              <a:ext uri="{FF2B5EF4-FFF2-40B4-BE49-F238E27FC236}">
                <a16:creationId xmlns:a16="http://schemas.microsoft.com/office/drawing/2014/main" id="{20B8765A-4DC5-9F11-D65B-BB4E38859CD3}"/>
              </a:ext>
            </a:extLst>
          </p:cNvPr>
          <p:cNvSpPr txBox="1"/>
          <p:nvPr/>
        </p:nvSpPr>
        <p:spPr>
          <a:xfrm>
            <a:off x="2944005" y="3529081"/>
            <a:ext cx="712381" cy="523220"/>
          </a:xfrm>
          <a:prstGeom prst="rect">
            <a:avLst/>
          </a:prstGeom>
          <a:noFill/>
        </p:spPr>
        <p:txBody>
          <a:bodyPr wrap="square" rtlCol="0">
            <a:spAutoFit/>
          </a:bodyPr>
          <a:lstStyle/>
          <a:p>
            <a:pPr algn="ctr"/>
            <a:r>
              <a:rPr lang="en-US" sz="2800" b="1">
                <a:solidFill>
                  <a:srgbClr val="002060"/>
                </a:solidFill>
                <a:latin typeface="Times New Roman" panose="02020603050405020304" pitchFamily="18" charset="0"/>
                <a:cs typeface="Times New Roman" panose="02020603050405020304" pitchFamily="18" charset="0"/>
              </a:rPr>
              <a:t>5</a:t>
            </a:r>
          </a:p>
        </p:txBody>
      </p:sp>
      <p:sp>
        <p:nvSpPr>
          <p:cNvPr id="41" name="Hộp Văn bản 40">
            <a:hlinkClick r:id="rId9" action="ppaction://hlinksldjump"/>
            <a:extLst>
              <a:ext uri="{FF2B5EF4-FFF2-40B4-BE49-F238E27FC236}">
                <a16:creationId xmlns:a16="http://schemas.microsoft.com/office/drawing/2014/main" id="{1F14AC35-B51E-AEE8-14E6-99E4775C2D8D}"/>
              </a:ext>
            </a:extLst>
          </p:cNvPr>
          <p:cNvSpPr txBox="1"/>
          <p:nvPr/>
        </p:nvSpPr>
        <p:spPr>
          <a:xfrm>
            <a:off x="3448887" y="4040920"/>
            <a:ext cx="712381" cy="523220"/>
          </a:xfrm>
          <a:prstGeom prst="rect">
            <a:avLst/>
          </a:prstGeom>
          <a:noFill/>
        </p:spPr>
        <p:txBody>
          <a:bodyPr wrap="square" rtlCol="0">
            <a:spAutoFit/>
          </a:bodyPr>
          <a:lstStyle/>
          <a:p>
            <a:pPr algn="ctr"/>
            <a:r>
              <a:rPr lang="en-US" sz="2800" b="1">
                <a:solidFill>
                  <a:srgbClr val="002060"/>
                </a:solidFill>
                <a:latin typeface="Times New Roman" panose="02020603050405020304" pitchFamily="18" charset="0"/>
                <a:cs typeface="Times New Roman" panose="02020603050405020304" pitchFamily="18" charset="0"/>
              </a:rPr>
              <a:t>6</a:t>
            </a:r>
          </a:p>
        </p:txBody>
      </p:sp>
      <p:sp>
        <p:nvSpPr>
          <p:cNvPr id="42" name="Hộp Văn bản 41">
            <a:hlinkClick r:id="rId10" action="ppaction://hlinksldjump"/>
            <a:extLst>
              <a:ext uri="{FF2B5EF4-FFF2-40B4-BE49-F238E27FC236}">
                <a16:creationId xmlns:a16="http://schemas.microsoft.com/office/drawing/2014/main" id="{FB1BE0FC-2D3F-37ED-3194-8375228BC58E}"/>
              </a:ext>
            </a:extLst>
          </p:cNvPr>
          <p:cNvSpPr txBox="1"/>
          <p:nvPr/>
        </p:nvSpPr>
        <p:spPr>
          <a:xfrm>
            <a:off x="-94347" y="4484019"/>
            <a:ext cx="712381" cy="523220"/>
          </a:xfrm>
          <a:prstGeom prst="rect">
            <a:avLst/>
          </a:prstGeom>
          <a:noFill/>
        </p:spPr>
        <p:txBody>
          <a:bodyPr wrap="square" rtlCol="0">
            <a:spAutoFit/>
          </a:bodyPr>
          <a:lstStyle/>
          <a:p>
            <a:pPr algn="ctr"/>
            <a:r>
              <a:rPr lang="en-US" sz="2800" b="1">
                <a:solidFill>
                  <a:srgbClr val="002060"/>
                </a:solidFill>
                <a:latin typeface="Times New Roman" panose="02020603050405020304" pitchFamily="18" charset="0"/>
                <a:cs typeface="Times New Roman" panose="02020603050405020304" pitchFamily="18" charset="0"/>
              </a:rPr>
              <a:t>7</a:t>
            </a:r>
          </a:p>
        </p:txBody>
      </p:sp>
      <p:sp>
        <p:nvSpPr>
          <p:cNvPr id="43" name="Hộp Văn bản 42">
            <a:extLst>
              <a:ext uri="{FF2B5EF4-FFF2-40B4-BE49-F238E27FC236}">
                <a16:creationId xmlns:a16="http://schemas.microsoft.com/office/drawing/2014/main" id="{5D2418AE-E4A7-7C9F-98F5-577817485F85}"/>
              </a:ext>
            </a:extLst>
          </p:cNvPr>
          <p:cNvSpPr txBox="1"/>
          <p:nvPr/>
        </p:nvSpPr>
        <p:spPr>
          <a:xfrm>
            <a:off x="7085934" y="1462598"/>
            <a:ext cx="712381" cy="400110"/>
          </a:xfrm>
          <a:prstGeom prst="rect">
            <a:avLst/>
          </a:prstGeom>
          <a:noFill/>
        </p:spPr>
        <p:txBody>
          <a:bodyPr wrap="square" rtlCol="0">
            <a:spAutoFit/>
          </a:bodyPr>
          <a:lstStyle/>
          <a:p>
            <a:pPr algn="ctr"/>
            <a:r>
              <a:rPr lang="en-US" sz="2000" b="1">
                <a:solidFill>
                  <a:srgbClr val="FF0000"/>
                </a:solidFill>
                <a:latin typeface="Times New Roman" panose="02020603050405020304" pitchFamily="18" charset="0"/>
                <a:cs typeface="Times New Roman" panose="02020603050405020304" pitchFamily="18" charset="0"/>
              </a:rPr>
              <a:t>D1</a:t>
            </a:r>
          </a:p>
        </p:txBody>
      </p:sp>
      <p:sp>
        <p:nvSpPr>
          <p:cNvPr id="44" name="Hộp Văn bản 43">
            <a:extLst>
              <a:ext uri="{FF2B5EF4-FFF2-40B4-BE49-F238E27FC236}">
                <a16:creationId xmlns:a16="http://schemas.microsoft.com/office/drawing/2014/main" id="{4EFE3E3D-5D32-8E21-CE7F-BE7B993EE8F9}"/>
              </a:ext>
            </a:extLst>
          </p:cNvPr>
          <p:cNvSpPr txBox="1"/>
          <p:nvPr/>
        </p:nvSpPr>
        <p:spPr>
          <a:xfrm>
            <a:off x="5271833" y="2030159"/>
            <a:ext cx="712381" cy="400110"/>
          </a:xfrm>
          <a:prstGeom prst="rect">
            <a:avLst/>
          </a:prstGeom>
          <a:noFill/>
        </p:spPr>
        <p:txBody>
          <a:bodyPr wrap="square" rtlCol="0">
            <a:spAutoFit/>
          </a:bodyPr>
          <a:lstStyle/>
          <a:p>
            <a:pPr algn="ctr"/>
            <a:r>
              <a:rPr lang="en-US" sz="2000" b="1">
                <a:solidFill>
                  <a:srgbClr val="FF0000"/>
                </a:solidFill>
                <a:latin typeface="Times New Roman" panose="02020603050405020304" pitchFamily="18" charset="0"/>
                <a:cs typeface="Times New Roman" panose="02020603050405020304" pitchFamily="18" charset="0"/>
              </a:rPr>
              <a:t>D2</a:t>
            </a:r>
          </a:p>
        </p:txBody>
      </p:sp>
      <p:sp>
        <p:nvSpPr>
          <p:cNvPr id="45" name="Hộp Văn bản 44">
            <a:extLst>
              <a:ext uri="{FF2B5EF4-FFF2-40B4-BE49-F238E27FC236}">
                <a16:creationId xmlns:a16="http://schemas.microsoft.com/office/drawing/2014/main" id="{081C3645-4996-EECD-2DAD-375EC610474C}"/>
              </a:ext>
            </a:extLst>
          </p:cNvPr>
          <p:cNvSpPr txBox="1"/>
          <p:nvPr/>
        </p:nvSpPr>
        <p:spPr>
          <a:xfrm>
            <a:off x="5872552" y="2516817"/>
            <a:ext cx="712381" cy="400110"/>
          </a:xfrm>
          <a:prstGeom prst="rect">
            <a:avLst/>
          </a:prstGeom>
          <a:noFill/>
        </p:spPr>
        <p:txBody>
          <a:bodyPr wrap="square" rtlCol="0">
            <a:spAutoFit/>
          </a:bodyPr>
          <a:lstStyle/>
          <a:p>
            <a:pPr algn="ctr"/>
            <a:r>
              <a:rPr lang="en-US" sz="2000" b="1">
                <a:solidFill>
                  <a:srgbClr val="FF0000"/>
                </a:solidFill>
                <a:latin typeface="Times New Roman" panose="02020603050405020304" pitchFamily="18" charset="0"/>
                <a:cs typeface="Times New Roman" panose="02020603050405020304" pitchFamily="18" charset="0"/>
              </a:rPr>
              <a:t>D3</a:t>
            </a:r>
          </a:p>
        </p:txBody>
      </p:sp>
      <p:sp>
        <p:nvSpPr>
          <p:cNvPr id="46" name="Hộp Văn bản 45">
            <a:extLst>
              <a:ext uri="{FF2B5EF4-FFF2-40B4-BE49-F238E27FC236}">
                <a16:creationId xmlns:a16="http://schemas.microsoft.com/office/drawing/2014/main" id="{48A119BD-D2A0-3A64-22CC-893D1573F4A8}"/>
              </a:ext>
            </a:extLst>
          </p:cNvPr>
          <p:cNvSpPr txBox="1"/>
          <p:nvPr/>
        </p:nvSpPr>
        <p:spPr>
          <a:xfrm>
            <a:off x="9624125" y="3046537"/>
            <a:ext cx="712381" cy="400110"/>
          </a:xfrm>
          <a:prstGeom prst="rect">
            <a:avLst/>
          </a:prstGeom>
          <a:noFill/>
        </p:spPr>
        <p:txBody>
          <a:bodyPr wrap="square" rtlCol="0">
            <a:spAutoFit/>
          </a:bodyPr>
          <a:lstStyle/>
          <a:p>
            <a:pPr algn="ctr"/>
            <a:r>
              <a:rPr lang="en-US" sz="2000" b="1">
                <a:solidFill>
                  <a:srgbClr val="FF0000"/>
                </a:solidFill>
                <a:latin typeface="Times New Roman" panose="02020603050405020304" pitchFamily="18" charset="0"/>
                <a:cs typeface="Times New Roman" panose="02020603050405020304" pitchFamily="18" charset="0"/>
              </a:rPr>
              <a:t>D4</a:t>
            </a:r>
          </a:p>
        </p:txBody>
      </p:sp>
      <p:sp>
        <p:nvSpPr>
          <p:cNvPr id="47" name="Hộp Văn bản 46">
            <a:extLst>
              <a:ext uri="{FF2B5EF4-FFF2-40B4-BE49-F238E27FC236}">
                <a16:creationId xmlns:a16="http://schemas.microsoft.com/office/drawing/2014/main" id="{719324C6-EC58-A400-AFE3-10128D09419B}"/>
              </a:ext>
            </a:extLst>
          </p:cNvPr>
          <p:cNvSpPr txBox="1"/>
          <p:nvPr/>
        </p:nvSpPr>
        <p:spPr>
          <a:xfrm>
            <a:off x="7618866" y="3610406"/>
            <a:ext cx="712381" cy="400110"/>
          </a:xfrm>
          <a:prstGeom prst="rect">
            <a:avLst/>
          </a:prstGeom>
          <a:noFill/>
        </p:spPr>
        <p:txBody>
          <a:bodyPr wrap="square" rtlCol="0">
            <a:spAutoFit/>
          </a:bodyPr>
          <a:lstStyle/>
          <a:p>
            <a:pPr algn="ctr"/>
            <a:r>
              <a:rPr lang="en-US" sz="2000" b="1">
                <a:solidFill>
                  <a:srgbClr val="FF0000"/>
                </a:solidFill>
                <a:latin typeface="Times New Roman" panose="02020603050405020304" pitchFamily="18" charset="0"/>
                <a:cs typeface="Times New Roman" panose="02020603050405020304" pitchFamily="18" charset="0"/>
              </a:rPr>
              <a:t>D5</a:t>
            </a:r>
          </a:p>
        </p:txBody>
      </p:sp>
      <p:sp>
        <p:nvSpPr>
          <p:cNvPr id="48" name="Hộp Văn bản 47">
            <a:extLst>
              <a:ext uri="{FF2B5EF4-FFF2-40B4-BE49-F238E27FC236}">
                <a16:creationId xmlns:a16="http://schemas.microsoft.com/office/drawing/2014/main" id="{52B4F379-A59E-1B60-9981-975338C4E6A6}"/>
              </a:ext>
            </a:extLst>
          </p:cNvPr>
          <p:cNvSpPr txBox="1"/>
          <p:nvPr/>
        </p:nvSpPr>
        <p:spPr>
          <a:xfrm>
            <a:off x="9391044" y="4001521"/>
            <a:ext cx="712381" cy="400110"/>
          </a:xfrm>
          <a:prstGeom prst="rect">
            <a:avLst/>
          </a:prstGeom>
          <a:noFill/>
        </p:spPr>
        <p:txBody>
          <a:bodyPr wrap="square" rtlCol="0">
            <a:spAutoFit/>
          </a:bodyPr>
          <a:lstStyle/>
          <a:p>
            <a:pPr algn="ctr"/>
            <a:r>
              <a:rPr lang="en-US" sz="2000" b="1">
                <a:solidFill>
                  <a:srgbClr val="FF0000"/>
                </a:solidFill>
                <a:latin typeface="Times New Roman" panose="02020603050405020304" pitchFamily="18" charset="0"/>
                <a:cs typeface="Times New Roman" panose="02020603050405020304" pitchFamily="18" charset="0"/>
              </a:rPr>
              <a:t>D6</a:t>
            </a:r>
          </a:p>
        </p:txBody>
      </p:sp>
      <p:sp>
        <p:nvSpPr>
          <p:cNvPr id="49" name="Hộp Văn bản 48">
            <a:extLst>
              <a:ext uri="{FF2B5EF4-FFF2-40B4-BE49-F238E27FC236}">
                <a16:creationId xmlns:a16="http://schemas.microsoft.com/office/drawing/2014/main" id="{AB4EEA5C-1827-5252-53E8-B917D8F4CB9F}"/>
              </a:ext>
            </a:extLst>
          </p:cNvPr>
          <p:cNvSpPr txBox="1"/>
          <p:nvPr/>
        </p:nvSpPr>
        <p:spPr>
          <a:xfrm>
            <a:off x="5219023" y="4564140"/>
            <a:ext cx="712381" cy="400110"/>
          </a:xfrm>
          <a:prstGeom prst="rect">
            <a:avLst/>
          </a:prstGeom>
          <a:noFill/>
        </p:spPr>
        <p:txBody>
          <a:bodyPr wrap="square" rtlCol="0">
            <a:spAutoFit/>
          </a:bodyPr>
          <a:lstStyle/>
          <a:p>
            <a:pPr algn="ctr"/>
            <a:r>
              <a:rPr lang="en-US" sz="2000" b="1">
                <a:solidFill>
                  <a:srgbClr val="FF0000"/>
                </a:solidFill>
                <a:latin typeface="Times New Roman" panose="02020603050405020304" pitchFamily="18" charset="0"/>
                <a:cs typeface="Times New Roman" panose="02020603050405020304" pitchFamily="18" charset="0"/>
              </a:rPr>
              <a:t>D7</a:t>
            </a:r>
          </a:p>
        </p:txBody>
      </p:sp>
      <p:pic>
        <p:nvPicPr>
          <p:cNvPr id="3" name="Hình ảnh 2" descr="Ảnh có chứa Phông chữ, Đồ họa, biểu tượng, văn bản&#10;&#10;Mô tả được tạo tự động">
            <a:extLst>
              <a:ext uri="{FF2B5EF4-FFF2-40B4-BE49-F238E27FC236}">
                <a16:creationId xmlns:a16="http://schemas.microsoft.com/office/drawing/2014/main" id="{A317A5D8-EF3A-74F7-1487-133D0730DC37}"/>
              </a:ext>
            </a:extLst>
          </p:cNvPr>
          <p:cNvPicPr>
            <a:picLocks noChangeAspect="1"/>
          </p:cNvPicPr>
          <p:nvPr/>
        </p:nvPicPr>
        <p:blipFill>
          <a:blip r:embed="rId11"/>
          <a:stretch>
            <a:fillRect/>
          </a:stretch>
        </p:blipFill>
        <p:spPr>
          <a:xfrm>
            <a:off x="2960691" y="208115"/>
            <a:ext cx="5030703" cy="1105361"/>
          </a:xfrm>
          <a:prstGeom prst="rect">
            <a:avLst/>
          </a:prstGeom>
        </p:spPr>
      </p:pic>
      <p:pic>
        <p:nvPicPr>
          <p:cNvPr id="9" name="Hình ảnh 8" descr="Ảnh có chứa ảnh chụp màn hình, Phông chữ, Đồ họa, thiết kế&#10;&#10;Mô tả được tạo tự động">
            <a:extLst>
              <a:ext uri="{FF2B5EF4-FFF2-40B4-BE49-F238E27FC236}">
                <a16:creationId xmlns:a16="http://schemas.microsoft.com/office/drawing/2014/main" id="{447DCDA2-C880-AEBB-44C4-5E33CC0A5C99}"/>
              </a:ext>
            </a:extLst>
          </p:cNvPr>
          <p:cNvPicPr>
            <a:picLocks noChangeAspect="1"/>
          </p:cNvPicPr>
          <p:nvPr/>
        </p:nvPicPr>
        <p:blipFill>
          <a:blip r:embed="rId12"/>
          <a:stretch>
            <a:fillRect/>
          </a:stretch>
        </p:blipFill>
        <p:spPr>
          <a:xfrm rot="1321159">
            <a:off x="-78658" y="-419740"/>
            <a:ext cx="1696084" cy="1632773"/>
          </a:xfrm>
          <a:prstGeom prst="rect">
            <a:avLst/>
          </a:prstGeom>
        </p:spPr>
      </p:pic>
      <p:pic>
        <p:nvPicPr>
          <p:cNvPr id="4" name="Hình ảnh 3" descr="Ảnh có chứa Mặt người, cậu bé, trang phục, hình vẽ&#10;&#10;Mô tả được tạo tự động">
            <a:hlinkClick r:id="rId13" action="ppaction://hlinksldjump"/>
            <a:extLst>
              <a:ext uri="{FF2B5EF4-FFF2-40B4-BE49-F238E27FC236}">
                <a16:creationId xmlns:a16="http://schemas.microsoft.com/office/drawing/2014/main" id="{2E5089C1-96D0-6AC0-B9DA-F423FE844608}"/>
              </a:ext>
            </a:extLst>
          </p:cNvPr>
          <p:cNvPicPr>
            <a:picLocks noChangeAspect="1"/>
          </p:cNvPicPr>
          <p:nvPr/>
        </p:nvPicPr>
        <p:blipFill>
          <a:blip r:embed="rId14"/>
          <a:stretch>
            <a:fillRect/>
          </a:stretch>
        </p:blipFill>
        <p:spPr>
          <a:xfrm>
            <a:off x="8899075" y="4782973"/>
            <a:ext cx="2057600" cy="2047767"/>
          </a:xfrm>
          <a:prstGeom prst="rect">
            <a:avLst/>
          </a:prstGeom>
        </p:spPr>
      </p:pic>
      <p:graphicFrame>
        <p:nvGraphicFramePr>
          <p:cNvPr id="2" name="Bảng 1">
            <a:extLst>
              <a:ext uri="{FF2B5EF4-FFF2-40B4-BE49-F238E27FC236}">
                <a16:creationId xmlns:a16="http://schemas.microsoft.com/office/drawing/2014/main" id="{C3723C59-C7C6-1310-33CA-EEE41120DB62}"/>
              </a:ext>
            </a:extLst>
          </p:cNvPr>
          <p:cNvGraphicFramePr>
            <a:graphicFrameLocks noGrp="1"/>
          </p:cNvGraphicFramePr>
          <p:nvPr>
            <p:extLst>
              <p:ext uri="{D42A27DB-BD31-4B8C-83A1-F6EECF244321}">
                <p14:modId xmlns:p14="http://schemas.microsoft.com/office/powerpoint/2010/main" val="2903171659"/>
              </p:ext>
            </p:extLst>
          </p:nvPr>
        </p:nvGraphicFramePr>
        <p:xfrm>
          <a:off x="1714594" y="2005902"/>
          <a:ext cx="3599922" cy="487680"/>
        </p:xfrm>
        <a:graphic>
          <a:graphicData uri="http://schemas.openxmlformats.org/drawingml/2006/table">
            <a:tbl>
              <a:tblPr firstRow="1" bandRow="1">
                <a:tableStyleId>{19CC070B-6319-49F3-BE82-D27F163C84C2}</a:tableStyleId>
              </a:tblPr>
              <a:tblGrid>
                <a:gridCol w="599987">
                  <a:extLst>
                    <a:ext uri="{9D8B030D-6E8A-4147-A177-3AD203B41FA5}">
                      <a16:colId xmlns:a16="http://schemas.microsoft.com/office/drawing/2014/main" val="1347968068"/>
                    </a:ext>
                  </a:extLst>
                </a:gridCol>
                <a:gridCol w="599987">
                  <a:extLst>
                    <a:ext uri="{9D8B030D-6E8A-4147-A177-3AD203B41FA5}">
                      <a16:colId xmlns:a16="http://schemas.microsoft.com/office/drawing/2014/main" val="2762455014"/>
                    </a:ext>
                  </a:extLst>
                </a:gridCol>
                <a:gridCol w="599987">
                  <a:extLst>
                    <a:ext uri="{9D8B030D-6E8A-4147-A177-3AD203B41FA5}">
                      <a16:colId xmlns:a16="http://schemas.microsoft.com/office/drawing/2014/main" val="279753071"/>
                    </a:ext>
                  </a:extLst>
                </a:gridCol>
                <a:gridCol w="599987">
                  <a:extLst>
                    <a:ext uri="{9D8B030D-6E8A-4147-A177-3AD203B41FA5}">
                      <a16:colId xmlns:a16="http://schemas.microsoft.com/office/drawing/2014/main" val="2999254410"/>
                    </a:ext>
                  </a:extLst>
                </a:gridCol>
                <a:gridCol w="599987">
                  <a:extLst>
                    <a:ext uri="{9D8B030D-6E8A-4147-A177-3AD203B41FA5}">
                      <a16:colId xmlns:a16="http://schemas.microsoft.com/office/drawing/2014/main" val="2354253487"/>
                    </a:ext>
                  </a:extLst>
                </a:gridCol>
                <a:gridCol w="599987">
                  <a:extLst>
                    <a:ext uri="{9D8B030D-6E8A-4147-A177-3AD203B41FA5}">
                      <a16:colId xmlns:a16="http://schemas.microsoft.com/office/drawing/2014/main" val="3869343015"/>
                    </a:ext>
                  </a:extLst>
                </a:gridCol>
              </a:tblGrid>
              <a:tr h="478465">
                <a:tc>
                  <a:txBody>
                    <a:bodyPr/>
                    <a:lstStyle/>
                    <a:p>
                      <a:pPr algn="ctr"/>
                      <a:r>
                        <a:rPr lang="vi-VN" sz="2600">
                          <a:latin typeface="Times New Roman" panose="02020603050405020304" pitchFamily="18" charset="0"/>
                          <a:cs typeface="Times New Roman" panose="02020603050405020304" pitchFamily="18" charset="0"/>
                        </a:rPr>
                        <a:t>D</a:t>
                      </a:r>
                      <a:endParaRPr lang="en-US" sz="2600">
                        <a:latin typeface="Times New Roman" panose="02020603050405020304" pitchFamily="18" charset="0"/>
                        <a:cs typeface="Times New Roman" panose="02020603050405020304" pitchFamily="18" charset="0"/>
                      </a:endParaRPr>
                    </a:p>
                  </a:txBody>
                  <a:tcPr>
                    <a:solidFill>
                      <a:schemeClr val="bg1">
                        <a:lumMod val="90000"/>
                      </a:schemeClr>
                    </a:solidFill>
                  </a:tcPr>
                </a:tc>
                <a:tc>
                  <a:txBody>
                    <a:bodyPr/>
                    <a:lstStyle/>
                    <a:p>
                      <a:pPr algn="ctr"/>
                      <a:r>
                        <a:rPr lang="vi-VN" sz="2600" b="1">
                          <a:solidFill>
                            <a:schemeClr val="tx1"/>
                          </a:solidFill>
                          <a:latin typeface="Times New Roman" panose="02020603050405020304" pitchFamily="18" charset="0"/>
                          <a:cs typeface="Times New Roman" panose="02020603050405020304" pitchFamily="18" charset="0"/>
                        </a:rPr>
                        <a:t>U</a:t>
                      </a:r>
                      <a:endParaRPr lang="en-US" sz="2600" b="1">
                        <a:solidFill>
                          <a:schemeClr val="tx1"/>
                        </a:solidFill>
                        <a:latin typeface="Times New Roman" panose="02020603050405020304" pitchFamily="18" charset="0"/>
                        <a:cs typeface="Times New Roman" panose="02020603050405020304" pitchFamily="18" charset="0"/>
                      </a:endParaRPr>
                    </a:p>
                  </a:txBody>
                  <a:tcPr>
                    <a:solidFill>
                      <a:schemeClr val="bg1">
                        <a:lumMod val="90000"/>
                      </a:schemeClr>
                    </a:solidFill>
                  </a:tcPr>
                </a:tc>
                <a:tc>
                  <a:txBody>
                    <a:bodyPr/>
                    <a:lstStyle/>
                    <a:p>
                      <a:pPr algn="ctr"/>
                      <a:r>
                        <a:rPr lang="vi-VN" sz="2600">
                          <a:latin typeface="Times New Roman" panose="02020603050405020304" pitchFamily="18" charset="0"/>
                          <a:cs typeface="Times New Roman" panose="02020603050405020304" pitchFamily="18" charset="0"/>
                        </a:rPr>
                        <a:t>L</a:t>
                      </a:r>
                      <a:endParaRPr lang="en-US" sz="2600">
                        <a:latin typeface="Times New Roman" panose="02020603050405020304" pitchFamily="18" charset="0"/>
                        <a:cs typeface="Times New Roman" panose="02020603050405020304" pitchFamily="18" charset="0"/>
                      </a:endParaRPr>
                    </a:p>
                  </a:txBody>
                  <a:tcPr>
                    <a:solidFill>
                      <a:schemeClr val="bg1">
                        <a:lumMod val="90000"/>
                      </a:schemeClr>
                    </a:solidFill>
                  </a:tcPr>
                </a:tc>
                <a:tc>
                  <a:txBody>
                    <a:bodyPr/>
                    <a:lstStyle/>
                    <a:p>
                      <a:pPr algn="ctr"/>
                      <a:r>
                        <a:rPr lang="vi-VN" sz="2600">
                          <a:latin typeface="Times New Roman" panose="02020603050405020304" pitchFamily="18" charset="0"/>
                          <a:cs typeface="Times New Roman" panose="02020603050405020304" pitchFamily="18" charset="0"/>
                        </a:rPr>
                        <a:t>I</a:t>
                      </a:r>
                      <a:endParaRPr lang="en-US" sz="2600">
                        <a:latin typeface="Times New Roman" panose="02020603050405020304" pitchFamily="18" charset="0"/>
                        <a:cs typeface="Times New Roman" panose="02020603050405020304" pitchFamily="18" charset="0"/>
                      </a:endParaRPr>
                    </a:p>
                  </a:txBody>
                  <a:tcPr>
                    <a:solidFill>
                      <a:schemeClr val="bg1">
                        <a:lumMod val="90000"/>
                      </a:schemeClr>
                    </a:solidFill>
                  </a:tcPr>
                </a:tc>
                <a:tc>
                  <a:txBody>
                    <a:bodyPr/>
                    <a:lstStyle/>
                    <a:p>
                      <a:pPr algn="ctr"/>
                      <a:r>
                        <a:rPr lang="vi-VN" sz="2600" b="1">
                          <a:solidFill>
                            <a:srgbClr val="FF0000"/>
                          </a:solidFill>
                          <a:latin typeface="Times New Roman" panose="02020603050405020304" pitchFamily="18" charset="0"/>
                          <a:cs typeface="Times New Roman" panose="02020603050405020304" pitchFamily="18" charset="0"/>
                        </a:rPr>
                        <a:t>E</a:t>
                      </a:r>
                      <a:endParaRPr lang="en-US" sz="2600" b="1">
                        <a:solidFill>
                          <a:srgbClr val="FF0000"/>
                        </a:solidFill>
                        <a:latin typeface="Times New Roman" panose="02020603050405020304" pitchFamily="18" charset="0"/>
                        <a:cs typeface="Times New Roman" panose="02020603050405020304" pitchFamily="18" charset="0"/>
                      </a:endParaRPr>
                    </a:p>
                  </a:txBody>
                  <a:tcPr>
                    <a:solidFill>
                      <a:schemeClr val="bg1">
                        <a:lumMod val="90000"/>
                      </a:schemeClr>
                    </a:solidFill>
                  </a:tcPr>
                </a:tc>
                <a:tc>
                  <a:txBody>
                    <a:bodyPr/>
                    <a:lstStyle/>
                    <a:p>
                      <a:pPr algn="ctr"/>
                      <a:r>
                        <a:rPr lang="vi-VN" sz="2600">
                          <a:latin typeface="Times New Roman" panose="02020603050405020304" pitchFamily="18" charset="0"/>
                          <a:cs typeface="Times New Roman" panose="02020603050405020304" pitchFamily="18" charset="0"/>
                        </a:rPr>
                        <a:t>U</a:t>
                      </a:r>
                      <a:endParaRPr lang="en-US" sz="2600">
                        <a:latin typeface="Times New Roman" panose="02020603050405020304" pitchFamily="18" charset="0"/>
                        <a:cs typeface="Times New Roman" panose="02020603050405020304" pitchFamily="18" charset="0"/>
                      </a:endParaRPr>
                    </a:p>
                  </a:txBody>
                  <a:tcPr>
                    <a:solidFill>
                      <a:schemeClr val="bg1">
                        <a:lumMod val="90000"/>
                      </a:schemeClr>
                    </a:solidFill>
                  </a:tcPr>
                </a:tc>
                <a:extLst>
                  <a:ext uri="{0D108BD9-81ED-4DB2-BD59-A6C34878D82A}">
                    <a16:rowId xmlns:a16="http://schemas.microsoft.com/office/drawing/2014/main" val="2778025491"/>
                  </a:ext>
                </a:extLst>
              </a:tr>
            </a:tbl>
          </a:graphicData>
        </a:graphic>
      </p:graphicFrame>
      <p:graphicFrame>
        <p:nvGraphicFramePr>
          <p:cNvPr id="21" name="Bảng 20">
            <a:extLst>
              <a:ext uri="{FF2B5EF4-FFF2-40B4-BE49-F238E27FC236}">
                <a16:creationId xmlns:a16="http://schemas.microsoft.com/office/drawing/2014/main" id="{C617673B-B2A8-9065-AB8E-C24E412EB4A6}"/>
              </a:ext>
            </a:extLst>
          </p:cNvPr>
          <p:cNvGraphicFramePr>
            <a:graphicFrameLocks noGrp="1"/>
          </p:cNvGraphicFramePr>
          <p:nvPr>
            <p:extLst>
              <p:ext uri="{D42A27DB-BD31-4B8C-83A1-F6EECF244321}">
                <p14:modId xmlns:p14="http://schemas.microsoft.com/office/powerpoint/2010/main" val="3446159318"/>
              </p:ext>
            </p:extLst>
          </p:nvPr>
        </p:nvGraphicFramePr>
        <p:xfrm>
          <a:off x="3512090" y="1484370"/>
          <a:ext cx="3599922" cy="518160"/>
        </p:xfrm>
        <a:graphic>
          <a:graphicData uri="http://schemas.openxmlformats.org/drawingml/2006/table">
            <a:tbl>
              <a:tblPr firstRow="1" bandRow="1">
                <a:tableStyleId>{19CC070B-6319-49F3-BE82-D27F163C84C2}</a:tableStyleId>
              </a:tblPr>
              <a:tblGrid>
                <a:gridCol w="599987">
                  <a:extLst>
                    <a:ext uri="{9D8B030D-6E8A-4147-A177-3AD203B41FA5}">
                      <a16:colId xmlns:a16="http://schemas.microsoft.com/office/drawing/2014/main" val="1347968068"/>
                    </a:ext>
                  </a:extLst>
                </a:gridCol>
                <a:gridCol w="599987">
                  <a:extLst>
                    <a:ext uri="{9D8B030D-6E8A-4147-A177-3AD203B41FA5}">
                      <a16:colId xmlns:a16="http://schemas.microsoft.com/office/drawing/2014/main" val="2762455014"/>
                    </a:ext>
                  </a:extLst>
                </a:gridCol>
                <a:gridCol w="599987">
                  <a:extLst>
                    <a:ext uri="{9D8B030D-6E8A-4147-A177-3AD203B41FA5}">
                      <a16:colId xmlns:a16="http://schemas.microsoft.com/office/drawing/2014/main" val="279753071"/>
                    </a:ext>
                  </a:extLst>
                </a:gridCol>
                <a:gridCol w="599987">
                  <a:extLst>
                    <a:ext uri="{9D8B030D-6E8A-4147-A177-3AD203B41FA5}">
                      <a16:colId xmlns:a16="http://schemas.microsoft.com/office/drawing/2014/main" val="2999254410"/>
                    </a:ext>
                  </a:extLst>
                </a:gridCol>
                <a:gridCol w="599987">
                  <a:extLst>
                    <a:ext uri="{9D8B030D-6E8A-4147-A177-3AD203B41FA5}">
                      <a16:colId xmlns:a16="http://schemas.microsoft.com/office/drawing/2014/main" val="2354253487"/>
                    </a:ext>
                  </a:extLst>
                </a:gridCol>
                <a:gridCol w="599987">
                  <a:extLst>
                    <a:ext uri="{9D8B030D-6E8A-4147-A177-3AD203B41FA5}">
                      <a16:colId xmlns:a16="http://schemas.microsoft.com/office/drawing/2014/main" val="3869343015"/>
                    </a:ext>
                  </a:extLst>
                </a:gridCol>
              </a:tblGrid>
              <a:tr h="478465">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b="1">
                        <a:solidFill>
                          <a:srgbClr val="FF0000"/>
                        </a:solidFill>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extLst>
                  <a:ext uri="{0D108BD9-81ED-4DB2-BD59-A6C34878D82A}">
                    <a16:rowId xmlns:a16="http://schemas.microsoft.com/office/drawing/2014/main" val="2778025491"/>
                  </a:ext>
                </a:extLst>
              </a:tr>
            </a:tbl>
          </a:graphicData>
        </a:graphic>
      </p:graphicFrame>
      <p:graphicFrame>
        <p:nvGraphicFramePr>
          <p:cNvPr id="22" name="Bảng 21">
            <a:extLst>
              <a:ext uri="{FF2B5EF4-FFF2-40B4-BE49-F238E27FC236}">
                <a16:creationId xmlns:a16="http://schemas.microsoft.com/office/drawing/2014/main" id="{59B3FCBF-FF49-1E99-F72A-E79FBEB2876D}"/>
              </a:ext>
            </a:extLst>
          </p:cNvPr>
          <p:cNvGraphicFramePr>
            <a:graphicFrameLocks noGrp="1"/>
          </p:cNvGraphicFramePr>
          <p:nvPr>
            <p:extLst>
              <p:ext uri="{D42A27DB-BD31-4B8C-83A1-F6EECF244321}">
                <p14:modId xmlns:p14="http://schemas.microsoft.com/office/powerpoint/2010/main" val="786675274"/>
              </p:ext>
            </p:extLst>
          </p:nvPr>
        </p:nvGraphicFramePr>
        <p:xfrm>
          <a:off x="4119573" y="2502643"/>
          <a:ext cx="1816081" cy="518160"/>
        </p:xfrm>
        <a:graphic>
          <a:graphicData uri="http://schemas.openxmlformats.org/drawingml/2006/table">
            <a:tbl>
              <a:tblPr firstRow="1" bandRow="1">
                <a:tableStyleId>{19CC070B-6319-49F3-BE82-D27F163C84C2}</a:tableStyleId>
              </a:tblPr>
              <a:tblGrid>
                <a:gridCol w="599987">
                  <a:extLst>
                    <a:ext uri="{9D8B030D-6E8A-4147-A177-3AD203B41FA5}">
                      <a16:colId xmlns:a16="http://schemas.microsoft.com/office/drawing/2014/main" val="1347968068"/>
                    </a:ext>
                  </a:extLst>
                </a:gridCol>
                <a:gridCol w="599987">
                  <a:extLst>
                    <a:ext uri="{9D8B030D-6E8A-4147-A177-3AD203B41FA5}">
                      <a16:colId xmlns:a16="http://schemas.microsoft.com/office/drawing/2014/main" val="2762455014"/>
                    </a:ext>
                  </a:extLst>
                </a:gridCol>
                <a:gridCol w="616107">
                  <a:extLst>
                    <a:ext uri="{9D8B030D-6E8A-4147-A177-3AD203B41FA5}">
                      <a16:colId xmlns:a16="http://schemas.microsoft.com/office/drawing/2014/main" val="279753071"/>
                    </a:ext>
                  </a:extLst>
                </a:gridCol>
              </a:tblGrid>
              <a:tr h="478465">
                <a:tc>
                  <a:txBody>
                    <a:bodyPr/>
                    <a:lstStyle/>
                    <a:p>
                      <a:pPr algn="ctr"/>
                      <a:endParaRPr lang="en-US" sz="2800" b="1">
                        <a:solidFill>
                          <a:srgbClr val="FF0000"/>
                        </a:solidFill>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extLst>
                  <a:ext uri="{0D108BD9-81ED-4DB2-BD59-A6C34878D82A}">
                    <a16:rowId xmlns:a16="http://schemas.microsoft.com/office/drawing/2014/main" val="2778025491"/>
                  </a:ext>
                </a:extLst>
              </a:tr>
            </a:tbl>
          </a:graphicData>
        </a:graphic>
      </p:graphicFrame>
      <p:graphicFrame>
        <p:nvGraphicFramePr>
          <p:cNvPr id="23" name="Bảng 22">
            <a:extLst>
              <a:ext uri="{FF2B5EF4-FFF2-40B4-BE49-F238E27FC236}">
                <a16:creationId xmlns:a16="http://schemas.microsoft.com/office/drawing/2014/main" id="{D05FED69-FA68-369E-DB86-E2EA2FC7DC94}"/>
              </a:ext>
            </a:extLst>
          </p:cNvPr>
          <p:cNvGraphicFramePr>
            <a:graphicFrameLocks noGrp="1"/>
          </p:cNvGraphicFramePr>
          <p:nvPr>
            <p:extLst>
              <p:ext uri="{D42A27DB-BD31-4B8C-83A1-F6EECF244321}">
                <p14:modId xmlns:p14="http://schemas.microsoft.com/office/powerpoint/2010/main" val="1217365637"/>
              </p:ext>
            </p:extLst>
          </p:nvPr>
        </p:nvGraphicFramePr>
        <p:xfrm>
          <a:off x="4111988" y="3025543"/>
          <a:ext cx="5684390" cy="518160"/>
        </p:xfrm>
        <a:graphic>
          <a:graphicData uri="http://schemas.openxmlformats.org/drawingml/2006/table">
            <a:tbl>
              <a:tblPr firstRow="1" bandRow="1">
                <a:tableStyleId>{19CC070B-6319-49F3-BE82-D27F163C84C2}</a:tableStyleId>
              </a:tblPr>
              <a:tblGrid>
                <a:gridCol w="602029">
                  <a:extLst>
                    <a:ext uri="{9D8B030D-6E8A-4147-A177-3AD203B41FA5}">
                      <a16:colId xmlns:a16="http://schemas.microsoft.com/office/drawing/2014/main" val="3052064507"/>
                    </a:ext>
                  </a:extLst>
                </a:gridCol>
                <a:gridCol w="606056">
                  <a:extLst>
                    <a:ext uri="{9D8B030D-6E8A-4147-A177-3AD203B41FA5}">
                      <a16:colId xmlns:a16="http://schemas.microsoft.com/office/drawing/2014/main" val="2208096451"/>
                    </a:ext>
                  </a:extLst>
                </a:gridCol>
                <a:gridCol w="606056">
                  <a:extLst>
                    <a:ext uri="{9D8B030D-6E8A-4147-A177-3AD203B41FA5}">
                      <a16:colId xmlns:a16="http://schemas.microsoft.com/office/drawing/2014/main" val="1902766870"/>
                    </a:ext>
                  </a:extLst>
                </a:gridCol>
                <a:gridCol w="600961">
                  <a:extLst>
                    <a:ext uri="{9D8B030D-6E8A-4147-A177-3AD203B41FA5}">
                      <a16:colId xmlns:a16="http://schemas.microsoft.com/office/drawing/2014/main" val="238112333"/>
                    </a:ext>
                  </a:extLst>
                </a:gridCol>
                <a:gridCol w="600075">
                  <a:extLst>
                    <a:ext uri="{9D8B030D-6E8A-4147-A177-3AD203B41FA5}">
                      <a16:colId xmlns:a16="http://schemas.microsoft.com/office/drawing/2014/main" val="464580656"/>
                    </a:ext>
                  </a:extLst>
                </a:gridCol>
                <a:gridCol w="523875">
                  <a:extLst>
                    <a:ext uri="{9D8B030D-6E8A-4147-A177-3AD203B41FA5}">
                      <a16:colId xmlns:a16="http://schemas.microsoft.com/office/drawing/2014/main" val="169265695"/>
                    </a:ext>
                  </a:extLst>
                </a:gridCol>
                <a:gridCol w="603619">
                  <a:extLst>
                    <a:ext uri="{9D8B030D-6E8A-4147-A177-3AD203B41FA5}">
                      <a16:colId xmlns:a16="http://schemas.microsoft.com/office/drawing/2014/main" val="4045120790"/>
                    </a:ext>
                  </a:extLst>
                </a:gridCol>
                <a:gridCol w="595423">
                  <a:extLst>
                    <a:ext uri="{9D8B030D-6E8A-4147-A177-3AD203B41FA5}">
                      <a16:colId xmlns:a16="http://schemas.microsoft.com/office/drawing/2014/main" val="1581222416"/>
                    </a:ext>
                  </a:extLst>
                </a:gridCol>
                <a:gridCol w="467833">
                  <a:extLst>
                    <a:ext uri="{9D8B030D-6E8A-4147-A177-3AD203B41FA5}">
                      <a16:colId xmlns:a16="http://schemas.microsoft.com/office/drawing/2014/main" val="211236436"/>
                    </a:ext>
                  </a:extLst>
                </a:gridCol>
                <a:gridCol w="478463">
                  <a:extLst>
                    <a:ext uri="{9D8B030D-6E8A-4147-A177-3AD203B41FA5}">
                      <a16:colId xmlns:a16="http://schemas.microsoft.com/office/drawing/2014/main" val="1530065913"/>
                    </a:ext>
                  </a:extLst>
                </a:gridCol>
              </a:tblGrid>
              <a:tr h="504516">
                <a:tc>
                  <a:txBody>
                    <a:bodyPr/>
                    <a:lstStyle/>
                    <a:p>
                      <a:pPr algn="ctr"/>
                      <a:endParaRPr lang="en-US" sz="2800" b="1">
                        <a:solidFill>
                          <a:srgbClr val="FF0000"/>
                        </a:solidFill>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extLst>
                  <a:ext uri="{0D108BD9-81ED-4DB2-BD59-A6C34878D82A}">
                    <a16:rowId xmlns:a16="http://schemas.microsoft.com/office/drawing/2014/main" val="1344447443"/>
                  </a:ext>
                </a:extLst>
              </a:tr>
            </a:tbl>
          </a:graphicData>
        </a:graphic>
      </p:graphicFrame>
      <p:graphicFrame>
        <p:nvGraphicFramePr>
          <p:cNvPr id="24" name="Bảng 23">
            <a:extLst>
              <a:ext uri="{FF2B5EF4-FFF2-40B4-BE49-F238E27FC236}">
                <a16:creationId xmlns:a16="http://schemas.microsoft.com/office/drawing/2014/main" id="{9800782F-48CA-6183-2A17-4EA484523FD3}"/>
              </a:ext>
            </a:extLst>
          </p:cNvPr>
          <p:cNvGraphicFramePr>
            <a:graphicFrameLocks noGrp="1"/>
          </p:cNvGraphicFramePr>
          <p:nvPr>
            <p:extLst>
              <p:ext uri="{D42A27DB-BD31-4B8C-83A1-F6EECF244321}">
                <p14:modId xmlns:p14="http://schemas.microsoft.com/office/powerpoint/2010/main" val="3579939796"/>
              </p:ext>
            </p:extLst>
          </p:nvPr>
        </p:nvGraphicFramePr>
        <p:xfrm>
          <a:off x="3542268" y="3547015"/>
          <a:ext cx="4123586" cy="518160"/>
        </p:xfrm>
        <a:graphic>
          <a:graphicData uri="http://schemas.openxmlformats.org/drawingml/2006/table">
            <a:tbl>
              <a:tblPr firstRow="1" bandRow="1">
                <a:tableStyleId>{19CC070B-6319-49F3-BE82-D27F163C84C2}</a:tableStyleId>
              </a:tblPr>
              <a:tblGrid>
                <a:gridCol w="563107">
                  <a:extLst>
                    <a:ext uri="{9D8B030D-6E8A-4147-A177-3AD203B41FA5}">
                      <a16:colId xmlns:a16="http://schemas.microsoft.com/office/drawing/2014/main" val="2466416104"/>
                    </a:ext>
                  </a:extLst>
                </a:gridCol>
                <a:gridCol w="615061">
                  <a:extLst>
                    <a:ext uri="{9D8B030D-6E8A-4147-A177-3AD203B41FA5}">
                      <a16:colId xmlns:a16="http://schemas.microsoft.com/office/drawing/2014/main" val="1392412294"/>
                    </a:ext>
                  </a:extLst>
                </a:gridCol>
                <a:gridCol w="589084">
                  <a:extLst>
                    <a:ext uri="{9D8B030D-6E8A-4147-A177-3AD203B41FA5}">
                      <a16:colId xmlns:a16="http://schemas.microsoft.com/office/drawing/2014/main" val="4223108832"/>
                    </a:ext>
                  </a:extLst>
                </a:gridCol>
                <a:gridCol w="607521">
                  <a:extLst>
                    <a:ext uri="{9D8B030D-6E8A-4147-A177-3AD203B41FA5}">
                      <a16:colId xmlns:a16="http://schemas.microsoft.com/office/drawing/2014/main" val="2911652068"/>
                    </a:ext>
                  </a:extLst>
                </a:gridCol>
                <a:gridCol w="607050">
                  <a:extLst>
                    <a:ext uri="{9D8B030D-6E8A-4147-A177-3AD203B41FA5}">
                      <a16:colId xmlns:a16="http://schemas.microsoft.com/office/drawing/2014/main" val="2015157125"/>
                    </a:ext>
                  </a:extLst>
                </a:gridCol>
                <a:gridCol w="597565">
                  <a:extLst>
                    <a:ext uri="{9D8B030D-6E8A-4147-A177-3AD203B41FA5}">
                      <a16:colId xmlns:a16="http://schemas.microsoft.com/office/drawing/2014/main" val="3762080205"/>
                    </a:ext>
                  </a:extLst>
                </a:gridCol>
                <a:gridCol w="544198">
                  <a:extLst>
                    <a:ext uri="{9D8B030D-6E8A-4147-A177-3AD203B41FA5}">
                      <a16:colId xmlns:a16="http://schemas.microsoft.com/office/drawing/2014/main" val="2990054284"/>
                    </a:ext>
                  </a:extLst>
                </a:gridCol>
              </a:tblGrid>
              <a:tr h="502920">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b="1">
                        <a:solidFill>
                          <a:srgbClr val="FF0000"/>
                        </a:solidFill>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extLst>
                  <a:ext uri="{0D108BD9-81ED-4DB2-BD59-A6C34878D82A}">
                    <a16:rowId xmlns:a16="http://schemas.microsoft.com/office/drawing/2014/main" val="2398494824"/>
                  </a:ext>
                </a:extLst>
              </a:tr>
            </a:tbl>
          </a:graphicData>
        </a:graphic>
      </p:graphicFrame>
      <p:graphicFrame>
        <p:nvGraphicFramePr>
          <p:cNvPr id="32" name="Bảng 31">
            <a:extLst>
              <a:ext uri="{FF2B5EF4-FFF2-40B4-BE49-F238E27FC236}">
                <a16:creationId xmlns:a16="http://schemas.microsoft.com/office/drawing/2014/main" id="{82DC5AB6-C45F-D761-3B38-DCF2246C07BC}"/>
              </a:ext>
            </a:extLst>
          </p:cNvPr>
          <p:cNvGraphicFramePr>
            <a:graphicFrameLocks noGrp="1"/>
          </p:cNvGraphicFramePr>
          <p:nvPr>
            <p:extLst>
              <p:ext uri="{D42A27DB-BD31-4B8C-83A1-F6EECF244321}">
                <p14:modId xmlns:p14="http://schemas.microsoft.com/office/powerpoint/2010/main" val="3868472721"/>
              </p:ext>
            </p:extLst>
          </p:nvPr>
        </p:nvGraphicFramePr>
        <p:xfrm>
          <a:off x="4113095" y="4068997"/>
          <a:ext cx="5429214" cy="518160"/>
        </p:xfrm>
        <a:graphic>
          <a:graphicData uri="http://schemas.openxmlformats.org/drawingml/2006/table">
            <a:tbl>
              <a:tblPr firstRow="1" bandRow="1">
                <a:tableStyleId>{19CC070B-6319-49F3-BE82-D27F163C84C2}</a:tableStyleId>
              </a:tblPr>
              <a:tblGrid>
                <a:gridCol w="613770">
                  <a:extLst>
                    <a:ext uri="{9D8B030D-6E8A-4147-A177-3AD203B41FA5}">
                      <a16:colId xmlns:a16="http://schemas.microsoft.com/office/drawing/2014/main" val="3052064507"/>
                    </a:ext>
                  </a:extLst>
                </a:gridCol>
                <a:gridCol w="592722">
                  <a:extLst>
                    <a:ext uri="{9D8B030D-6E8A-4147-A177-3AD203B41FA5}">
                      <a16:colId xmlns:a16="http://schemas.microsoft.com/office/drawing/2014/main" val="2208096451"/>
                    </a:ext>
                  </a:extLst>
                </a:gridCol>
                <a:gridCol w="603246">
                  <a:extLst>
                    <a:ext uri="{9D8B030D-6E8A-4147-A177-3AD203B41FA5}">
                      <a16:colId xmlns:a16="http://schemas.microsoft.com/office/drawing/2014/main" val="1902766870"/>
                    </a:ext>
                  </a:extLst>
                </a:gridCol>
                <a:gridCol w="603246">
                  <a:extLst>
                    <a:ext uri="{9D8B030D-6E8A-4147-A177-3AD203B41FA5}">
                      <a16:colId xmlns:a16="http://schemas.microsoft.com/office/drawing/2014/main" val="238112333"/>
                    </a:ext>
                  </a:extLst>
                </a:gridCol>
                <a:gridCol w="603246">
                  <a:extLst>
                    <a:ext uri="{9D8B030D-6E8A-4147-A177-3AD203B41FA5}">
                      <a16:colId xmlns:a16="http://schemas.microsoft.com/office/drawing/2014/main" val="464580656"/>
                    </a:ext>
                  </a:extLst>
                </a:gridCol>
                <a:gridCol w="540765">
                  <a:extLst>
                    <a:ext uri="{9D8B030D-6E8A-4147-A177-3AD203B41FA5}">
                      <a16:colId xmlns:a16="http://schemas.microsoft.com/office/drawing/2014/main" val="169265695"/>
                    </a:ext>
                  </a:extLst>
                </a:gridCol>
                <a:gridCol w="665727">
                  <a:extLst>
                    <a:ext uri="{9D8B030D-6E8A-4147-A177-3AD203B41FA5}">
                      <a16:colId xmlns:a16="http://schemas.microsoft.com/office/drawing/2014/main" val="4045120790"/>
                    </a:ext>
                  </a:extLst>
                </a:gridCol>
                <a:gridCol w="603246">
                  <a:extLst>
                    <a:ext uri="{9D8B030D-6E8A-4147-A177-3AD203B41FA5}">
                      <a16:colId xmlns:a16="http://schemas.microsoft.com/office/drawing/2014/main" val="1581222416"/>
                    </a:ext>
                  </a:extLst>
                </a:gridCol>
                <a:gridCol w="603246">
                  <a:extLst>
                    <a:ext uri="{9D8B030D-6E8A-4147-A177-3AD203B41FA5}">
                      <a16:colId xmlns:a16="http://schemas.microsoft.com/office/drawing/2014/main" val="2294987878"/>
                    </a:ext>
                  </a:extLst>
                </a:gridCol>
              </a:tblGrid>
              <a:tr h="504516">
                <a:tc>
                  <a:txBody>
                    <a:bodyPr/>
                    <a:lstStyle/>
                    <a:p>
                      <a:pPr algn="ctr"/>
                      <a:endParaRPr lang="en-US" sz="2800" b="1">
                        <a:solidFill>
                          <a:srgbClr val="FF0000"/>
                        </a:solidFill>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extLst>
                  <a:ext uri="{0D108BD9-81ED-4DB2-BD59-A6C34878D82A}">
                    <a16:rowId xmlns:a16="http://schemas.microsoft.com/office/drawing/2014/main" val="1344447443"/>
                  </a:ext>
                </a:extLst>
              </a:tr>
            </a:tbl>
          </a:graphicData>
        </a:graphic>
      </p:graphicFrame>
      <p:graphicFrame>
        <p:nvGraphicFramePr>
          <p:cNvPr id="33" name="Bảng 32">
            <a:extLst>
              <a:ext uri="{FF2B5EF4-FFF2-40B4-BE49-F238E27FC236}">
                <a16:creationId xmlns:a16="http://schemas.microsoft.com/office/drawing/2014/main" id="{3CEA6F58-CA8D-C554-03BB-66BF2000501C}"/>
              </a:ext>
            </a:extLst>
          </p:cNvPr>
          <p:cNvGraphicFramePr>
            <a:graphicFrameLocks noGrp="1"/>
          </p:cNvGraphicFramePr>
          <p:nvPr>
            <p:extLst>
              <p:ext uri="{D42A27DB-BD31-4B8C-83A1-F6EECF244321}">
                <p14:modId xmlns:p14="http://schemas.microsoft.com/office/powerpoint/2010/main" val="3859120360"/>
              </p:ext>
            </p:extLst>
          </p:nvPr>
        </p:nvGraphicFramePr>
        <p:xfrm>
          <a:off x="503734" y="4583093"/>
          <a:ext cx="4823152" cy="518160"/>
        </p:xfrm>
        <a:graphic>
          <a:graphicData uri="http://schemas.openxmlformats.org/drawingml/2006/table">
            <a:tbl>
              <a:tblPr firstRow="1" bandRow="1">
                <a:tableStyleId>{19CC070B-6319-49F3-BE82-D27F163C84C2}</a:tableStyleId>
              </a:tblPr>
              <a:tblGrid>
                <a:gridCol w="602894">
                  <a:extLst>
                    <a:ext uri="{9D8B030D-6E8A-4147-A177-3AD203B41FA5}">
                      <a16:colId xmlns:a16="http://schemas.microsoft.com/office/drawing/2014/main" val="3052064507"/>
                    </a:ext>
                  </a:extLst>
                </a:gridCol>
                <a:gridCol w="602894">
                  <a:extLst>
                    <a:ext uri="{9D8B030D-6E8A-4147-A177-3AD203B41FA5}">
                      <a16:colId xmlns:a16="http://schemas.microsoft.com/office/drawing/2014/main" val="2208096451"/>
                    </a:ext>
                  </a:extLst>
                </a:gridCol>
                <a:gridCol w="602894">
                  <a:extLst>
                    <a:ext uri="{9D8B030D-6E8A-4147-A177-3AD203B41FA5}">
                      <a16:colId xmlns:a16="http://schemas.microsoft.com/office/drawing/2014/main" val="1902766870"/>
                    </a:ext>
                  </a:extLst>
                </a:gridCol>
                <a:gridCol w="602894">
                  <a:extLst>
                    <a:ext uri="{9D8B030D-6E8A-4147-A177-3AD203B41FA5}">
                      <a16:colId xmlns:a16="http://schemas.microsoft.com/office/drawing/2014/main" val="238112333"/>
                    </a:ext>
                  </a:extLst>
                </a:gridCol>
                <a:gridCol w="602894">
                  <a:extLst>
                    <a:ext uri="{9D8B030D-6E8A-4147-A177-3AD203B41FA5}">
                      <a16:colId xmlns:a16="http://schemas.microsoft.com/office/drawing/2014/main" val="464580656"/>
                    </a:ext>
                  </a:extLst>
                </a:gridCol>
                <a:gridCol w="602894">
                  <a:extLst>
                    <a:ext uri="{9D8B030D-6E8A-4147-A177-3AD203B41FA5}">
                      <a16:colId xmlns:a16="http://schemas.microsoft.com/office/drawing/2014/main" val="169265695"/>
                    </a:ext>
                  </a:extLst>
                </a:gridCol>
                <a:gridCol w="602894">
                  <a:extLst>
                    <a:ext uri="{9D8B030D-6E8A-4147-A177-3AD203B41FA5}">
                      <a16:colId xmlns:a16="http://schemas.microsoft.com/office/drawing/2014/main" val="4045120790"/>
                    </a:ext>
                  </a:extLst>
                </a:gridCol>
                <a:gridCol w="602894">
                  <a:extLst>
                    <a:ext uri="{9D8B030D-6E8A-4147-A177-3AD203B41FA5}">
                      <a16:colId xmlns:a16="http://schemas.microsoft.com/office/drawing/2014/main" val="1581222416"/>
                    </a:ext>
                  </a:extLst>
                </a:gridCol>
              </a:tblGrid>
              <a:tr h="504516">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b="1">
                        <a:solidFill>
                          <a:srgbClr val="FF0000"/>
                        </a:solidFill>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800">
                        <a:latin typeface="Times New Roman" panose="02020603050405020304" pitchFamily="18" charset="0"/>
                        <a:cs typeface="Times New Roman" panose="02020603050405020304" pitchFamily="18" charset="0"/>
                      </a:endParaRPr>
                    </a:p>
                  </a:txBody>
                  <a:tcPr>
                    <a:solidFill>
                      <a:srgbClr val="FFFF00"/>
                    </a:solidFill>
                  </a:tcPr>
                </a:tc>
                <a:extLst>
                  <a:ext uri="{0D108BD9-81ED-4DB2-BD59-A6C34878D82A}">
                    <a16:rowId xmlns:a16="http://schemas.microsoft.com/office/drawing/2014/main" val="1344447443"/>
                  </a:ext>
                </a:extLst>
              </a:tr>
            </a:tbl>
          </a:graphicData>
        </a:graphic>
      </p:graphicFrame>
      <p:graphicFrame>
        <p:nvGraphicFramePr>
          <p:cNvPr id="34" name="Bảng 33">
            <a:extLst>
              <a:ext uri="{FF2B5EF4-FFF2-40B4-BE49-F238E27FC236}">
                <a16:creationId xmlns:a16="http://schemas.microsoft.com/office/drawing/2014/main" id="{FE1B9004-15B4-495C-943D-D47CC80F42C8}"/>
              </a:ext>
            </a:extLst>
          </p:cNvPr>
          <p:cNvGraphicFramePr>
            <a:graphicFrameLocks noGrp="1"/>
          </p:cNvGraphicFramePr>
          <p:nvPr>
            <p:extLst>
              <p:ext uri="{D42A27DB-BD31-4B8C-83A1-F6EECF244321}">
                <p14:modId xmlns:p14="http://schemas.microsoft.com/office/powerpoint/2010/main" val="1857319633"/>
              </p:ext>
            </p:extLst>
          </p:nvPr>
        </p:nvGraphicFramePr>
        <p:xfrm>
          <a:off x="1717059" y="2015152"/>
          <a:ext cx="3599922" cy="487680"/>
        </p:xfrm>
        <a:graphic>
          <a:graphicData uri="http://schemas.openxmlformats.org/drawingml/2006/table">
            <a:tbl>
              <a:tblPr firstRow="1" bandRow="1">
                <a:tableStyleId>{19CC070B-6319-49F3-BE82-D27F163C84C2}</a:tableStyleId>
              </a:tblPr>
              <a:tblGrid>
                <a:gridCol w="599987">
                  <a:extLst>
                    <a:ext uri="{9D8B030D-6E8A-4147-A177-3AD203B41FA5}">
                      <a16:colId xmlns:a16="http://schemas.microsoft.com/office/drawing/2014/main" val="1347968068"/>
                    </a:ext>
                  </a:extLst>
                </a:gridCol>
                <a:gridCol w="599987">
                  <a:extLst>
                    <a:ext uri="{9D8B030D-6E8A-4147-A177-3AD203B41FA5}">
                      <a16:colId xmlns:a16="http://schemas.microsoft.com/office/drawing/2014/main" val="2762455014"/>
                    </a:ext>
                  </a:extLst>
                </a:gridCol>
                <a:gridCol w="599987">
                  <a:extLst>
                    <a:ext uri="{9D8B030D-6E8A-4147-A177-3AD203B41FA5}">
                      <a16:colId xmlns:a16="http://schemas.microsoft.com/office/drawing/2014/main" val="279753071"/>
                    </a:ext>
                  </a:extLst>
                </a:gridCol>
                <a:gridCol w="599987">
                  <a:extLst>
                    <a:ext uri="{9D8B030D-6E8A-4147-A177-3AD203B41FA5}">
                      <a16:colId xmlns:a16="http://schemas.microsoft.com/office/drawing/2014/main" val="2999254410"/>
                    </a:ext>
                  </a:extLst>
                </a:gridCol>
                <a:gridCol w="599987">
                  <a:extLst>
                    <a:ext uri="{9D8B030D-6E8A-4147-A177-3AD203B41FA5}">
                      <a16:colId xmlns:a16="http://schemas.microsoft.com/office/drawing/2014/main" val="2354253487"/>
                    </a:ext>
                  </a:extLst>
                </a:gridCol>
                <a:gridCol w="599987">
                  <a:extLst>
                    <a:ext uri="{9D8B030D-6E8A-4147-A177-3AD203B41FA5}">
                      <a16:colId xmlns:a16="http://schemas.microsoft.com/office/drawing/2014/main" val="3869343015"/>
                    </a:ext>
                  </a:extLst>
                </a:gridCol>
              </a:tblGrid>
              <a:tr h="478465">
                <a:tc>
                  <a:txBody>
                    <a:bodyPr/>
                    <a:lstStyle/>
                    <a:p>
                      <a:pPr algn="ctr"/>
                      <a:endParaRPr lang="en-US" sz="26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600" b="1">
                        <a:solidFill>
                          <a:schemeClr val="tx1"/>
                        </a:solidFill>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6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600">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600" b="1">
                        <a:solidFill>
                          <a:srgbClr val="FF0000"/>
                        </a:solidFill>
                        <a:latin typeface="Times New Roman" panose="02020603050405020304" pitchFamily="18" charset="0"/>
                        <a:cs typeface="Times New Roman" panose="02020603050405020304" pitchFamily="18" charset="0"/>
                      </a:endParaRPr>
                    </a:p>
                  </a:txBody>
                  <a:tcPr>
                    <a:solidFill>
                      <a:srgbClr val="FFFF00"/>
                    </a:solidFill>
                  </a:tcPr>
                </a:tc>
                <a:tc>
                  <a:txBody>
                    <a:bodyPr/>
                    <a:lstStyle/>
                    <a:p>
                      <a:pPr algn="ctr"/>
                      <a:endParaRPr lang="en-US" sz="2600">
                        <a:latin typeface="Times New Roman" panose="02020603050405020304" pitchFamily="18" charset="0"/>
                        <a:cs typeface="Times New Roman" panose="02020603050405020304" pitchFamily="18" charset="0"/>
                      </a:endParaRPr>
                    </a:p>
                  </a:txBody>
                  <a:tcPr>
                    <a:solidFill>
                      <a:srgbClr val="FFFF00"/>
                    </a:solidFill>
                  </a:tcPr>
                </a:tc>
                <a:extLst>
                  <a:ext uri="{0D108BD9-81ED-4DB2-BD59-A6C34878D82A}">
                    <a16:rowId xmlns:a16="http://schemas.microsoft.com/office/drawing/2014/main" val="2778025491"/>
                  </a:ext>
                </a:extLst>
              </a:tr>
            </a:tbl>
          </a:graphicData>
        </a:graphic>
      </p:graphicFrame>
    </p:spTree>
    <p:custDataLst>
      <p:tags r:id="rId1"/>
    </p:custDataLst>
    <p:extLst>
      <p:ext uri="{BB962C8B-B14F-4D97-AF65-F5344CB8AC3E}">
        <p14:creationId xmlns:p14="http://schemas.microsoft.com/office/powerpoint/2010/main" val="3371471079"/>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timing>
    <p:tnLst>
      <p:par>
        <p:cTn id="1" dur="indefinite" restart="never" nodeType="tmRoot">
          <p:childTnLst>
            <p:seq concurrent="1" nextAc="seek">
              <p:cTn id="2" restart="whenNotActive" fill="hold" evtFilter="cancelBubble" nodeType="interactiveSeq">
                <p:stCondLst>
                  <p:cond evt="onClick" delay="0">
                    <p:tgtEl>
                      <p:spTgt spid="43"/>
                    </p:tgtEl>
                  </p:cond>
                </p:stCondLst>
                <p:endSync evt="end" delay="0">
                  <p:rtn val="all"/>
                </p:endSync>
                <p:childTnLst>
                  <p:par>
                    <p:cTn id="3" fill="hold">
                      <p:stCondLst>
                        <p:cond delay="0"/>
                      </p:stCondLst>
                      <p:childTnLst>
                        <p:par>
                          <p:cTn id="4" fill="hold">
                            <p:stCondLst>
                              <p:cond delay="0"/>
                            </p:stCondLst>
                            <p:childTnLst>
                              <p:par>
                                <p:cTn id="5" presetID="14" presetClass="exit" presetSubtype="10" fill="hold" nodeType="clickEffect">
                                  <p:stCondLst>
                                    <p:cond delay="0"/>
                                  </p:stCondLst>
                                  <p:childTnLst>
                                    <p:animEffect transition="out" filter="randombar(horizontal)">
                                      <p:cBhvr>
                                        <p:cTn id="6" dur="500"/>
                                        <p:tgtEl>
                                          <p:spTgt spid="21"/>
                                        </p:tgtEl>
                                      </p:cBhvr>
                                    </p:animEffect>
                                    <p:set>
                                      <p:cBhvr>
                                        <p:cTn id="7" dur="1" fill="hold">
                                          <p:stCondLst>
                                            <p:cond delay="499"/>
                                          </p:stCondLst>
                                        </p:cTn>
                                        <p:tgtEl>
                                          <p:spTgt spid="21"/>
                                        </p:tgtEl>
                                        <p:attrNameLst>
                                          <p:attrName>style.visibility</p:attrName>
                                        </p:attrNameLst>
                                      </p:cBhvr>
                                      <p:to>
                                        <p:strVal val="hidden"/>
                                      </p:to>
                                    </p:set>
                                  </p:childTnLst>
                                </p:cTn>
                              </p:par>
                            </p:childTnLst>
                          </p:cTn>
                        </p:par>
                      </p:childTnLst>
                    </p:cTn>
                  </p:par>
                </p:childTnLst>
              </p:cTn>
              <p:nextCondLst>
                <p:cond evt="onClick" delay="0">
                  <p:tgtEl>
                    <p:spTgt spid="43"/>
                  </p:tgtEl>
                </p:cond>
              </p:nextCondLst>
            </p:seq>
            <p:seq concurrent="1" nextAc="seek">
              <p:cTn id="8" restart="whenNotActive" fill="hold" evtFilter="cancelBubble" nodeType="interactiveSeq">
                <p:stCondLst>
                  <p:cond evt="onClick" delay="0">
                    <p:tgtEl>
                      <p:spTgt spid="44"/>
                    </p:tgtEl>
                  </p:cond>
                </p:stCondLst>
                <p:endSync evt="end" delay="0">
                  <p:rtn val="all"/>
                </p:endSync>
                <p:childTnLst>
                  <p:par>
                    <p:cTn id="9" fill="hold">
                      <p:stCondLst>
                        <p:cond delay="0"/>
                      </p:stCondLst>
                      <p:childTnLst>
                        <p:par>
                          <p:cTn id="10" fill="hold">
                            <p:stCondLst>
                              <p:cond delay="0"/>
                            </p:stCondLst>
                            <p:childTnLst>
                              <p:par>
                                <p:cTn id="11" presetID="14" presetClass="exit" presetSubtype="10" fill="hold" nodeType="clickEffect">
                                  <p:stCondLst>
                                    <p:cond delay="0"/>
                                  </p:stCondLst>
                                  <p:childTnLst>
                                    <p:animEffect transition="out" filter="randombar(horizontal)">
                                      <p:cBhvr>
                                        <p:cTn id="12" dur="500"/>
                                        <p:tgtEl>
                                          <p:spTgt spid="34"/>
                                        </p:tgtEl>
                                      </p:cBhvr>
                                    </p:animEffect>
                                    <p:set>
                                      <p:cBhvr>
                                        <p:cTn id="13" dur="1" fill="hold">
                                          <p:stCondLst>
                                            <p:cond delay="499"/>
                                          </p:stCondLst>
                                        </p:cTn>
                                        <p:tgtEl>
                                          <p:spTgt spid="34"/>
                                        </p:tgtEl>
                                        <p:attrNameLst>
                                          <p:attrName>style.visibility</p:attrName>
                                        </p:attrNameLst>
                                      </p:cBhvr>
                                      <p:to>
                                        <p:strVal val="hidden"/>
                                      </p:to>
                                    </p:set>
                                  </p:childTnLst>
                                </p:cTn>
                              </p:par>
                            </p:childTnLst>
                          </p:cTn>
                        </p:par>
                      </p:childTnLst>
                    </p:cTn>
                  </p:par>
                </p:childTnLst>
              </p:cTn>
              <p:nextCondLst>
                <p:cond evt="onClick" delay="0">
                  <p:tgtEl>
                    <p:spTgt spid="44"/>
                  </p:tgtEl>
                </p:cond>
              </p:nextCondLst>
            </p:seq>
            <p:seq concurrent="1" nextAc="seek">
              <p:cTn id="14" restart="whenNotActive" fill="hold" evtFilter="cancelBubble" nodeType="interactiveSeq">
                <p:stCondLst>
                  <p:cond evt="onClick" delay="0">
                    <p:tgtEl>
                      <p:spTgt spid="45"/>
                    </p:tgtEl>
                  </p:cond>
                </p:stCondLst>
                <p:endSync evt="end" delay="0">
                  <p:rtn val="all"/>
                </p:endSync>
                <p:childTnLst>
                  <p:par>
                    <p:cTn id="15" fill="hold">
                      <p:stCondLst>
                        <p:cond delay="0"/>
                      </p:stCondLst>
                      <p:childTnLst>
                        <p:par>
                          <p:cTn id="16" fill="hold">
                            <p:stCondLst>
                              <p:cond delay="0"/>
                            </p:stCondLst>
                            <p:childTnLst>
                              <p:par>
                                <p:cTn id="17" presetID="14" presetClass="exit" presetSubtype="10" fill="hold" nodeType="clickEffect">
                                  <p:stCondLst>
                                    <p:cond delay="0"/>
                                  </p:stCondLst>
                                  <p:childTnLst>
                                    <p:animEffect transition="out" filter="randombar(horizontal)">
                                      <p:cBhvr>
                                        <p:cTn id="18" dur="500"/>
                                        <p:tgtEl>
                                          <p:spTgt spid="22"/>
                                        </p:tgtEl>
                                      </p:cBhvr>
                                    </p:animEffect>
                                    <p:set>
                                      <p:cBhvr>
                                        <p:cTn id="19" dur="1" fill="hold">
                                          <p:stCondLst>
                                            <p:cond delay="499"/>
                                          </p:stCondLst>
                                        </p:cTn>
                                        <p:tgtEl>
                                          <p:spTgt spid="22"/>
                                        </p:tgtEl>
                                        <p:attrNameLst>
                                          <p:attrName>style.visibility</p:attrName>
                                        </p:attrNameLst>
                                      </p:cBhvr>
                                      <p:to>
                                        <p:strVal val="hidden"/>
                                      </p:to>
                                    </p:set>
                                  </p:childTnLst>
                                </p:cTn>
                              </p:par>
                            </p:childTnLst>
                          </p:cTn>
                        </p:par>
                      </p:childTnLst>
                    </p:cTn>
                  </p:par>
                </p:childTnLst>
              </p:cTn>
              <p:nextCondLst>
                <p:cond evt="onClick" delay="0">
                  <p:tgtEl>
                    <p:spTgt spid="45"/>
                  </p:tgtEl>
                </p:cond>
              </p:nextCondLst>
            </p:seq>
            <p:seq concurrent="1" nextAc="seek">
              <p:cTn id="20" restart="whenNotActive" fill="hold" evtFilter="cancelBubble" nodeType="interactiveSeq">
                <p:stCondLst>
                  <p:cond evt="onClick" delay="0">
                    <p:tgtEl>
                      <p:spTgt spid="46"/>
                    </p:tgtEl>
                  </p:cond>
                </p:stCondLst>
                <p:endSync evt="end" delay="0">
                  <p:rtn val="all"/>
                </p:endSync>
                <p:childTnLst>
                  <p:par>
                    <p:cTn id="21" fill="hold">
                      <p:stCondLst>
                        <p:cond delay="0"/>
                      </p:stCondLst>
                      <p:childTnLst>
                        <p:par>
                          <p:cTn id="22" fill="hold">
                            <p:stCondLst>
                              <p:cond delay="0"/>
                            </p:stCondLst>
                            <p:childTnLst>
                              <p:par>
                                <p:cTn id="23" presetID="14" presetClass="exit" presetSubtype="10" fill="hold" nodeType="clickEffect">
                                  <p:stCondLst>
                                    <p:cond delay="0"/>
                                  </p:stCondLst>
                                  <p:childTnLst>
                                    <p:animEffect transition="out" filter="randombar(horizontal)">
                                      <p:cBhvr>
                                        <p:cTn id="24" dur="500"/>
                                        <p:tgtEl>
                                          <p:spTgt spid="23"/>
                                        </p:tgtEl>
                                      </p:cBhvr>
                                    </p:animEffect>
                                    <p:set>
                                      <p:cBhvr>
                                        <p:cTn id="25" dur="1" fill="hold">
                                          <p:stCondLst>
                                            <p:cond delay="499"/>
                                          </p:stCondLst>
                                        </p:cTn>
                                        <p:tgtEl>
                                          <p:spTgt spid="23"/>
                                        </p:tgtEl>
                                        <p:attrNameLst>
                                          <p:attrName>style.visibility</p:attrName>
                                        </p:attrNameLst>
                                      </p:cBhvr>
                                      <p:to>
                                        <p:strVal val="hidden"/>
                                      </p:to>
                                    </p:set>
                                  </p:childTnLst>
                                </p:cTn>
                              </p:par>
                            </p:childTnLst>
                          </p:cTn>
                        </p:par>
                      </p:childTnLst>
                    </p:cTn>
                  </p:par>
                </p:childTnLst>
              </p:cTn>
              <p:nextCondLst>
                <p:cond evt="onClick" delay="0">
                  <p:tgtEl>
                    <p:spTgt spid="46"/>
                  </p:tgtEl>
                </p:cond>
              </p:nextCondLst>
            </p:seq>
            <p:seq concurrent="1" nextAc="seek">
              <p:cTn id="26" restart="whenNotActive" fill="hold" evtFilter="cancelBubble" nodeType="interactiveSeq">
                <p:stCondLst>
                  <p:cond evt="onClick" delay="0">
                    <p:tgtEl>
                      <p:spTgt spid="47"/>
                    </p:tgtEl>
                  </p:cond>
                </p:stCondLst>
                <p:endSync evt="end" delay="0">
                  <p:rtn val="all"/>
                </p:endSync>
                <p:childTnLst>
                  <p:par>
                    <p:cTn id="27" fill="hold">
                      <p:stCondLst>
                        <p:cond delay="0"/>
                      </p:stCondLst>
                      <p:childTnLst>
                        <p:par>
                          <p:cTn id="28" fill="hold">
                            <p:stCondLst>
                              <p:cond delay="0"/>
                            </p:stCondLst>
                            <p:childTnLst>
                              <p:par>
                                <p:cTn id="29" presetID="14" presetClass="exit" presetSubtype="10" fill="hold" nodeType="clickEffect">
                                  <p:stCondLst>
                                    <p:cond delay="0"/>
                                  </p:stCondLst>
                                  <p:childTnLst>
                                    <p:animEffect transition="out" filter="randombar(horizontal)">
                                      <p:cBhvr>
                                        <p:cTn id="30" dur="500"/>
                                        <p:tgtEl>
                                          <p:spTgt spid="24"/>
                                        </p:tgtEl>
                                      </p:cBhvr>
                                    </p:animEffect>
                                    <p:set>
                                      <p:cBhvr>
                                        <p:cTn id="31" dur="1" fill="hold">
                                          <p:stCondLst>
                                            <p:cond delay="499"/>
                                          </p:stCondLst>
                                        </p:cTn>
                                        <p:tgtEl>
                                          <p:spTgt spid="24"/>
                                        </p:tgtEl>
                                        <p:attrNameLst>
                                          <p:attrName>style.visibility</p:attrName>
                                        </p:attrNameLst>
                                      </p:cBhvr>
                                      <p:to>
                                        <p:strVal val="hidden"/>
                                      </p:to>
                                    </p:set>
                                  </p:childTnLst>
                                </p:cTn>
                              </p:par>
                            </p:childTnLst>
                          </p:cTn>
                        </p:par>
                      </p:childTnLst>
                    </p:cTn>
                  </p:par>
                </p:childTnLst>
              </p:cTn>
              <p:nextCondLst>
                <p:cond evt="onClick" delay="0">
                  <p:tgtEl>
                    <p:spTgt spid="47"/>
                  </p:tgtEl>
                </p:cond>
              </p:nextCondLst>
            </p:seq>
            <p:seq concurrent="1" nextAc="seek">
              <p:cTn id="32" restart="whenNotActive" fill="hold" evtFilter="cancelBubble" nodeType="interactiveSeq">
                <p:stCondLst>
                  <p:cond evt="onClick" delay="0">
                    <p:tgtEl>
                      <p:spTgt spid="48"/>
                    </p:tgtEl>
                  </p:cond>
                </p:stCondLst>
                <p:endSync evt="end" delay="0">
                  <p:rtn val="all"/>
                </p:endSync>
                <p:childTnLst>
                  <p:par>
                    <p:cTn id="33" fill="hold">
                      <p:stCondLst>
                        <p:cond delay="0"/>
                      </p:stCondLst>
                      <p:childTnLst>
                        <p:par>
                          <p:cTn id="34" fill="hold">
                            <p:stCondLst>
                              <p:cond delay="0"/>
                            </p:stCondLst>
                            <p:childTnLst>
                              <p:par>
                                <p:cTn id="35" presetID="14" presetClass="exit" presetSubtype="10" fill="hold" nodeType="clickEffect">
                                  <p:stCondLst>
                                    <p:cond delay="0"/>
                                  </p:stCondLst>
                                  <p:childTnLst>
                                    <p:animEffect transition="out" filter="randombar(horizontal)">
                                      <p:cBhvr>
                                        <p:cTn id="36" dur="500"/>
                                        <p:tgtEl>
                                          <p:spTgt spid="32"/>
                                        </p:tgtEl>
                                      </p:cBhvr>
                                    </p:animEffect>
                                    <p:set>
                                      <p:cBhvr>
                                        <p:cTn id="37" dur="1" fill="hold">
                                          <p:stCondLst>
                                            <p:cond delay="499"/>
                                          </p:stCondLst>
                                        </p:cTn>
                                        <p:tgtEl>
                                          <p:spTgt spid="32"/>
                                        </p:tgtEl>
                                        <p:attrNameLst>
                                          <p:attrName>style.visibility</p:attrName>
                                        </p:attrNameLst>
                                      </p:cBhvr>
                                      <p:to>
                                        <p:strVal val="hidden"/>
                                      </p:to>
                                    </p:set>
                                  </p:childTnLst>
                                </p:cTn>
                              </p:par>
                            </p:childTnLst>
                          </p:cTn>
                        </p:par>
                      </p:childTnLst>
                    </p:cTn>
                  </p:par>
                </p:childTnLst>
              </p:cTn>
              <p:nextCondLst>
                <p:cond evt="onClick" delay="0">
                  <p:tgtEl>
                    <p:spTgt spid="48"/>
                  </p:tgtEl>
                </p:cond>
              </p:nextCondLst>
            </p:seq>
            <p:seq concurrent="1" nextAc="seek">
              <p:cTn id="38" restart="whenNotActive" fill="hold" evtFilter="cancelBubble" nodeType="interactiveSeq">
                <p:stCondLst>
                  <p:cond evt="onClick" delay="0">
                    <p:tgtEl>
                      <p:spTgt spid="49"/>
                    </p:tgtEl>
                  </p:cond>
                </p:stCondLst>
                <p:endSync evt="end" delay="0">
                  <p:rtn val="all"/>
                </p:endSync>
                <p:childTnLst>
                  <p:par>
                    <p:cTn id="39" fill="hold">
                      <p:stCondLst>
                        <p:cond delay="0"/>
                      </p:stCondLst>
                      <p:childTnLst>
                        <p:par>
                          <p:cTn id="40" fill="hold">
                            <p:stCondLst>
                              <p:cond delay="0"/>
                            </p:stCondLst>
                            <p:childTnLst>
                              <p:par>
                                <p:cTn id="41" presetID="14" presetClass="exit" presetSubtype="10" fill="hold" nodeType="clickEffect">
                                  <p:stCondLst>
                                    <p:cond delay="0"/>
                                  </p:stCondLst>
                                  <p:childTnLst>
                                    <p:animEffect transition="out" filter="randombar(horizontal)">
                                      <p:cBhvr>
                                        <p:cTn id="42" dur="500"/>
                                        <p:tgtEl>
                                          <p:spTgt spid="33"/>
                                        </p:tgtEl>
                                      </p:cBhvr>
                                    </p:animEffect>
                                    <p:set>
                                      <p:cBhvr>
                                        <p:cTn id="43" dur="1" fill="hold">
                                          <p:stCondLst>
                                            <p:cond delay="499"/>
                                          </p:stCondLst>
                                        </p:cTn>
                                        <p:tgtEl>
                                          <p:spTgt spid="33"/>
                                        </p:tgtEl>
                                        <p:attrNameLst>
                                          <p:attrName>style.visibility</p:attrName>
                                        </p:attrNameLst>
                                      </p:cBhvr>
                                      <p:to>
                                        <p:strVal val="hidden"/>
                                      </p:to>
                                    </p:set>
                                  </p:childTnLst>
                                </p:cTn>
                              </p:par>
                            </p:childTnLst>
                          </p:cTn>
                        </p:par>
                      </p:childTnLst>
                    </p:cTn>
                  </p:par>
                </p:childTnLst>
              </p:cTn>
              <p:nextCondLst>
                <p:cond evt="onClick" delay="0">
                  <p:tgtEl>
                    <p:spTgt spid="49"/>
                  </p:tgtEl>
                </p:cond>
              </p:nextCondLst>
            </p:seq>
          </p:childTnLst>
        </p:cTn>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2251"/>
        <p:cNvGrpSpPr/>
        <p:nvPr/>
      </p:nvGrpSpPr>
      <p:grpSpPr>
        <a:xfrm>
          <a:off x="0" y="0"/>
          <a:ext cx="0" cy="0"/>
          <a:chOff x="0" y="0"/>
          <a:chExt cx="0" cy="0"/>
        </a:xfrm>
      </p:grpSpPr>
      <p:sp>
        <p:nvSpPr>
          <p:cNvPr id="2252" name="Google Shape;2252;p74"/>
          <p:cNvSpPr txBox="1">
            <a:spLocks noGrp="1"/>
          </p:cNvSpPr>
          <p:nvPr>
            <p:ph type="title"/>
          </p:nvPr>
        </p:nvSpPr>
        <p:spPr>
          <a:xfrm>
            <a:off x="1302447" y="412113"/>
            <a:ext cx="8228669" cy="2837506"/>
          </a:xfrm>
          <a:prstGeom prst="rect">
            <a:avLst/>
          </a:prstGeom>
        </p:spPr>
        <p:txBody>
          <a:bodyPr spcFirstLastPara="1" wrap="square" lIns="91425" tIns="91425" rIns="91425" bIns="91425" anchor="ctr" anchorCtr="0">
            <a:noAutofit/>
          </a:bodyPr>
          <a:lstStyle/>
          <a:p>
            <a:r>
              <a:rPr lang="vi-VN" sz="4800">
                <a:solidFill>
                  <a:srgbClr val="FF0000"/>
                </a:solidFill>
              </a:rPr>
              <a:t>Cảm ơn quý thầy cô đã theo dõi </a:t>
            </a:r>
            <a:br>
              <a:rPr lang="vi-VN" sz="4800">
                <a:solidFill>
                  <a:srgbClr val="FF0000"/>
                </a:solidFill>
              </a:rPr>
            </a:br>
            <a:r>
              <a:rPr lang="vi-VN" sz="4800">
                <a:solidFill>
                  <a:srgbClr val="FF0000"/>
                </a:solidFill>
              </a:rPr>
              <a:t>tiết học ngày hôm nay</a:t>
            </a:r>
            <a:br>
              <a:rPr lang="vi-VN"/>
            </a:br>
            <a:br>
              <a:rPr lang="vi-VN"/>
            </a:br>
            <a:r>
              <a:rPr lang="en-GB" sz="3600">
                <a:solidFill>
                  <a:srgbClr val="002060"/>
                </a:solidFill>
              </a:rPr>
              <a:t>Chúc </a:t>
            </a:r>
            <a:r>
              <a:rPr lang="en-GB" sz="3600" dirty="0" err="1">
                <a:solidFill>
                  <a:srgbClr val="002060"/>
                </a:solidFill>
              </a:rPr>
              <a:t>các</a:t>
            </a:r>
            <a:r>
              <a:rPr lang="en-GB" sz="3600" dirty="0">
                <a:solidFill>
                  <a:srgbClr val="002060"/>
                </a:solidFill>
              </a:rPr>
              <a:t> </a:t>
            </a:r>
            <a:r>
              <a:rPr lang="en-GB" sz="3600" dirty="0" err="1">
                <a:solidFill>
                  <a:srgbClr val="002060"/>
                </a:solidFill>
              </a:rPr>
              <a:t>em</a:t>
            </a:r>
            <a:r>
              <a:rPr lang="en-GB" sz="3600" dirty="0">
                <a:solidFill>
                  <a:srgbClr val="002060"/>
                </a:solidFill>
              </a:rPr>
              <a:t> </a:t>
            </a:r>
            <a:r>
              <a:rPr lang="en-GB" sz="3600" dirty="0" err="1">
                <a:solidFill>
                  <a:srgbClr val="002060"/>
                </a:solidFill>
              </a:rPr>
              <a:t>có</a:t>
            </a:r>
            <a:r>
              <a:rPr lang="en-GB" sz="3600" dirty="0">
                <a:solidFill>
                  <a:srgbClr val="002060"/>
                </a:solidFill>
              </a:rPr>
              <a:t> </a:t>
            </a:r>
            <a:r>
              <a:rPr lang="en-GB" sz="3600" dirty="0" err="1">
                <a:solidFill>
                  <a:srgbClr val="002060"/>
                </a:solidFill>
              </a:rPr>
              <a:t>tiết</a:t>
            </a:r>
            <a:r>
              <a:rPr lang="en-GB" sz="3600" dirty="0">
                <a:solidFill>
                  <a:srgbClr val="002060"/>
                </a:solidFill>
              </a:rPr>
              <a:t> </a:t>
            </a:r>
            <a:r>
              <a:rPr lang="en-GB" sz="3600" dirty="0" err="1">
                <a:solidFill>
                  <a:srgbClr val="002060"/>
                </a:solidFill>
              </a:rPr>
              <a:t>học</a:t>
            </a:r>
            <a:r>
              <a:rPr lang="en-GB" sz="3600" dirty="0">
                <a:solidFill>
                  <a:srgbClr val="002060"/>
                </a:solidFill>
              </a:rPr>
              <a:t> </a:t>
            </a:r>
            <a:r>
              <a:rPr lang="en-GB" sz="3600" dirty="0" err="1">
                <a:solidFill>
                  <a:srgbClr val="002060"/>
                </a:solidFill>
              </a:rPr>
              <a:t>vui</a:t>
            </a:r>
            <a:r>
              <a:rPr lang="en-GB" sz="3600" dirty="0">
                <a:solidFill>
                  <a:srgbClr val="002060"/>
                </a:solidFill>
              </a:rPr>
              <a:t> </a:t>
            </a:r>
            <a:r>
              <a:rPr lang="en-GB" sz="3600" dirty="0" err="1">
                <a:solidFill>
                  <a:srgbClr val="002060"/>
                </a:solidFill>
              </a:rPr>
              <a:t>vẻ</a:t>
            </a:r>
            <a:r>
              <a:rPr lang="en-GB" sz="3600" dirty="0">
                <a:solidFill>
                  <a:srgbClr val="002060"/>
                </a:solidFill>
              </a:rPr>
              <a:t> </a:t>
            </a:r>
            <a:r>
              <a:rPr lang="en-GB" sz="3600" dirty="0" err="1">
                <a:solidFill>
                  <a:srgbClr val="002060"/>
                </a:solidFill>
              </a:rPr>
              <a:t>và</a:t>
            </a:r>
            <a:r>
              <a:rPr lang="en-GB" sz="3600" dirty="0">
                <a:solidFill>
                  <a:srgbClr val="002060"/>
                </a:solidFill>
              </a:rPr>
              <a:t> </a:t>
            </a:r>
            <a:r>
              <a:rPr lang="en-GB" sz="3600" dirty="0" err="1">
                <a:solidFill>
                  <a:srgbClr val="002060"/>
                </a:solidFill>
              </a:rPr>
              <a:t>hiệu</a:t>
            </a:r>
            <a:r>
              <a:rPr lang="en-GB" sz="3600" dirty="0">
                <a:solidFill>
                  <a:srgbClr val="002060"/>
                </a:solidFill>
              </a:rPr>
              <a:t> </a:t>
            </a:r>
            <a:r>
              <a:rPr lang="en-GB" sz="3600" dirty="0" err="1">
                <a:solidFill>
                  <a:srgbClr val="002060"/>
                </a:solidFill>
              </a:rPr>
              <a:t>quả</a:t>
            </a:r>
            <a:r>
              <a:rPr lang="en-GB" sz="3600" dirty="0">
                <a:solidFill>
                  <a:srgbClr val="002060"/>
                </a:solidFill>
              </a:rPr>
              <a:t> </a:t>
            </a:r>
            <a:r>
              <a:rPr lang="en-GB" sz="3600" dirty="0" err="1">
                <a:solidFill>
                  <a:srgbClr val="002060"/>
                </a:solidFill>
              </a:rPr>
              <a:t>nhất</a:t>
            </a:r>
            <a:endParaRPr dirty="0">
              <a:solidFill>
                <a:srgbClr val="002060"/>
              </a:solidFill>
            </a:endParaRPr>
          </a:p>
        </p:txBody>
      </p:sp>
      <p:grpSp>
        <p:nvGrpSpPr>
          <p:cNvPr id="2253" name="Google Shape;2253;p74"/>
          <p:cNvGrpSpPr/>
          <p:nvPr/>
        </p:nvGrpSpPr>
        <p:grpSpPr>
          <a:xfrm>
            <a:off x="1563387" y="3871086"/>
            <a:ext cx="1775552" cy="1841189"/>
            <a:chOff x="5904700" y="2250375"/>
            <a:chExt cx="2009225" cy="2083500"/>
          </a:xfrm>
        </p:grpSpPr>
        <p:sp>
          <p:nvSpPr>
            <p:cNvPr id="2254" name="Google Shape;2254;p74"/>
            <p:cNvSpPr/>
            <p:nvPr/>
          </p:nvSpPr>
          <p:spPr>
            <a:xfrm>
              <a:off x="7357850" y="3637100"/>
              <a:ext cx="221300" cy="203500"/>
            </a:xfrm>
            <a:custGeom>
              <a:avLst/>
              <a:gdLst/>
              <a:ahLst/>
              <a:cxnLst/>
              <a:rect l="l" t="t" r="r" b="b"/>
              <a:pathLst>
                <a:path w="8852" h="8140" extrusionOk="0">
                  <a:moveTo>
                    <a:pt x="8851" y="2762"/>
                  </a:moveTo>
                  <a:cubicBezTo>
                    <a:pt x="8516" y="3850"/>
                    <a:pt x="8202" y="4875"/>
                    <a:pt x="7889" y="5859"/>
                  </a:cubicBezTo>
                  <a:cubicBezTo>
                    <a:pt x="7805" y="6110"/>
                    <a:pt x="7763" y="6361"/>
                    <a:pt x="7679" y="6591"/>
                  </a:cubicBezTo>
                  <a:cubicBezTo>
                    <a:pt x="7533" y="7072"/>
                    <a:pt x="7177" y="7302"/>
                    <a:pt x="6696" y="7386"/>
                  </a:cubicBezTo>
                  <a:cubicBezTo>
                    <a:pt x="6298" y="7428"/>
                    <a:pt x="5922" y="7574"/>
                    <a:pt x="5566" y="7637"/>
                  </a:cubicBezTo>
                  <a:cubicBezTo>
                    <a:pt x="5252" y="7721"/>
                    <a:pt x="4917" y="7805"/>
                    <a:pt x="4604" y="7846"/>
                  </a:cubicBezTo>
                  <a:cubicBezTo>
                    <a:pt x="4081" y="7951"/>
                    <a:pt x="3557" y="8035"/>
                    <a:pt x="2951" y="8139"/>
                  </a:cubicBezTo>
                  <a:cubicBezTo>
                    <a:pt x="1151" y="7491"/>
                    <a:pt x="524" y="7114"/>
                    <a:pt x="0" y="6382"/>
                  </a:cubicBezTo>
                  <a:cubicBezTo>
                    <a:pt x="147" y="5650"/>
                    <a:pt x="356" y="4917"/>
                    <a:pt x="754" y="4248"/>
                  </a:cubicBezTo>
                  <a:cubicBezTo>
                    <a:pt x="1235" y="3411"/>
                    <a:pt x="1758" y="2574"/>
                    <a:pt x="2323" y="1758"/>
                  </a:cubicBezTo>
                  <a:cubicBezTo>
                    <a:pt x="2741" y="1130"/>
                    <a:pt x="3327" y="649"/>
                    <a:pt x="3934" y="188"/>
                  </a:cubicBezTo>
                  <a:cubicBezTo>
                    <a:pt x="4122" y="21"/>
                    <a:pt x="4332" y="0"/>
                    <a:pt x="4562" y="21"/>
                  </a:cubicBezTo>
                  <a:cubicBezTo>
                    <a:pt x="4959" y="105"/>
                    <a:pt x="5315" y="188"/>
                    <a:pt x="5713" y="272"/>
                  </a:cubicBezTo>
                  <a:cubicBezTo>
                    <a:pt x="6298" y="398"/>
                    <a:pt x="6863" y="502"/>
                    <a:pt x="7470" y="628"/>
                  </a:cubicBezTo>
                  <a:cubicBezTo>
                    <a:pt x="7679" y="963"/>
                    <a:pt x="7889" y="1360"/>
                    <a:pt x="8119" y="1737"/>
                  </a:cubicBezTo>
                  <a:cubicBezTo>
                    <a:pt x="8370" y="2134"/>
                    <a:pt x="8642" y="2469"/>
                    <a:pt x="8851" y="2762"/>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55" name="Google Shape;2255;p74"/>
            <p:cNvSpPr/>
            <p:nvPr/>
          </p:nvSpPr>
          <p:spPr>
            <a:xfrm>
              <a:off x="7379825" y="3841625"/>
              <a:ext cx="238550" cy="202450"/>
            </a:xfrm>
            <a:custGeom>
              <a:avLst/>
              <a:gdLst/>
              <a:ahLst/>
              <a:cxnLst/>
              <a:rect l="l" t="t" r="r" b="b"/>
              <a:pathLst>
                <a:path w="9542" h="8098" extrusionOk="0">
                  <a:moveTo>
                    <a:pt x="9541" y="2051"/>
                  </a:moveTo>
                  <a:cubicBezTo>
                    <a:pt x="9207" y="2658"/>
                    <a:pt x="9018" y="3222"/>
                    <a:pt x="8893" y="3829"/>
                  </a:cubicBezTo>
                  <a:cubicBezTo>
                    <a:pt x="8788" y="4415"/>
                    <a:pt x="8558" y="4959"/>
                    <a:pt x="8349" y="5503"/>
                  </a:cubicBezTo>
                  <a:cubicBezTo>
                    <a:pt x="8286" y="5629"/>
                    <a:pt x="8160" y="5817"/>
                    <a:pt x="8014" y="5838"/>
                  </a:cubicBezTo>
                  <a:cubicBezTo>
                    <a:pt x="7595" y="5984"/>
                    <a:pt x="7240" y="6215"/>
                    <a:pt x="6968" y="6528"/>
                  </a:cubicBezTo>
                  <a:cubicBezTo>
                    <a:pt x="6445" y="7052"/>
                    <a:pt x="5880" y="7491"/>
                    <a:pt x="5168" y="7763"/>
                  </a:cubicBezTo>
                  <a:cubicBezTo>
                    <a:pt x="4938" y="7826"/>
                    <a:pt x="4729" y="7993"/>
                    <a:pt x="4562" y="8098"/>
                  </a:cubicBezTo>
                  <a:cubicBezTo>
                    <a:pt x="3076" y="7407"/>
                    <a:pt x="795" y="5294"/>
                    <a:pt x="0" y="3892"/>
                  </a:cubicBezTo>
                  <a:cubicBezTo>
                    <a:pt x="209" y="3641"/>
                    <a:pt x="398" y="3369"/>
                    <a:pt x="628" y="3160"/>
                  </a:cubicBezTo>
                  <a:cubicBezTo>
                    <a:pt x="1277" y="2553"/>
                    <a:pt x="1800" y="1862"/>
                    <a:pt x="2260" y="1130"/>
                  </a:cubicBezTo>
                  <a:cubicBezTo>
                    <a:pt x="2511" y="754"/>
                    <a:pt x="2846" y="586"/>
                    <a:pt x="3306" y="565"/>
                  </a:cubicBezTo>
                  <a:cubicBezTo>
                    <a:pt x="3976" y="502"/>
                    <a:pt x="4624" y="398"/>
                    <a:pt x="5252" y="168"/>
                  </a:cubicBezTo>
                  <a:cubicBezTo>
                    <a:pt x="5650" y="42"/>
                    <a:pt x="6089" y="42"/>
                    <a:pt x="6487" y="0"/>
                  </a:cubicBezTo>
                  <a:cubicBezTo>
                    <a:pt x="6675" y="0"/>
                    <a:pt x="6884" y="84"/>
                    <a:pt x="7010" y="209"/>
                  </a:cubicBezTo>
                  <a:cubicBezTo>
                    <a:pt x="7512" y="628"/>
                    <a:pt x="8035" y="1005"/>
                    <a:pt x="8663" y="1193"/>
                  </a:cubicBezTo>
                  <a:cubicBezTo>
                    <a:pt x="8767" y="1214"/>
                    <a:pt x="8872" y="1298"/>
                    <a:pt x="8956" y="1360"/>
                  </a:cubicBezTo>
                  <a:cubicBezTo>
                    <a:pt x="9186" y="1549"/>
                    <a:pt x="9332" y="1800"/>
                    <a:pt x="9541" y="2051"/>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56" name="Google Shape;2256;p74"/>
            <p:cNvSpPr/>
            <p:nvPr/>
          </p:nvSpPr>
          <p:spPr>
            <a:xfrm>
              <a:off x="7562375" y="3581650"/>
              <a:ext cx="254775" cy="162700"/>
            </a:xfrm>
            <a:custGeom>
              <a:avLst/>
              <a:gdLst/>
              <a:ahLst/>
              <a:cxnLst/>
              <a:rect l="l" t="t" r="r" b="b"/>
              <a:pathLst>
                <a:path w="10191" h="6508" extrusionOk="0">
                  <a:moveTo>
                    <a:pt x="10190" y="3118"/>
                  </a:moveTo>
                  <a:cubicBezTo>
                    <a:pt x="10086" y="3620"/>
                    <a:pt x="9960" y="4059"/>
                    <a:pt x="9918" y="4520"/>
                  </a:cubicBezTo>
                  <a:cubicBezTo>
                    <a:pt x="9856" y="4834"/>
                    <a:pt x="9709" y="5022"/>
                    <a:pt x="9437" y="5189"/>
                  </a:cubicBezTo>
                  <a:cubicBezTo>
                    <a:pt x="8726" y="5629"/>
                    <a:pt x="8035" y="6047"/>
                    <a:pt x="7303" y="6507"/>
                  </a:cubicBezTo>
                  <a:cubicBezTo>
                    <a:pt x="7094" y="6403"/>
                    <a:pt x="6864" y="6361"/>
                    <a:pt x="6696" y="6235"/>
                  </a:cubicBezTo>
                  <a:cubicBezTo>
                    <a:pt x="6319" y="5943"/>
                    <a:pt x="5901" y="5775"/>
                    <a:pt x="5483" y="5650"/>
                  </a:cubicBezTo>
                  <a:cubicBezTo>
                    <a:pt x="4625" y="5357"/>
                    <a:pt x="3725" y="5064"/>
                    <a:pt x="2867" y="4813"/>
                  </a:cubicBezTo>
                  <a:cubicBezTo>
                    <a:pt x="2637" y="4729"/>
                    <a:pt x="2386" y="4729"/>
                    <a:pt x="2135" y="4729"/>
                  </a:cubicBezTo>
                  <a:cubicBezTo>
                    <a:pt x="1926" y="4729"/>
                    <a:pt x="1695" y="4750"/>
                    <a:pt x="1486" y="4750"/>
                  </a:cubicBezTo>
                  <a:cubicBezTo>
                    <a:pt x="1151" y="4290"/>
                    <a:pt x="796" y="3871"/>
                    <a:pt x="461" y="3432"/>
                  </a:cubicBezTo>
                  <a:cubicBezTo>
                    <a:pt x="356" y="3264"/>
                    <a:pt x="252" y="3118"/>
                    <a:pt x="147" y="2930"/>
                  </a:cubicBezTo>
                  <a:cubicBezTo>
                    <a:pt x="1" y="2637"/>
                    <a:pt x="21" y="2323"/>
                    <a:pt x="210" y="2072"/>
                  </a:cubicBezTo>
                  <a:cubicBezTo>
                    <a:pt x="565" y="1549"/>
                    <a:pt x="963" y="1046"/>
                    <a:pt x="1340" y="502"/>
                  </a:cubicBezTo>
                  <a:cubicBezTo>
                    <a:pt x="1486" y="272"/>
                    <a:pt x="1674" y="168"/>
                    <a:pt x="1946" y="126"/>
                  </a:cubicBezTo>
                  <a:cubicBezTo>
                    <a:pt x="2742" y="63"/>
                    <a:pt x="3495" y="0"/>
                    <a:pt x="4248" y="272"/>
                  </a:cubicBezTo>
                  <a:cubicBezTo>
                    <a:pt x="5085" y="544"/>
                    <a:pt x="5964" y="795"/>
                    <a:pt x="6822" y="1025"/>
                  </a:cubicBezTo>
                  <a:cubicBezTo>
                    <a:pt x="7763" y="1277"/>
                    <a:pt x="8663" y="1695"/>
                    <a:pt x="9353" y="2406"/>
                  </a:cubicBezTo>
                  <a:cubicBezTo>
                    <a:pt x="9625" y="2616"/>
                    <a:pt x="9877" y="2825"/>
                    <a:pt x="10190" y="3118"/>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57" name="Google Shape;2257;p74"/>
            <p:cNvSpPr/>
            <p:nvPr/>
          </p:nvSpPr>
          <p:spPr>
            <a:xfrm>
              <a:off x="7611550" y="3869350"/>
              <a:ext cx="170025" cy="198275"/>
            </a:xfrm>
            <a:custGeom>
              <a:avLst/>
              <a:gdLst/>
              <a:ahLst/>
              <a:cxnLst/>
              <a:rect l="l" t="t" r="r" b="b"/>
              <a:pathLst>
                <a:path w="6801" h="7931" extrusionOk="0">
                  <a:moveTo>
                    <a:pt x="6633" y="1988"/>
                  </a:moveTo>
                  <a:cubicBezTo>
                    <a:pt x="6466" y="3306"/>
                    <a:pt x="6759" y="4562"/>
                    <a:pt x="6801" y="5775"/>
                  </a:cubicBezTo>
                  <a:cubicBezTo>
                    <a:pt x="6026" y="6570"/>
                    <a:pt x="3976" y="7595"/>
                    <a:pt x="2407" y="7930"/>
                  </a:cubicBezTo>
                  <a:cubicBezTo>
                    <a:pt x="2093" y="7826"/>
                    <a:pt x="1904" y="7595"/>
                    <a:pt x="1779" y="7303"/>
                  </a:cubicBezTo>
                  <a:cubicBezTo>
                    <a:pt x="1674" y="7093"/>
                    <a:pt x="1570" y="6905"/>
                    <a:pt x="1465" y="6717"/>
                  </a:cubicBezTo>
                  <a:cubicBezTo>
                    <a:pt x="1193" y="6256"/>
                    <a:pt x="900" y="5838"/>
                    <a:pt x="544" y="5440"/>
                  </a:cubicBezTo>
                  <a:cubicBezTo>
                    <a:pt x="314" y="5210"/>
                    <a:pt x="168" y="4896"/>
                    <a:pt x="0" y="4582"/>
                  </a:cubicBezTo>
                  <a:cubicBezTo>
                    <a:pt x="63" y="4310"/>
                    <a:pt x="147" y="4080"/>
                    <a:pt x="210" y="3850"/>
                  </a:cubicBezTo>
                  <a:cubicBezTo>
                    <a:pt x="335" y="3411"/>
                    <a:pt x="440" y="2930"/>
                    <a:pt x="565" y="2490"/>
                  </a:cubicBezTo>
                  <a:cubicBezTo>
                    <a:pt x="733" y="2051"/>
                    <a:pt x="900" y="1590"/>
                    <a:pt x="1067" y="1151"/>
                  </a:cubicBezTo>
                  <a:cubicBezTo>
                    <a:pt x="1632" y="900"/>
                    <a:pt x="2218" y="691"/>
                    <a:pt x="2720" y="314"/>
                  </a:cubicBezTo>
                  <a:cubicBezTo>
                    <a:pt x="2867" y="189"/>
                    <a:pt x="3139" y="189"/>
                    <a:pt x="3327" y="168"/>
                  </a:cubicBezTo>
                  <a:cubicBezTo>
                    <a:pt x="3725" y="105"/>
                    <a:pt x="4101" y="63"/>
                    <a:pt x="4541" y="0"/>
                  </a:cubicBezTo>
                  <a:cubicBezTo>
                    <a:pt x="5378" y="419"/>
                    <a:pt x="5985" y="1214"/>
                    <a:pt x="6633" y="1988"/>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58" name="Google Shape;2258;p74"/>
            <p:cNvSpPr/>
            <p:nvPr/>
          </p:nvSpPr>
          <p:spPr>
            <a:xfrm>
              <a:off x="7728725" y="3726550"/>
              <a:ext cx="166875" cy="197225"/>
            </a:xfrm>
            <a:custGeom>
              <a:avLst/>
              <a:gdLst/>
              <a:ahLst/>
              <a:cxnLst/>
              <a:rect l="l" t="t" r="r" b="b"/>
              <a:pathLst>
                <a:path w="6675" h="7889" extrusionOk="0">
                  <a:moveTo>
                    <a:pt x="5796" y="649"/>
                  </a:moveTo>
                  <a:cubicBezTo>
                    <a:pt x="6675" y="2908"/>
                    <a:pt x="6256" y="5105"/>
                    <a:pt x="5273" y="7302"/>
                  </a:cubicBezTo>
                  <a:cubicBezTo>
                    <a:pt x="4583" y="7386"/>
                    <a:pt x="3997" y="7888"/>
                    <a:pt x="3223" y="7784"/>
                  </a:cubicBezTo>
                  <a:cubicBezTo>
                    <a:pt x="2804" y="7344"/>
                    <a:pt x="2427" y="6926"/>
                    <a:pt x="2030" y="6507"/>
                  </a:cubicBezTo>
                  <a:cubicBezTo>
                    <a:pt x="1590" y="6005"/>
                    <a:pt x="1172" y="5482"/>
                    <a:pt x="565" y="5168"/>
                  </a:cubicBezTo>
                  <a:cubicBezTo>
                    <a:pt x="398" y="5085"/>
                    <a:pt x="293" y="4980"/>
                    <a:pt x="168" y="4875"/>
                  </a:cubicBezTo>
                  <a:cubicBezTo>
                    <a:pt x="0" y="4143"/>
                    <a:pt x="251" y="3494"/>
                    <a:pt x="461" y="2846"/>
                  </a:cubicBezTo>
                  <a:cubicBezTo>
                    <a:pt x="586" y="2448"/>
                    <a:pt x="754" y="2051"/>
                    <a:pt x="900" y="1653"/>
                  </a:cubicBezTo>
                  <a:cubicBezTo>
                    <a:pt x="984" y="1486"/>
                    <a:pt x="1109" y="1339"/>
                    <a:pt x="1298" y="1235"/>
                  </a:cubicBezTo>
                  <a:cubicBezTo>
                    <a:pt x="1904" y="900"/>
                    <a:pt x="2532" y="586"/>
                    <a:pt x="3097" y="188"/>
                  </a:cubicBezTo>
                  <a:cubicBezTo>
                    <a:pt x="3348" y="0"/>
                    <a:pt x="3599" y="0"/>
                    <a:pt x="3871" y="126"/>
                  </a:cubicBezTo>
                  <a:cubicBezTo>
                    <a:pt x="4478" y="293"/>
                    <a:pt x="5147" y="460"/>
                    <a:pt x="5796" y="649"/>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59" name="Google Shape;2259;p74"/>
            <p:cNvSpPr/>
            <p:nvPr/>
          </p:nvSpPr>
          <p:spPr>
            <a:xfrm>
              <a:off x="7565525" y="3719225"/>
              <a:ext cx="162700" cy="154325"/>
            </a:xfrm>
            <a:custGeom>
              <a:avLst/>
              <a:gdLst/>
              <a:ahLst/>
              <a:cxnLst/>
              <a:rect l="l" t="t" r="r" b="b"/>
              <a:pathLst>
                <a:path w="6508" h="6173" extrusionOk="0">
                  <a:moveTo>
                    <a:pt x="5629" y="5147"/>
                  </a:moveTo>
                  <a:cubicBezTo>
                    <a:pt x="5440" y="5168"/>
                    <a:pt x="5231" y="5210"/>
                    <a:pt x="5022" y="5252"/>
                  </a:cubicBezTo>
                  <a:cubicBezTo>
                    <a:pt x="4603" y="5273"/>
                    <a:pt x="4185" y="5398"/>
                    <a:pt x="3850" y="5670"/>
                  </a:cubicBezTo>
                  <a:cubicBezTo>
                    <a:pt x="3536" y="5901"/>
                    <a:pt x="3160" y="6026"/>
                    <a:pt x="2783" y="6173"/>
                  </a:cubicBezTo>
                  <a:cubicBezTo>
                    <a:pt x="2490" y="5901"/>
                    <a:pt x="2218" y="5587"/>
                    <a:pt x="1904" y="5378"/>
                  </a:cubicBezTo>
                  <a:cubicBezTo>
                    <a:pt x="1590" y="5168"/>
                    <a:pt x="1172" y="5085"/>
                    <a:pt x="837" y="4875"/>
                  </a:cubicBezTo>
                  <a:cubicBezTo>
                    <a:pt x="523" y="4687"/>
                    <a:pt x="251" y="4436"/>
                    <a:pt x="0" y="4206"/>
                  </a:cubicBezTo>
                  <a:cubicBezTo>
                    <a:pt x="356" y="2950"/>
                    <a:pt x="712" y="1737"/>
                    <a:pt x="1046" y="544"/>
                  </a:cubicBezTo>
                  <a:cubicBezTo>
                    <a:pt x="1360" y="481"/>
                    <a:pt x="1653" y="502"/>
                    <a:pt x="1800" y="209"/>
                  </a:cubicBezTo>
                  <a:cubicBezTo>
                    <a:pt x="1904" y="0"/>
                    <a:pt x="2134" y="0"/>
                    <a:pt x="2323" y="63"/>
                  </a:cubicBezTo>
                  <a:cubicBezTo>
                    <a:pt x="3369" y="356"/>
                    <a:pt x="4415" y="649"/>
                    <a:pt x="5419" y="1088"/>
                  </a:cubicBezTo>
                  <a:cubicBezTo>
                    <a:pt x="5775" y="1256"/>
                    <a:pt x="6110" y="1507"/>
                    <a:pt x="6507" y="1779"/>
                  </a:cubicBezTo>
                  <a:cubicBezTo>
                    <a:pt x="6298" y="2344"/>
                    <a:pt x="6089" y="2867"/>
                    <a:pt x="5942" y="3432"/>
                  </a:cubicBezTo>
                  <a:cubicBezTo>
                    <a:pt x="5838" y="3997"/>
                    <a:pt x="5754" y="4541"/>
                    <a:pt x="5629" y="5147"/>
                  </a:cubicBezTo>
                  <a:close/>
                </a:path>
              </a:pathLst>
            </a:custGeom>
            <a:solidFill>
              <a:schemeClr val="dk2"/>
            </a:solidFill>
            <a:ln>
              <a:noFill/>
            </a:ln>
          </p:spPr>
          <p:txBody>
            <a:bodyPr spcFirstLastPara="1" wrap="square" lIns="91425" tIns="91425" rIns="91425" bIns="91425" anchor="ctr" anchorCtr="0">
              <a:noAutofit/>
            </a:bodyPr>
            <a:lstStyle/>
            <a:p>
              <a:endParaRPr/>
            </a:p>
          </p:txBody>
        </p:sp>
        <p:sp>
          <p:nvSpPr>
            <p:cNvPr id="2260" name="Google Shape;2260;p74"/>
            <p:cNvSpPr/>
            <p:nvPr/>
          </p:nvSpPr>
          <p:spPr>
            <a:xfrm>
              <a:off x="7522625" y="4008475"/>
              <a:ext cx="115100" cy="77975"/>
            </a:xfrm>
            <a:custGeom>
              <a:avLst/>
              <a:gdLst/>
              <a:ahLst/>
              <a:cxnLst/>
              <a:rect l="l" t="t" r="r" b="b"/>
              <a:pathLst>
                <a:path w="4604" h="3119" extrusionOk="0">
                  <a:moveTo>
                    <a:pt x="2972" y="85"/>
                  </a:moveTo>
                  <a:cubicBezTo>
                    <a:pt x="3725" y="691"/>
                    <a:pt x="4290" y="1445"/>
                    <a:pt x="4604" y="2365"/>
                  </a:cubicBezTo>
                  <a:cubicBezTo>
                    <a:pt x="4122" y="2867"/>
                    <a:pt x="3557" y="3119"/>
                    <a:pt x="2930" y="2972"/>
                  </a:cubicBezTo>
                  <a:cubicBezTo>
                    <a:pt x="1946" y="2721"/>
                    <a:pt x="1005" y="2365"/>
                    <a:pt x="42" y="2051"/>
                  </a:cubicBezTo>
                  <a:cubicBezTo>
                    <a:pt x="21" y="2051"/>
                    <a:pt x="21" y="1989"/>
                    <a:pt x="0" y="1947"/>
                  </a:cubicBezTo>
                  <a:cubicBezTo>
                    <a:pt x="21" y="1884"/>
                    <a:pt x="63" y="1821"/>
                    <a:pt x="126" y="1779"/>
                  </a:cubicBezTo>
                  <a:cubicBezTo>
                    <a:pt x="670" y="1570"/>
                    <a:pt x="1151" y="1214"/>
                    <a:pt x="1570" y="796"/>
                  </a:cubicBezTo>
                  <a:cubicBezTo>
                    <a:pt x="1632" y="712"/>
                    <a:pt x="1737" y="629"/>
                    <a:pt x="1800" y="566"/>
                  </a:cubicBezTo>
                  <a:cubicBezTo>
                    <a:pt x="2114" y="189"/>
                    <a:pt x="2511" y="1"/>
                    <a:pt x="2972" y="85"/>
                  </a:cubicBezTo>
                  <a:close/>
                </a:path>
              </a:pathLst>
            </a:custGeom>
            <a:solidFill>
              <a:schemeClr val="dk2"/>
            </a:solidFill>
            <a:ln>
              <a:noFill/>
            </a:ln>
          </p:spPr>
          <p:txBody>
            <a:bodyPr spcFirstLastPara="1" wrap="square" lIns="91425" tIns="91425" rIns="91425" bIns="91425" anchor="ctr" anchorCtr="0">
              <a:noAutofit/>
            </a:bodyPr>
            <a:lstStyle/>
            <a:p>
              <a:endParaRPr/>
            </a:p>
          </p:txBody>
        </p:sp>
        <p:sp>
          <p:nvSpPr>
            <p:cNvPr id="2261" name="Google Shape;2261;p74"/>
            <p:cNvSpPr/>
            <p:nvPr/>
          </p:nvSpPr>
          <p:spPr>
            <a:xfrm>
              <a:off x="7347375" y="3827500"/>
              <a:ext cx="66475" cy="89475"/>
            </a:xfrm>
            <a:custGeom>
              <a:avLst/>
              <a:gdLst/>
              <a:ahLst/>
              <a:cxnLst/>
              <a:rect l="l" t="t" r="r" b="b"/>
              <a:pathLst>
                <a:path w="2659" h="3579" extrusionOk="0">
                  <a:moveTo>
                    <a:pt x="2658" y="1256"/>
                  </a:moveTo>
                  <a:cubicBezTo>
                    <a:pt x="2219" y="2281"/>
                    <a:pt x="1466" y="2825"/>
                    <a:pt x="775" y="3578"/>
                  </a:cubicBezTo>
                  <a:cubicBezTo>
                    <a:pt x="378" y="2804"/>
                    <a:pt x="252" y="2051"/>
                    <a:pt x="106" y="1277"/>
                  </a:cubicBezTo>
                  <a:cubicBezTo>
                    <a:pt x="22" y="858"/>
                    <a:pt x="1" y="440"/>
                    <a:pt x="168" y="0"/>
                  </a:cubicBezTo>
                  <a:cubicBezTo>
                    <a:pt x="587" y="210"/>
                    <a:pt x="1005" y="440"/>
                    <a:pt x="1424" y="649"/>
                  </a:cubicBezTo>
                  <a:cubicBezTo>
                    <a:pt x="1821" y="858"/>
                    <a:pt x="2219" y="1047"/>
                    <a:pt x="2658" y="1256"/>
                  </a:cubicBezTo>
                  <a:close/>
                </a:path>
              </a:pathLst>
            </a:custGeom>
            <a:solidFill>
              <a:schemeClr val="dk2"/>
            </a:solidFill>
            <a:ln>
              <a:noFill/>
            </a:ln>
          </p:spPr>
          <p:txBody>
            <a:bodyPr spcFirstLastPara="1" wrap="square" lIns="91425" tIns="91425" rIns="91425" bIns="91425" anchor="ctr" anchorCtr="0">
              <a:noAutofit/>
            </a:bodyPr>
            <a:lstStyle/>
            <a:p>
              <a:endParaRPr/>
            </a:p>
          </p:txBody>
        </p:sp>
        <p:sp>
          <p:nvSpPr>
            <p:cNvPr id="2262" name="Google Shape;2262;p74"/>
            <p:cNvSpPr/>
            <p:nvPr/>
          </p:nvSpPr>
          <p:spPr>
            <a:xfrm>
              <a:off x="7484950" y="3589500"/>
              <a:ext cx="85825" cy="44475"/>
            </a:xfrm>
            <a:custGeom>
              <a:avLst/>
              <a:gdLst/>
              <a:ahLst/>
              <a:cxnLst/>
              <a:rect l="l" t="t" r="r" b="b"/>
              <a:pathLst>
                <a:path w="3433" h="1779" extrusionOk="0">
                  <a:moveTo>
                    <a:pt x="1" y="1255"/>
                  </a:moveTo>
                  <a:cubicBezTo>
                    <a:pt x="189" y="1130"/>
                    <a:pt x="273" y="1025"/>
                    <a:pt x="294" y="1025"/>
                  </a:cubicBezTo>
                  <a:cubicBezTo>
                    <a:pt x="838" y="1172"/>
                    <a:pt x="1319" y="900"/>
                    <a:pt x="1758" y="649"/>
                  </a:cubicBezTo>
                  <a:cubicBezTo>
                    <a:pt x="2135" y="481"/>
                    <a:pt x="2491" y="272"/>
                    <a:pt x="2888" y="105"/>
                  </a:cubicBezTo>
                  <a:cubicBezTo>
                    <a:pt x="3035" y="21"/>
                    <a:pt x="3244" y="21"/>
                    <a:pt x="3432" y="0"/>
                  </a:cubicBezTo>
                  <a:cubicBezTo>
                    <a:pt x="3432" y="335"/>
                    <a:pt x="3223" y="544"/>
                    <a:pt x="3077" y="795"/>
                  </a:cubicBezTo>
                  <a:cubicBezTo>
                    <a:pt x="2972" y="921"/>
                    <a:pt x="2805" y="1025"/>
                    <a:pt x="2763" y="1172"/>
                  </a:cubicBezTo>
                  <a:cubicBezTo>
                    <a:pt x="2491" y="1695"/>
                    <a:pt x="2072" y="1779"/>
                    <a:pt x="1570" y="1653"/>
                  </a:cubicBezTo>
                  <a:cubicBezTo>
                    <a:pt x="1089" y="1528"/>
                    <a:pt x="608" y="1423"/>
                    <a:pt x="1" y="1255"/>
                  </a:cubicBezTo>
                  <a:close/>
                </a:path>
              </a:pathLst>
            </a:custGeom>
            <a:solidFill>
              <a:schemeClr val="dk2"/>
            </a:solidFill>
            <a:ln>
              <a:noFill/>
            </a:ln>
          </p:spPr>
          <p:txBody>
            <a:bodyPr spcFirstLastPara="1" wrap="square" lIns="91425" tIns="91425" rIns="91425" bIns="91425" anchor="ctr" anchorCtr="0">
              <a:noAutofit/>
            </a:bodyPr>
            <a:lstStyle/>
            <a:p>
              <a:endParaRPr/>
            </a:p>
          </p:txBody>
        </p:sp>
        <p:sp>
          <p:nvSpPr>
            <p:cNvPr id="2263" name="Google Shape;2263;p74"/>
            <p:cNvSpPr/>
            <p:nvPr/>
          </p:nvSpPr>
          <p:spPr>
            <a:xfrm>
              <a:off x="7797775" y="3937875"/>
              <a:ext cx="47625" cy="51800"/>
            </a:xfrm>
            <a:custGeom>
              <a:avLst/>
              <a:gdLst/>
              <a:ahLst/>
              <a:cxnLst/>
              <a:rect l="l" t="t" r="r" b="b"/>
              <a:pathLst>
                <a:path w="1905" h="2072" extrusionOk="0">
                  <a:moveTo>
                    <a:pt x="0" y="189"/>
                  </a:moveTo>
                  <a:cubicBezTo>
                    <a:pt x="649" y="126"/>
                    <a:pt x="1256" y="84"/>
                    <a:pt x="1904" y="0"/>
                  </a:cubicBezTo>
                  <a:cubicBezTo>
                    <a:pt x="1590" y="858"/>
                    <a:pt x="963" y="1444"/>
                    <a:pt x="398" y="2072"/>
                  </a:cubicBezTo>
                  <a:cubicBezTo>
                    <a:pt x="188" y="2072"/>
                    <a:pt x="188" y="1946"/>
                    <a:pt x="147" y="1841"/>
                  </a:cubicBezTo>
                  <a:cubicBezTo>
                    <a:pt x="105" y="1318"/>
                    <a:pt x="42" y="795"/>
                    <a:pt x="0" y="189"/>
                  </a:cubicBezTo>
                  <a:close/>
                </a:path>
              </a:pathLst>
            </a:custGeom>
            <a:solidFill>
              <a:schemeClr val="dk2"/>
            </a:solidFill>
            <a:ln>
              <a:noFill/>
            </a:ln>
          </p:spPr>
          <p:txBody>
            <a:bodyPr spcFirstLastPara="1" wrap="square" lIns="91425" tIns="91425" rIns="91425" bIns="91425" anchor="ctr" anchorCtr="0">
              <a:noAutofit/>
            </a:bodyPr>
            <a:lstStyle/>
            <a:p>
              <a:endParaRPr/>
            </a:p>
          </p:txBody>
        </p:sp>
        <p:sp>
          <p:nvSpPr>
            <p:cNvPr id="2264" name="Google Shape;2264;p74"/>
            <p:cNvSpPr/>
            <p:nvPr/>
          </p:nvSpPr>
          <p:spPr>
            <a:xfrm>
              <a:off x="7831775" y="3681025"/>
              <a:ext cx="31400" cy="33500"/>
            </a:xfrm>
            <a:custGeom>
              <a:avLst/>
              <a:gdLst/>
              <a:ahLst/>
              <a:cxnLst/>
              <a:rect l="l" t="t" r="r" b="b"/>
              <a:pathLst>
                <a:path w="1256" h="1340" extrusionOk="0">
                  <a:moveTo>
                    <a:pt x="335" y="1"/>
                  </a:moveTo>
                  <a:cubicBezTo>
                    <a:pt x="628" y="398"/>
                    <a:pt x="921" y="817"/>
                    <a:pt x="1256" y="1277"/>
                  </a:cubicBezTo>
                  <a:cubicBezTo>
                    <a:pt x="1046" y="1298"/>
                    <a:pt x="942" y="1340"/>
                    <a:pt x="837" y="1298"/>
                  </a:cubicBezTo>
                  <a:cubicBezTo>
                    <a:pt x="649" y="1277"/>
                    <a:pt x="461" y="1235"/>
                    <a:pt x="272" y="1172"/>
                  </a:cubicBezTo>
                  <a:cubicBezTo>
                    <a:pt x="0" y="335"/>
                    <a:pt x="0" y="335"/>
                    <a:pt x="335" y="1"/>
                  </a:cubicBezTo>
                  <a:close/>
                </a:path>
              </a:pathLst>
            </a:custGeom>
            <a:solidFill>
              <a:schemeClr val="dk2"/>
            </a:solidFill>
            <a:ln>
              <a:noFill/>
            </a:ln>
          </p:spPr>
          <p:txBody>
            <a:bodyPr spcFirstLastPara="1" wrap="square" lIns="91425" tIns="91425" rIns="91425" bIns="91425" anchor="ctr" anchorCtr="0">
              <a:noAutofit/>
            </a:bodyPr>
            <a:lstStyle/>
            <a:p>
              <a:endParaRPr/>
            </a:p>
          </p:txBody>
        </p:sp>
        <p:sp>
          <p:nvSpPr>
            <p:cNvPr id="2265" name="Google Shape;2265;p74"/>
            <p:cNvSpPr/>
            <p:nvPr/>
          </p:nvSpPr>
          <p:spPr>
            <a:xfrm>
              <a:off x="7319650" y="3553925"/>
              <a:ext cx="594275" cy="553450"/>
            </a:xfrm>
            <a:custGeom>
              <a:avLst/>
              <a:gdLst/>
              <a:ahLst/>
              <a:cxnLst/>
              <a:rect l="l" t="t" r="r" b="b"/>
              <a:pathLst>
                <a:path w="23771" h="22138" extrusionOk="0">
                  <a:moveTo>
                    <a:pt x="23645" y="9249"/>
                  </a:moveTo>
                  <a:cubicBezTo>
                    <a:pt x="23770" y="10483"/>
                    <a:pt x="23666" y="11425"/>
                    <a:pt x="23435" y="12366"/>
                  </a:cubicBezTo>
                  <a:cubicBezTo>
                    <a:pt x="23226" y="13161"/>
                    <a:pt x="23017" y="13998"/>
                    <a:pt x="22682" y="14730"/>
                  </a:cubicBezTo>
                  <a:cubicBezTo>
                    <a:pt x="22285" y="15567"/>
                    <a:pt x="21782" y="16363"/>
                    <a:pt x="21238" y="17095"/>
                  </a:cubicBezTo>
                  <a:cubicBezTo>
                    <a:pt x="20632" y="17869"/>
                    <a:pt x="19941" y="18539"/>
                    <a:pt x="19251" y="19271"/>
                  </a:cubicBezTo>
                  <a:cubicBezTo>
                    <a:pt x="19167" y="19334"/>
                    <a:pt x="19104" y="19417"/>
                    <a:pt x="19000" y="19480"/>
                  </a:cubicBezTo>
                  <a:cubicBezTo>
                    <a:pt x="17556" y="20380"/>
                    <a:pt x="16091" y="21280"/>
                    <a:pt x="14355" y="21593"/>
                  </a:cubicBezTo>
                  <a:cubicBezTo>
                    <a:pt x="14041" y="21635"/>
                    <a:pt x="13706" y="21677"/>
                    <a:pt x="13371" y="21698"/>
                  </a:cubicBezTo>
                  <a:cubicBezTo>
                    <a:pt x="12890" y="21740"/>
                    <a:pt x="12430" y="21803"/>
                    <a:pt x="11948" y="21907"/>
                  </a:cubicBezTo>
                  <a:cubicBezTo>
                    <a:pt x="11174" y="22096"/>
                    <a:pt x="10379" y="22137"/>
                    <a:pt x="9542" y="21907"/>
                  </a:cubicBezTo>
                  <a:cubicBezTo>
                    <a:pt x="7408" y="21321"/>
                    <a:pt x="5546" y="20254"/>
                    <a:pt x="3872" y="18790"/>
                  </a:cubicBezTo>
                  <a:cubicBezTo>
                    <a:pt x="2784" y="17827"/>
                    <a:pt x="1863" y="16697"/>
                    <a:pt x="1026" y="15484"/>
                  </a:cubicBezTo>
                  <a:cubicBezTo>
                    <a:pt x="922" y="15358"/>
                    <a:pt x="838" y="15212"/>
                    <a:pt x="796" y="15044"/>
                  </a:cubicBezTo>
                  <a:cubicBezTo>
                    <a:pt x="440" y="14082"/>
                    <a:pt x="127" y="13078"/>
                    <a:pt x="22" y="12031"/>
                  </a:cubicBezTo>
                  <a:cubicBezTo>
                    <a:pt x="1" y="11592"/>
                    <a:pt x="22" y="11153"/>
                    <a:pt x="85" y="10713"/>
                  </a:cubicBezTo>
                  <a:cubicBezTo>
                    <a:pt x="378" y="8663"/>
                    <a:pt x="1215" y="6863"/>
                    <a:pt x="2365" y="5168"/>
                  </a:cubicBezTo>
                  <a:cubicBezTo>
                    <a:pt x="3349" y="3662"/>
                    <a:pt x="4688" y="2595"/>
                    <a:pt x="6132" y="1632"/>
                  </a:cubicBezTo>
                  <a:cubicBezTo>
                    <a:pt x="6655" y="1298"/>
                    <a:pt x="7220" y="1046"/>
                    <a:pt x="7847" y="1046"/>
                  </a:cubicBezTo>
                  <a:cubicBezTo>
                    <a:pt x="8161" y="1046"/>
                    <a:pt x="8454" y="942"/>
                    <a:pt x="8747" y="816"/>
                  </a:cubicBezTo>
                  <a:cubicBezTo>
                    <a:pt x="9270" y="523"/>
                    <a:pt x="9835" y="398"/>
                    <a:pt x="10421" y="314"/>
                  </a:cubicBezTo>
                  <a:cubicBezTo>
                    <a:pt x="12890" y="42"/>
                    <a:pt x="12890" y="0"/>
                    <a:pt x="15359" y="712"/>
                  </a:cubicBezTo>
                  <a:cubicBezTo>
                    <a:pt x="16175" y="942"/>
                    <a:pt x="16949" y="1214"/>
                    <a:pt x="17744" y="1507"/>
                  </a:cubicBezTo>
                  <a:cubicBezTo>
                    <a:pt x="18309" y="1716"/>
                    <a:pt x="18832" y="2030"/>
                    <a:pt x="19313" y="2448"/>
                  </a:cubicBezTo>
                  <a:cubicBezTo>
                    <a:pt x="19460" y="2595"/>
                    <a:pt x="19648" y="2762"/>
                    <a:pt x="19837" y="2867"/>
                  </a:cubicBezTo>
                  <a:cubicBezTo>
                    <a:pt x="20925" y="3599"/>
                    <a:pt x="21720" y="4603"/>
                    <a:pt x="22452" y="5650"/>
                  </a:cubicBezTo>
                  <a:cubicBezTo>
                    <a:pt x="22578" y="5859"/>
                    <a:pt x="22703" y="6068"/>
                    <a:pt x="22808" y="6319"/>
                  </a:cubicBezTo>
                  <a:cubicBezTo>
                    <a:pt x="23289" y="7365"/>
                    <a:pt x="23561" y="8412"/>
                    <a:pt x="23645" y="9249"/>
                  </a:cubicBezTo>
                  <a:close/>
                  <a:moveTo>
                    <a:pt x="10379" y="6089"/>
                  </a:moveTo>
                  <a:cubicBezTo>
                    <a:pt x="10170" y="5796"/>
                    <a:pt x="9898" y="5419"/>
                    <a:pt x="9647" y="5064"/>
                  </a:cubicBezTo>
                  <a:cubicBezTo>
                    <a:pt x="9417" y="4687"/>
                    <a:pt x="9207" y="4311"/>
                    <a:pt x="8998" y="3955"/>
                  </a:cubicBezTo>
                  <a:cubicBezTo>
                    <a:pt x="8391" y="3829"/>
                    <a:pt x="7826" y="3704"/>
                    <a:pt x="7241" y="3599"/>
                  </a:cubicBezTo>
                  <a:cubicBezTo>
                    <a:pt x="6864" y="3515"/>
                    <a:pt x="6487" y="3432"/>
                    <a:pt x="6090" y="3369"/>
                  </a:cubicBezTo>
                  <a:cubicBezTo>
                    <a:pt x="5860" y="3306"/>
                    <a:pt x="5650" y="3369"/>
                    <a:pt x="5462" y="3515"/>
                  </a:cubicBezTo>
                  <a:cubicBezTo>
                    <a:pt x="4876" y="3997"/>
                    <a:pt x="4269" y="4457"/>
                    <a:pt x="3851" y="5085"/>
                  </a:cubicBezTo>
                  <a:cubicBezTo>
                    <a:pt x="3307" y="5901"/>
                    <a:pt x="2784" y="6738"/>
                    <a:pt x="2282" y="7575"/>
                  </a:cubicBezTo>
                  <a:cubicBezTo>
                    <a:pt x="1884" y="8244"/>
                    <a:pt x="1675" y="9018"/>
                    <a:pt x="1528" y="9709"/>
                  </a:cubicBezTo>
                  <a:cubicBezTo>
                    <a:pt x="2052" y="10420"/>
                    <a:pt x="2679" y="10797"/>
                    <a:pt x="4479" y="11466"/>
                  </a:cubicBezTo>
                  <a:cubicBezTo>
                    <a:pt x="5085" y="11362"/>
                    <a:pt x="5609" y="11278"/>
                    <a:pt x="6132" y="11173"/>
                  </a:cubicBezTo>
                  <a:cubicBezTo>
                    <a:pt x="6466" y="11132"/>
                    <a:pt x="6780" y="11048"/>
                    <a:pt x="7094" y="10964"/>
                  </a:cubicBezTo>
                  <a:cubicBezTo>
                    <a:pt x="7492" y="10901"/>
                    <a:pt x="7847" y="10755"/>
                    <a:pt x="8224" y="10713"/>
                  </a:cubicBezTo>
                  <a:cubicBezTo>
                    <a:pt x="8705" y="10629"/>
                    <a:pt x="9019" y="10399"/>
                    <a:pt x="9207" y="9918"/>
                  </a:cubicBezTo>
                  <a:cubicBezTo>
                    <a:pt x="9291" y="9688"/>
                    <a:pt x="9333" y="9437"/>
                    <a:pt x="9417" y="9186"/>
                  </a:cubicBezTo>
                  <a:cubicBezTo>
                    <a:pt x="9730" y="8202"/>
                    <a:pt x="10044" y="7177"/>
                    <a:pt x="10379" y="6089"/>
                  </a:cubicBezTo>
                  <a:close/>
                  <a:moveTo>
                    <a:pt x="11948" y="13559"/>
                  </a:moveTo>
                  <a:cubicBezTo>
                    <a:pt x="11739" y="13308"/>
                    <a:pt x="11593" y="13057"/>
                    <a:pt x="11404" y="12847"/>
                  </a:cubicBezTo>
                  <a:cubicBezTo>
                    <a:pt x="11321" y="12785"/>
                    <a:pt x="11216" y="12722"/>
                    <a:pt x="11111" y="12680"/>
                  </a:cubicBezTo>
                  <a:cubicBezTo>
                    <a:pt x="10484" y="12492"/>
                    <a:pt x="9961" y="12115"/>
                    <a:pt x="9479" y="11697"/>
                  </a:cubicBezTo>
                  <a:cubicBezTo>
                    <a:pt x="9333" y="11592"/>
                    <a:pt x="9103" y="11487"/>
                    <a:pt x="8956" y="11487"/>
                  </a:cubicBezTo>
                  <a:cubicBezTo>
                    <a:pt x="8517" y="11487"/>
                    <a:pt x="8078" y="11487"/>
                    <a:pt x="7722" y="11655"/>
                  </a:cubicBezTo>
                  <a:cubicBezTo>
                    <a:pt x="7094" y="11885"/>
                    <a:pt x="6445" y="12010"/>
                    <a:pt x="5755" y="12052"/>
                  </a:cubicBezTo>
                  <a:cubicBezTo>
                    <a:pt x="5316" y="12073"/>
                    <a:pt x="4960" y="12220"/>
                    <a:pt x="4709" y="12617"/>
                  </a:cubicBezTo>
                  <a:cubicBezTo>
                    <a:pt x="4228" y="13350"/>
                    <a:pt x="3704" y="14040"/>
                    <a:pt x="3098" y="14626"/>
                  </a:cubicBezTo>
                  <a:cubicBezTo>
                    <a:pt x="2847" y="14835"/>
                    <a:pt x="2658" y="15128"/>
                    <a:pt x="2470" y="15358"/>
                  </a:cubicBezTo>
                  <a:cubicBezTo>
                    <a:pt x="3244" y="16781"/>
                    <a:pt x="5525" y="18915"/>
                    <a:pt x="7010" y="19585"/>
                  </a:cubicBezTo>
                  <a:cubicBezTo>
                    <a:pt x="7199" y="19480"/>
                    <a:pt x="7408" y="19313"/>
                    <a:pt x="7638" y="19229"/>
                  </a:cubicBezTo>
                  <a:cubicBezTo>
                    <a:pt x="8350" y="18978"/>
                    <a:pt x="8894" y="18497"/>
                    <a:pt x="9417" y="18016"/>
                  </a:cubicBezTo>
                  <a:cubicBezTo>
                    <a:pt x="9710" y="17723"/>
                    <a:pt x="10044" y="17451"/>
                    <a:pt x="10463" y="17325"/>
                  </a:cubicBezTo>
                  <a:cubicBezTo>
                    <a:pt x="10588" y="17304"/>
                    <a:pt x="10756" y="17116"/>
                    <a:pt x="10798" y="16990"/>
                  </a:cubicBezTo>
                  <a:cubicBezTo>
                    <a:pt x="11007" y="16446"/>
                    <a:pt x="11216" y="15881"/>
                    <a:pt x="11363" y="15316"/>
                  </a:cubicBezTo>
                  <a:cubicBezTo>
                    <a:pt x="11404" y="14730"/>
                    <a:pt x="11593" y="14166"/>
                    <a:pt x="11948" y="13559"/>
                  </a:cubicBezTo>
                  <a:close/>
                  <a:moveTo>
                    <a:pt x="19899" y="4227"/>
                  </a:moveTo>
                  <a:cubicBezTo>
                    <a:pt x="19586" y="3955"/>
                    <a:pt x="19334" y="3746"/>
                    <a:pt x="19104" y="3515"/>
                  </a:cubicBezTo>
                  <a:cubicBezTo>
                    <a:pt x="18372" y="2804"/>
                    <a:pt x="17493" y="2386"/>
                    <a:pt x="16552" y="2134"/>
                  </a:cubicBezTo>
                  <a:cubicBezTo>
                    <a:pt x="15694" y="1904"/>
                    <a:pt x="14836" y="1653"/>
                    <a:pt x="13999" y="1381"/>
                  </a:cubicBezTo>
                  <a:cubicBezTo>
                    <a:pt x="13246" y="1088"/>
                    <a:pt x="12451" y="1172"/>
                    <a:pt x="11697" y="1235"/>
                  </a:cubicBezTo>
                  <a:cubicBezTo>
                    <a:pt x="11425" y="1277"/>
                    <a:pt x="11216" y="1381"/>
                    <a:pt x="11070" y="1611"/>
                  </a:cubicBezTo>
                  <a:cubicBezTo>
                    <a:pt x="10693" y="2134"/>
                    <a:pt x="10337" y="2658"/>
                    <a:pt x="9940" y="3181"/>
                  </a:cubicBezTo>
                  <a:cubicBezTo>
                    <a:pt x="9730" y="3474"/>
                    <a:pt x="9730" y="3746"/>
                    <a:pt x="9898" y="4039"/>
                  </a:cubicBezTo>
                  <a:cubicBezTo>
                    <a:pt x="9961" y="4227"/>
                    <a:pt x="10065" y="4373"/>
                    <a:pt x="10212" y="4541"/>
                  </a:cubicBezTo>
                  <a:lnTo>
                    <a:pt x="11216" y="5859"/>
                  </a:lnTo>
                  <a:cubicBezTo>
                    <a:pt x="11425" y="5859"/>
                    <a:pt x="11655" y="5838"/>
                    <a:pt x="11865" y="5838"/>
                  </a:cubicBezTo>
                  <a:cubicBezTo>
                    <a:pt x="12116" y="5838"/>
                    <a:pt x="12367" y="5859"/>
                    <a:pt x="12618" y="5922"/>
                  </a:cubicBezTo>
                  <a:cubicBezTo>
                    <a:pt x="13497" y="6173"/>
                    <a:pt x="14355" y="6466"/>
                    <a:pt x="15233" y="6759"/>
                  </a:cubicBezTo>
                  <a:cubicBezTo>
                    <a:pt x="15652" y="6884"/>
                    <a:pt x="16049" y="7052"/>
                    <a:pt x="16426" y="7344"/>
                  </a:cubicBezTo>
                  <a:cubicBezTo>
                    <a:pt x="16593" y="7470"/>
                    <a:pt x="16824" y="7533"/>
                    <a:pt x="17033" y="7616"/>
                  </a:cubicBezTo>
                  <a:cubicBezTo>
                    <a:pt x="17765" y="7177"/>
                    <a:pt x="18477" y="6738"/>
                    <a:pt x="19167" y="6298"/>
                  </a:cubicBezTo>
                  <a:cubicBezTo>
                    <a:pt x="19439" y="6131"/>
                    <a:pt x="19586" y="5943"/>
                    <a:pt x="19648" y="5629"/>
                  </a:cubicBezTo>
                  <a:cubicBezTo>
                    <a:pt x="19690" y="5168"/>
                    <a:pt x="19795" y="4687"/>
                    <a:pt x="19899" y="4227"/>
                  </a:cubicBezTo>
                  <a:close/>
                  <a:moveTo>
                    <a:pt x="18309" y="14605"/>
                  </a:moveTo>
                  <a:cubicBezTo>
                    <a:pt x="17661" y="13831"/>
                    <a:pt x="17075" y="13036"/>
                    <a:pt x="16280" y="12596"/>
                  </a:cubicBezTo>
                  <a:cubicBezTo>
                    <a:pt x="15819" y="12638"/>
                    <a:pt x="15443" y="12701"/>
                    <a:pt x="15066" y="12743"/>
                  </a:cubicBezTo>
                  <a:cubicBezTo>
                    <a:pt x="14857" y="12785"/>
                    <a:pt x="14585" y="12806"/>
                    <a:pt x="14438" y="12910"/>
                  </a:cubicBezTo>
                  <a:cubicBezTo>
                    <a:pt x="13936" y="13266"/>
                    <a:pt x="13371" y="13475"/>
                    <a:pt x="12785" y="13747"/>
                  </a:cubicBezTo>
                  <a:cubicBezTo>
                    <a:pt x="12639" y="14186"/>
                    <a:pt x="12430" y="14605"/>
                    <a:pt x="12304" y="15086"/>
                  </a:cubicBezTo>
                  <a:cubicBezTo>
                    <a:pt x="12137" y="15526"/>
                    <a:pt x="12032" y="15986"/>
                    <a:pt x="11927" y="16446"/>
                  </a:cubicBezTo>
                  <a:cubicBezTo>
                    <a:pt x="11844" y="16676"/>
                    <a:pt x="11802" y="16907"/>
                    <a:pt x="11718" y="17179"/>
                  </a:cubicBezTo>
                  <a:cubicBezTo>
                    <a:pt x="11907" y="17451"/>
                    <a:pt x="12032" y="17764"/>
                    <a:pt x="12262" y="18036"/>
                  </a:cubicBezTo>
                  <a:cubicBezTo>
                    <a:pt x="12639" y="18434"/>
                    <a:pt x="12932" y="18873"/>
                    <a:pt x="13183" y="19313"/>
                  </a:cubicBezTo>
                  <a:cubicBezTo>
                    <a:pt x="13287" y="19501"/>
                    <a:pt x="13413" y="19710"/>
                    <a:pt x="13497" y="19899"/>
                  </a:cubicBezTo>
                  <a:cubicBezTo>
                    <a:pt x="13622" y="20171"/>
                    <a:pt x="13811" y="20422"/>
                    <a:pt x="14124" y="20526"/>
                  </a:cubicBezTo>
                  <a:cubicBezTo>
                    <a:pt x="15694" y="20171"/>
                    <a:pt x="17786" y="19166"/>
                    <a:pt x="18518" y="18371"/>
                  </a:cubicBezTo>
                  <a:cubicBezTo>
                    <a:pt x="18414" y="17179"/>
                    <a:pt x="18163" y="15923"/>
                    <a:pt x="18309" y="14605"/>
                  </a:cubicBezTo>
                  <a:close/>
                  <a:moveTo>
                    <a:pt x="22159" y="7554"/>
                  </a:moveTo>
                  <a:cubicBezTo>
                    <a:pt x="21510" y="7365"/>
                    <a:pt x="20841" y="7198"/>
                    <a:pt x="20213" y="7031"/>
                  </a:cubicBezTo>
                  <a:cubicBezTo>
                    <a:pt x="19941" y="6947"/>
                    <a:pt x="19690" y="6947"/>
                    <a:pt x="19439" y="7093"/>
                  </a:cubicBezTo>
                  <a:cubicBezTo>
                    <a:pt x="18853" y="7470"/>
                    <a:pt x="18225" y="7805"/>
                    <a:pt x="17640" y="8140"/>
                  </a:cubicBezTo>
                  <a:cubicBezTo>
                    <a:pt x="17451" y="8244"/>
                    <a:pt x="17326" y="8391"/>
                    <a:pt x="17242" y="8558"/>
                  </a:cubicBezTo>
                  <a:cubicBezTo>
                    <a:pt x="17075" y="8956"/>
                    <a:pt x="16928" y="9353"/>
                    <a:pt x="16803" y="9751"/>
                  </a:cubicBezTo>
                  <a:cubicBezTo>
                    <a:pt x="16593" y="10399"/>
                    <a:pt x="16342" y="11048"/>
                    <a:pt x="16510" y="11780"/>
                  </a:cubicBezTo>
                  <a:cubicBezTo>
                    <a:pt x="16635" y="11885"/>
                    <a:pt x="16761" y="12010"/>
                    <a:pt x="16907" y="12073"/>
                  </a:cubicBezTo>
                  <a:cubicBezTo>
                    <a:pt x="17535" y="12387"/>
                    <a:pt x="17953" y="12889"/>
                    <a:pt x="18372" y="13412"/>
                  </a:cubicBezTo>
                  <a:cubicBezTo>
                    <a:pt x="18749" y="13852"/>
                    <a:pt x="19146" y="14249"/>
                    <a:pt x="19565" y="14689"/>
                  </a:cubicBezTo>
                  <a:cubicBezTo>
                    <a:pt x="20297" y="14772"/>
                    <a:pt x="20904" y="14270"/>
                    <a:pt x="21615" y="14207"/>
                  </a:cubicBezTo>
                  <a:cubicBezTo>
                    <a:pt x="22619" y="12010"/>
                    <a:pt x="23038" y="9813"/>
                    <a:pt x="22159" y="7554"/>
                  </a:cubicBezTo>
                  <a:close/>
                  <a:moveTo>
                    <a:pt x="15464" y="11759"/>
                  </a:moveTo>
                  <a:cubicBezTo>
                    <a:pt x="15568" y="11153"/>
                    <a:pt x="15652" y="10609"/>
                    <a:pt x="15798" y="10085"/>
                  </a:cubicBezTo>
                  <a:cubicBezTo>
                    <a:pt x="15966" y="9521"/>
                    <a:pt x="16196" y="8977"/>
                    <a:pt x="16384" y="8412"/>
                  </a:cubicBezTo>
                  <a:cubicBezTo>
                    <a:pt x="15987" y="8181"/>
                    <a:pt x="15652" y="7909"/>
                    <a:pt x="15275" y="7721"/>
                  </a:cubicBezTo>
                  <a:cubicBezTo>
                    <a:pt x="14292" y="7282"/>
                    <a:pt x="13246" y="6989"/>
                    <a:pt x="12199" y="6717"/>
                  </a:cubicBezTo>
                  <a:cubicBezTo>
                    <a:pt x="12011" y="6654"/>
                    <a:pt x="11781" y="6633"/>
                    <a:pt x="11676" y="6842"/>
                  </a:cubicBezTo>
                  <a:cubicBezTo>
                    <a:pt x="11509" y="7156"/>
                    <a:pt x="11216" y="7135"/>
                    <a:pt x="10902" y="7177"/>
                  </a:cubicBezTo>
                  <a:cubicBezTo>
                    <a:pt x="10567" y="8391"/>
                    <a:pt x="10212" y="9583"/>
                    <a:pt x="9856" y="10839"/>
                  </a:cubicBezTo>
                  <a:cubicBezTo>
                    <a:pt x="10128" y="11069"/>
                    <a:pt x="10379" y="11341"/>
                    <a:pt x="10693" y="11529"/>
                  </a:cubicBezTo>
                  <a:cubicBezTo>
                    <a:pt x="11049" y="11738"/>
                    <a:pt x="11425" y="11801"/>
                    <a:pt x="11781" y="12010"/>
                  </a:cubicBezTo>
                  <a:cubicBezTo>
                    <a:pt x="12095" y="12220"/>
                    <a:pt x="12346" y="12534"/>
                    <a:pt x="12639" y="12806"/>
                  </a:cubicBezTo>
                  <a:cubicBezTo>
                    <a:pt x="13036" y="12680"/>
                    <a:pt x="13392" y="12534"/>
                    <a:pt x="13706" y="12303"/>
                  </a:cubicBezTo>
                  <a:cubicBezTo>
                    <a:pt x="14041" y="12052"/>
                    <a:pt x="14438" y="11906"/>
                    <a:pt x="14878" y="11885"/>
                  </a:cubicBezTo>
                  <a:cubicBezTo>
                    <a:pt x="15087" y="11843"/>
                    <a:pt x="15296" y="11780"/>
                    <a:pt x="15464" y="11759"/>
                  </a:cubicBezTo>
                  <a:close/>
                  <a:moveTo>
                    <a:pt x="11091" y="18267"/>
                  </a:moveTo>
                  <a:cubicBezTo>
                    <a:pt x="10630" y="18225"/>
                    <a:pt x="10233" y="18371"/>
                    <a:pt x="9940" y="18748"/>
                  </a:cubicBezTo>
                  <a:lnTo>
                    <a:pt x="9710" y="18978"/>
                  </a:lnTo>
                  <a:cubicBezTo>
                    <a:pt x="9312" y="19417"/>
                    <a:pt x="8852" y="19752"/>
                    <a:pt x="8266" y="19961"/>
                  </a:cubicBezTo>
                  <a:cubicBezTo>
                    <a:pt x="8224" y="20003"/>
                    <a:pt x="8161" y="20066"/>
                    <a:pt x="8140" y="20129"/>
                  </a:cubicBezTo>
                  <a:cubicBezTo>
                    <a:pt x="8161" y="20171"/>
                    <a:pt x="8161" y="20233"/>
                    <a:pt x="8182" y="20233"/>
                  </a:cubicBezTo>
                  <a:cubicBezTo>
                    <a:pt x="9124" y="20547"/>
                    <a:pt x="10065" y="20903"/>
                    <a:pt x="11070" y="21154"/>
                  </a:cubicBezTo>
                  <a:cubicBezTo>
                    <a:pt x="11697" y="21301"/>
                    <a:pt x="12262" y="21049"/>
                    <a:pt x="12743" y="20547"/>
                  </a:cubicBezTo>
                  <a:cubicBezTo>
                    <a:pt x="12367" y="19606"/>
                    <a:pt x="11823" y="18873"/>
                    <a:pt x="11091" y="18267"/>
                  </a:cubicBezTo>
                  <a:close/>
                  <a:moveTo>
                    <a:pt x="3767" y="12199"/>
                  </a:moveTo>
                  <a:cubicBezTo>
                    <a:pt x="3328" y="11990"/>
                    <a:pt x="2909" y="11801"/>
                    <a:pt x="2512" y="11592"/>
                  </a:cubicBezTo>
                  <a:cubicBezTo>
                    <a:pt x="2093" y="11383"/>
                    <a:pt x="1675" y="11153"/>
                    <a:pt x="1256" y="10943"/>
                  </a:cubicBezTo>
                  <a:cubicBezTo>
                    <a:pt x="1068" y="11383"/>
                    <a:pt x="1068" y="11801"/>
                    <a:pt x="1173" y="12220"/>
                  </a:cubicBezTo>
                  <a:cubicBezTo>
                    <a:pt x="1340" y="12994"/>
                    <a:pt x="1466" y="13747"/>
                    <a:pt x="1863" y="14521"/>
                  </a:cubicBezTo>
                  <a:cubicBezTo>
                    <a:pt x="2575" y="13789"/>
                    <a:pt x="3328" y="13224"/>
                    <a:pt x="3767" y="12199"/>
                  </a:cubicBezTo>
                  <a:close/>
                  <a:moveTo>
                    <a:pt x="6613" y="2678"/>
                  </a:moveTo>
                  <a:cubicBezTo>
                    <a:pt x="7220" y="2846"/>
                    <a:pt x="7722" y="2951"/>
                    <a:pt x="8182" y="3076"/>
                  </a:cubicBezTo>
                  <a:cubicBezTo>
                    <a:pt x="8705" y="3202"/>
                    <a:pt x="9103" y="3118"/>
                    <a:pt x="9375" y="2595"/>
                  </a:cubicBezTo>
                  <a:cubicBezTo>
                    <a:pt x="9438" y="2448"/>
                    <a:pt x="9605" y="2365"/>
                    <a:pt x="9689" y="2218"/>
                  </a:cubicBezTo>
                  <a:cubicBezTo>
                    <a:pt x="9835" y="1967"/>
                    <a:pt x="10044" y="1800"/>
                    <a:pt x="10044" y="1423"/>
                  </a:cubicBezTo>
                  <a:cubicBezTo>
                    <a:pt x="9835" y="1444"/>
                    <a:pt x="9647" y="1444"/>
                    <a:pt x="9500" y="1528"/>
                  </a:cubicBezTo>
                  <a:cubicBezTo>
                    <a:pt x="9124" y="1695"/>
                    <a:pt x="8768" y="1904"/>
                    <a:pt x="8370" y="2072"/>
                  </a:cubicBezTo>
                  <a:cubicBezTo>
                    <a:pt x="7889" y="2323"/>
                    <a:pt x="7450" y="2595"/>
                    <a:pt x="6906" y="2448"/>
                  </a:cubicBezTo>
                  <a:cubicBezTo>
                    <a:pt x="6864" y="2448"/>
                    <a:pt x="6801" y="2553"/>
                    <a:pt x="6613" y="2678"/>
                  </a:cubicBezTo>
                  <a:close/>
                  <a:moveTo>
                    <a:pt x="19125" y="15547"/>
                  </a:moveTo>
                  <a:cubicBezTo>
                    <a:pt x="19167" y="16153"/>
                    <a:pt x="19230" y="16676"/>
                    <a:pt x="19272" y="17199"/>
                  </a:cubicBezTo>
                  <a:cubicBezTo>
                    <a:pt x="19272" y="17304"/>
                    <a:pt x="19313" y="17430"/>
                    <a:pt x="19523" y="17430"/>
                  </a:cubicBezTo>
                  <a:cubicBezTo>
                    <a:pt x="20088" y="16823"/>
                    <a:pt x="20715" y="16216"/>
                    <a:pt x="21029" y="15358"/>
                  </a:cubicBezTo>
                  <a:cubicBezTo>
                    <a:pt x="20360" y="15442"/>
                    <a:pt x="19774" y="15505"/>
                    <a:pt x="19125" y="15547"/>
                  </a:cubicBezTo>
                  <a:close/>
                  <a:moveTo>
                    <a:pt x="20820" y="5085"/>
                  </a:moveTo>
                  <a:cubicBezTo>
                    <a:pt x="20485" y="5419"/>
                    <a:pt x="20485" y="5419"/>
                    <a:pt x="20778" y="6256"/>
                  </a:cubicBezTo>
                  <a:cubicBezTo>
                    <a:pt x="20946" y="6319"/>
                    <a:pt x="21134" y="6361"/>
                    <a:pt x="21322" y="6382"/>
                  </a:cubicBezTo>
                  <a:cubicBezTo>
                    <a:pt x="21427" y="6424"/>
                    <a:pt x="21552" y="6361"/>
                    <a:pt x="21741" y="6361"/>
                  </a:cubicBezTo>
                  <a:cubicBezTo>
                    <a:pt x="21406" y="5859"/>
                    <a:pt x="21113" y="5482"/>
                    <a:pt x="20820" y="508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266" name="Google Shape;2266;p74"/>
            <p:cNvSpPr/>
            <p:nvPr/>
          </p:nvSpPr>
          <p:spPr>
            <a:xfrm>
              <a:off x="7113575" y="3826975"/>
              <a:ext cx="117175" cy="153800"/>
            </a:xfrm>
            <a:custGeom>
              <a:avLst/>
              <a:gdLst/>
              <a:ahLst/>
              <a:cxnLst/>
              <a:rect l="l" t="t" r="r" b="b"/>
              <a:pathLst>
                <a:path w="4687" h="6152" extrusionOk="0">
                  <a:moveTo>
                    <a:pt x="4687" y="251"/>
                  </a:moveTo>
                  <a:cubicBezTo>
                    <a:pt x="4185" y="712"/>
                    <a:pt x="3662" y="1088"/>
                    <a:pt x="3201" y="1570"/>
                  </a:cubicBezTo>
                  <a:cubicBezTo>
                    <a:pt x="2239" y="2511"/>
                    <a:pt x="1569" y="3683"/>
                    <a:pt x="1088" y="4938"/>
                  </a:cubicBezTo>
                  <a:cubicBezTo>
                    <a:pt x="1004" y="5148"/>
                    <a:pt x="1004" y="5357"/>
                    <a:pt x="984" y="5587"/>
                  </a:cubicBezTo>
                  <a:cubicBezTo>
                    <a:pt x="942" y="5880"/>
                    <a:pt x="837" y="6068"/>
                    <a:pt x="628" y="6089"/>
                  </a:cubicBezTo>
                  <a:cubicBezTo>
                    <a:pt x="398" y="6152"/>
                    <a:pt x="105" y="5964"/>
                    <a:pt x="63" y="5733"/>
                  </a:cubicBezTo>
                  <a:cubicBezTo>
                    <a:pt x="0" y="5545"/>
                    <a:pt x="0" y="5336"/>
                    <a:pt x="42" y="5148"/>
                  </a:cubicBezTo>
                  <a:cubicBezTo>
                    <a:pt x="42" y="5022"/>
                    <a:pt x="84" y="4897"/>
                    <a:pt x="126" y="4750"/>
                  </a:cubicBezTo>
                  <a:cubicBezTo>
                    <a:pt x="711" y="3327"/>
                    <a:pt x="1465" y="1988"/>
                    <a:pt x="2574" y="879"/>
                  </a:cubicBezTo>
                  <a:cubicBezTo>
                    <a:pt x="2678" y="775"/>
                    <a:pt x="2783" y="670"/>
                    <a:pt x="2888" y="607"/>
                  </a:cubicBezTo>
                  <a:cubicBezTo>
                    <a:pt x="3411" y="105"/>
                    <a:pt x="4017" y="0"/>
                    <a:pt x="4687" y="251"/>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267" name="Google Shape;2267;p74"/>
            <p:cNvSpPr/>
            <p:nvPr/>
          </p:nvSpPr>
          <p:spPr>
            <a:xfrm>
              <a:off x="7190975" y="3868825"/>
              <a:ext cx="65950" cy="67500"/>
            </a:xfrm>
            <a:custGeom>
              <a:avLst/>
              <a:gdLst/>
              <a:ahLst/>
              <a:cxnLst/>
              <a:rect l="l" t="t" r="r" b="b"/>
              <a:pathLst>
                <a:path w="2638" h="2700" extrusionOk="0">
                  <a:moveTo>
                    <a:pt x="2637" y="0"/>
                  </a:moveTo>
                  <a:cubicBezTo>
                    <a:pt x="2344" y="565"/>
                    <a:pt x="2114" y="1026"/>
                    <a:pt x="1696" y="1381"/>
                  </a:cubicBezTo>
                  <a:cubicBezTo>
                    <a:pt x="1382" y="1653"/>
                    <a:pt x="1068" y="1904"/>
                    <a:pt x="942" y="2344"/>
                  </a:cubicBezTo>
                  <a:cubicBezTo>
                    <a:pt x="880" y="2595"/>
                    <a:pt x="608" y="2699"/>
                    <a:pt x="398" y="2637"/>
                  </a:cubicBezTo>
                  <a:cubicBezTo>
                    <a:pt x="147" y="2595"/>
                    <a:pt x="1" y="2323"/>
                    <a:pt x="43" y="2030"/>
                  </a:cubicBezTo>
                  <a:cubicBezTo>
                    <a:pt x="84" y="1862"/>
                    <a:pt x="147" y="1653"/>
                    <a:pt x="252" y="1507"/>
                  </a:cubicBezTo>
                  <a:cubicBezTo>
                    <a:pt x="649" y="984"/>
                    <a:pt x="1131" y="544"/>
                    <a:pt x="1717" y="314"/>
                  </a:cubicBezTo>
                  <a:cubicBezTo>
                    <a:pt x="2030" y="210"/>
                    <a:pt x="2261" y="126"/>
                    <a:pt x="2637" y="0"/>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268" name="Google Shape;2268;p74"/>
            <p:cNvSpPr/>
            <p:nvPr/>
          </p:nvSpPr>
          <p:spPr>
            <a:xfrm>
              <a:off x="6168875" y="2279675"/>
              <a:ext cx="771575" cy="576475"/>
            </a:xfrm>
            <a:custGeom>
              <a:avLst/>
              <a:gdLst/>
              <a:ahLst/>
              <a:cxnLst/>
              <a:rect l="l" t="t" r="r" b="b"/>
              <a:pathLst>
                <a:path w="30863" h="23059" extrusionOk="0">
                  <a:moveTo>
                    <a:pt x="13349" y="210"/>
                  </a:moveTo>
                  <a:cubicBezTo>
                    <a:pt x="15149" y="0"/>
                    <a:pt x="16927" y="210"/>
                    <a:pt x="18685" y="565"/>
                  </a:cubicBezTo>
                  <a:cubicBezTo>
                    <a:pt x="19438" y="712"/>
                    <a:pt x="20191" y="921"/>
                    <a:pt x="20945" y="1130"/>
                  </a:cubicBezTo>
                  <a:cubicBezTo>
                    <a:pt x="21928" y="1402"/>
                    <a:pt x="22870" y="1779"/>
                    <a:pt x="23727" y="2302"/>
                  </a:cubicBezTo>
                  <a:cubicBezTo>
                    <a:pt x="24481" y="2762"/>
                    <a:pt x="25213" y="3181"/>
                    <a:pt x="26008" y="3599"/>
                  </a:cubicBezTo>
                  <a:cubicBezTo>
                    <a:pt x="27180" y="4227"/>
                    <a:pt x="28163" y="5085"/>
                    <a:pt x="29147" y="5964"/>
                  </a:cubicBezTo>
                  <a:cubicBezTo>
                    <a:pt x="29607" y="6382"/>
                    <a:pt x="29900" y="6947"/>
                    <a:pt x="30151" y="7491"/>
                  </a:cubicBezTo>
                  <a:cubicBezTo>
                    <a:pt x="30256" y="7700"/>
                    <a:pt x="30339" y="7909"/>
                    <a:pt x="30444" y="8098"/>
                  </a:cubicBezTo>
                  <a:cubicBezTo>
                    <a:pt x="30862" y="8830"/>
                    <a:pt x="30841" y="9604"/>
                    <a:pt x="30590" y="10358"/>
                  </a:cubicBezTo>
                  <a:cubicBezTo>
                    <a:pt x="30318" y="11299"/>
                    <a:pt x="29858" y="12178"/>
                    <a:pt x="29314" y="12973"/>
                  </a:cubicBezTo>
                  <a:cubicBezTo>
                    <a:pt x="28854" y="13663"/>
                    <a:pt x="28372" y="14375"/>
                    <a:pt x="27766" y="14961"/>
                  </a:cubicBezTo>
                  <a:cubicBezTo>
                    <a:pt x="27201" y="15547"/>
                    <a:pt x="26615" y="16112"/>
                    <a:pt x="26050" y="16676"/>
                  </a:cubicBezTo>
                  <a:cubicBezTo>
                    <a:pt x="25883" y="16823"/>
                    <a:pt x="25673" y="16928"/>
                    <a:pt x="25485" y="17011"/>
                  </a:cubicBezTo>
                  <a:cubicBezTo>
                    <a:pt x="24188" y="17660"/>
                    <a:pt x="22890" y="18350"/>
                    <a:pt x="21572" y="18978"/>
                  </a:cubicBezTo>
                  <a:cubicBezTo>
                    <a:pt x="20798" y="19334"/>
                    <a:pt x="19982" y="19627"/>
                    <a:pt x="19166" y="19920"/>
                  </a:cubicBezTo>
                  <a:cubicBezTo>
                    <a:pt x="17660" y="20464"/>
                    <a:pt x="16111" y="21008"/>
                    <a:pt x="14563" y="21510"/>
                  </a:cubicBezTo>
                  <a:cubicBezTo>
                    <a:pt x="13035" y="22012"/>
                    <a:pt x="11424" y="22326"/>
                    <a:pt x="9834" y="22556"/>
                  </a:cubicBezTo>
                  <a:cubicBezTo>
                    <a:pt x="9709" y="22577"/>
                    <a:pt x="9541" y="22577"/>
                    <a:pt x="9416" y="22598"/>
                  </a:cubicBezTo>
                  <a:cubicBezTo>
                    <a:pt x="7658" y="23058"/>
                    <a:pt x="5859" y="22912"/>
                    <a:pt x="4080" y="22912"/>
                  </a:cubicBezTo>
                  <a:cubicBezTo>
                    <a:pt x="3787" y="22912"/>
                    <a:pt x="3452" y="22870"/>
                    <a:pt x="3201" y="22765"/>
                  </a:cubicBezTo>
                  <a:cubicBezTo>
                    <a:pt x="2971" y="22682"/>
                    <a:pt x="2720" y="22535"/>
                    <a:pt x="2615" y="22326"/>
                  </a:cubicBezTo>
                  <a:cubicBezTo>
                    <a:pt x="2113" y="21405"/>
                    <a:pt x="1486" y="20589"/>
                    <a:pt x="1130" y="19606"/>
                  </a:cubicBezTo>
                  <a:cubicBezTo>
                    <a:pt x="439" y="17744"/>
                    <a:pt x="0" y="15860"/>
                    <a:pt x="126" y="13873"/>
                  </a:cubicBezTo>
                  <a:cubicBezTo>
                    <a:pt x="188" y="12827"/>
                    <a:pt x="439" y="11822"/>
                    <a:pt x="837" y="10860"/>
                  </a:cubicBezTo>
                  <a:cubicBezTo>
                    <a:pt x="1758" y="8663"/>
                    <a:pt x="2888" y="6570"/>
                    <a:pt x="4457" y="4750"/>
                  </a:cubicBezTo>
                  <a:cubicBezTo>
                    <a:pt x="6465" y="2365"/>
                    <a:pt x="8976" y="879"/>
                    <a:pt x="12052" y="398"/>
                  </a:cubicBezTo>
                  <a:cubicBezTo>
                    <a:pt x="12450" y="377"/>
                    <a:pt x="12889" y="293"/>
                    <a:pt x="13349" y="210"/>
                  </a:cubicBezTo>
                  <a:close/>
                  <a:moveTo>
                    <a:pt x="25506" y="13475"/>
                  </a:moveTo>
                  <a:cubicBezTo>
                    <a:pt x="25527" y="13371"/>
                    <a:pt x="25548" y="13329"/>
                    <a:pt x="25548" y="13266"/>
                  </a:cubicBezTo>
                  <a:cubicBezTo>
                    <a:pt x="25401" y="11822"/>
                    <a:pt x="24690" y="10630"/>
                    <a:pt x="23853" y="9500"/>
                  </a:cubicBezTo>
                  <a:cubicBezTo>
                    <a:pt x="23644" y="9207"/>
                    <a:pt x="23330" y="9207"/>
                    <a:pt x="23037" y="9416"/>
                  </a:cubicBezTo>
                  <a:cubicBezTo>
                    <a:pt x="22702" y="9688"/>
                    <a:pt x="22388" y="9939"/>
                    <a:pt x="22074" y="10232"/>
                  </a:cubicBezTo>
                  <a:cubicBezTo>
                    <a:pt x="21238" y="10943"/>
                    <a:pt x="20401" y="11613"/>
                    <a:pt x="19438" y="12136"/>
                  </a:cubicBezTo>
                  <a:cubicBezTo>
                    <a:pt x="19041" y="12345"/>
                    <a:pt x="18643" y="12596"/>
                    <a:pt x="18204" y="12659"/>
                  </a:cubicBezTo>
                  <a:cubicBezTo>
                    <a:pt x="17764" y="12764"/>
                    <a:pt x="17388" y="13015"/>
                    <a:pt x="17011" y="13182"/>
                  </a:cubicBezTo>
                  <a:cubicBezTo>
                    <a:pt x="16551" y="13433"/>
                    <a:pt x="16488" y="13747"/>
                    <a:pt x="16551" y="14166"/>
                  </a:cubicBezTo>
                  <a:cubicBezTo>
                    <a:pt x="16655" y="14814"/>
                    <a:pt x="16739" y="15484"/>
                    <a:pt x="16844" y="16153"/>
                  </a:cubicBezTo>
                  <a:cubicBezTo>
                    <a:pt x="16864" y="16279"/>
                    <a:pt x="16864" y="16425"/>
                    <a:pt x="16906" y="16572"/>
                  </a:cubicBezTo>
                  <a:cubicBezTo>
                    <a:pt x="17032" y="17137"/>
                    <a:pt x="17450" y="17472"/>
                    <a:pt x="18057" y="17430"/>
                  </a:cubicBezTo>
                  <a:cubicBezTo>
                    <a:pt x="18643" y="17367"/>
                    <a:pt x="19271" y="17304"/>
                    <a:pt x="19857" y="17116"/>
                  </a:cubicBezTo>
                  <a:cubicBezTo>
                    <a:pt x="21530" y="16635"/>
                    <a:pt x="22890" y="15588"/>
                    <a:pt x="24167" y="14479"/>
                  </a:cubicBezTo>
                  <a:cubicBezTo>
                    <a:pt x="24585" y="14124"/>
                    <a:pt x="25025" y="13747"/>
                    <a:pt x="25506" y="13475"/>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2269" name="Google Shape;2269;p74"/>
            <p:cNvSpPr/>
            <p:nvPr/>
          </p:nvSpPr>
          <p:spPr>
            <a:xfrm>
              <a:off x="6172000" y="2555875"/>
              <a:ext cx="865225" cy="598550"/>
            </a:xfrm>
            <a:custGeom>
              <a:avLst/>
              <a:gdLst/>
              <a:ahLst/>
              <a:cxnLst/>
              <a:rect l="l" t="t" r="r" b="b"/>
              <a:pathLst>
                <a:path w="34609" h="23942" extrusionOk="0">
                  <a:moveTo>
                    <a:pt x="31323" y="0"/>
                  </a:moveTo>
                  <a:cubicBezTo>
                    <a:pt x="31219" y="209"/>
                    <a:pt x="31135" y="335"/>
                    <a:pt x="31072" y="502"/>
                  </a:cubicBezTo>
                  <a:cubicBezTo>
                    <a:pt x="30947" y="858"/>
                    <a:pt x="30905" y="1255"/>
                    <a:pt x="30716" y="1590"/>
                  </a:cubicBezTo>
                  <a:cubicBezTo>
                    <a:pt x="30235" y="2469"/>
                    <a:pt x="29712" y="3348"/>
                    <a:pt x="29189" y="4206"/>
                  </a:cubicBezTo>
                  <a:cubicBezTo>
                    <a:pt x="29043" y="4436"/>
                    <a:pt x="28833" y="4624"/>
                    <a:pt x="28645" y="4833"/>
                  </a:cubicBezTo>
                  <a:cubicBezTo>
                    <a:pt x="27829" y="5712"/>
                    <a:pt x="26867" y="6340"/>
                    <a:pt x="25799" y="6842"/>
                  </a:cubicBezTo>
                  <a:cubicBezTo>
                    <a:pt x="25381" y="7051"/>
                    <a:pt x="25067" y="7323"/>
                    <a:pt x="24921" y="7784"/>
                  </a:cubicBezTo>
                  <a:cubicBezTo>
                    <a:pt x="24795" y="8349"/>
                    <a:pt x="24502" y="8809"/>
                    <a:pt x="24126" y="9248"/>
                  </a:cubicBezTo>
                  <a:cubicBezTo>
                    <a:pt x="23979" y="9395"/>
                    <a:pt x="23854" y="9562"/>
                    <a:pt x="23812" y="9750"/>
                  </a:cubicBezTo>
                  <a:cubicBezTo>
                    <a:pt x="23665" y="10462"/>
                    <a:pt x="23205" y="10964"/>
                    <a:pt x="22745" y="11424"/>
                  </a:cubicBezTo>
                  <a:cubicBezTo>
                    <a:pt x="22385" y="11768"/>
                    <a:pt x="21986" y="12035"/>
                    <a:pt x="21510" y="12035"/>
                  </a:cubicBezTo>
                  <a:cubicBezTo>
                    <a:pt x="21377" y="12035"/>
                    <a:pt x="21238" y="12014"/>
                    <a:pt x="21092" y="11968"/>
                  </a:cubicBezTo>
                  <a:cubicBezTo>
                    <a:pt x="20820" y="11885"/>
                    <a:pt x="20527" y="11926"/>
                    <a:pt x="20255" y="11885"/>
                  </a:cubicBezTo>
                  <a:cubicBezTo>
                    <a:pt x="19857" y="12366"/>
                    <a:pt x="19480" y="12826"/>
                    <a:pt x="19125" y="13307"/>
                  </a:cubicBezTo>
                  <a:cubicBezTo>
                    <a:pt x="18619" y="13969"/>
                    <a:pt x="17950" y="14232"/>
                    <a:pt x="17169" y="14232"/>
                  </a:cubicBezTo>
                  <a:cubicBezTo>
                    <a:pt x="17110" y="14232"/>
                    <a:pt x="17051" y="14231"/>
                    <a:pt x="16991" y="14228"/>
                  </a:cubicBezTo>
                  <a:cubicBezTo>
                    <a:pt x="16719" y="14186"/>
                    <a:pt x="16426" y="14082"/>
                    <a:pt x="16195" y="13977"/>
                  </a:cubicBezTo>
                  <a:cubicBezTo>
                    <a:pt x="15944" y="13872"/>
                    <a:pt x="15965" y="13559"/>
                    <a:pt x="15861" y="13328"/>
                  </a:cubicBezTo>
                  <a:cubicBezTo>
                    <a:pt x="15861" y="13307"/>
                    <a:pt x="15819" y="13307"/>
                    <a:pt x="15756" y="13245"/>
                  </a:cubicBezTo>
                  <a:cubicBezTo>
                    <a:pt x="15651" y="13307"/>
                    <a:pt x="15505" y="13349"/>
                    <a:pt x="15442" y="13454"/>
                  </a:cubicBezTo>
                  <a:cubicBezTo>
                    <a:pt x="14835" y="14061"/>
                    <a:pt x="14124" y="14479"/>
                    <a:pt x="13371" y="14877"/>
                  </a:cubicBezTo>
                  <a:cubicBezTo>
                    <a:pt x="13162" y="14981"/>
                    <a:pt x="12952" y="15128"/>
                    <a:pt x="12806" y="15316"/>
                  </a:cubicBezTo>
                  <a:cubicBezTo>
                    <a:pt x="12576" y="15588"/>
                    <a:pt x="12325" y="15693"/>
                    <a:pt x="11990" y="15714"/>
                  </a:cubicBezTo>
                  <a:cubicBezTo>
                    <a:pt x="11760" y="15714"/>
                    <a:pt x="11550" y="15735"/>
                    <a:pt x="11299" y="15776"/>
                  </a:cubicBezTo>
                  <a:cubicBezTo>
                    <a:pt x="11048" y="15776"/>
                    <a:pt x="10881" y="15630"/>
                    <a:pt x="10797" y="15400"/>
                  </a:cubicBezTo>
                  <a:cubicBezTo>
                    <a:pt x="10755" y="15211"/>
                    <a:pt x="10734" y="15002"/>
                    <a:pt x="10693" y="14835"/>
                  </a:cubicBezTo>
                  <a:cubicBezTo>
                    <a:pt x="10672" y="14563"/>
                    <a:pt x="10630" y="14270"/>
                    <a:pt x="10567" y="13935"/>
                  </a:cubicBezTo>
                  <a:cubicBezTo>
                    <a:pt x="10337" y="14061"/>
                    <a:pt x="10149" y="14144"/>
                    <a:pt x="10023" y="14249"/>
                  </a:cubicBezTo>
                  <a:cubicBezTo>
                    <a:pt x="9625" y="14584"/>
                    <a:pt x="9228" y="14981"/>
                    <a:pt x="8851" y="15316"/>
                  </a:cubicBezTo>
                  <a:cubicBezTo>
                    <a:pt x="8579" y="15567"/>
                    <a:pt x="8328" y="15839"/>
                    <a:pt x="7972" y="15986"/>
                  </a:cubicBezTo>
                  <a:cubicBezTo>
                    <a:pt x="7614" y="16149"/>
                    <a:pt x="7233" y="16261"/>
                    <a:pt x="6856" y="16261"/>
                  </a:cubicBezTo>
                  <a:cubicBezTo>
                    <a:pt x="6507" y="16261"/>
                    <a:pt x="6160" y="16164"/>
                    <a:pt x="5838" y="15923"/>
                  </a:cubicBezTo>
                  <a:cubicBezTo>
                    <a:pt x="4876" y="15211"/>
                    <a:pt x="3871" y="14542"/>
                    <a:pt x="3202" y="13579"/>
                  </a:cubicBezTo>
                  <a:cubicBezTo>
                    <a:pt x="2738" y="13502"/>
                    <a:pt x="2281" y="13448"/>
                    <a:pt x="1835" y="13448"/>
                  </a:cubicBezTo>
                  <a:cubicBezTo>
                    <a:pt x="1436" y="13448"/>
                    <a:pt x="1046" y="13492"/>
                    <a:pt x="670" y="13600"/>
                  </a:cubicBezTo>
                  <a:cubicBezTo>
                    <a:pt x="63" y="14416"/>
                    <a:pt x="1" y="15274"/>
                    <a:pt x="210" y="16195"/>
                  </a:cubicBezTo>
                  <a:cubicBezTo>
                    <a:pt x="273" y="16425"/>
                    <a:pt x="377" y="16655"/>
                    <a:pt x="398" y="16927"/>
                  </a:cubicBezTo>
                  <a:cubicBezTo>
                    <a:pt x="503" y="17785"/>
                    <a:pt x="942" y="18434"/>
                    <a:pt x="1591" y="18957"/>
                  </a:cubicBezTo>
                  <a:cubicBezTo>
                    <a:pt x="2281" y="19543"/>
                    <a:pt x="2951" y="20129"/>
                    <a:pt x="3851" y="20359"/>
                  </a:cubicBezTo>
                  <a:cubicBezTo>
                    <a:pt x="3892" y="20359"/>
                    <a:pt x="3955" y="20421"/>
                    <a:pt x="3997" y="20442"/>
                  </a:cubicBezTo>
                  <a:cubicBezTo>
                    <a:pt x="4330" y="20730"/>
                    <a:pt x="4696" y="20799"/>
                    <a:pt x="5080" y="20799"/>
                  </a:cubicBezTo>
                  <a:cubicBezTo>
                    <a:pt x="5226" y="20799"/>
                    <a:pt x="5374" y="20789"/>
                    <a:pt x="5524" y="20777"/>
                  </a:cubicBezTo>
                  <a:cubicBezTo>
                    <a:pt x="5681" y="20767"/>
                    <a:pt x="5838" y="20751"/>
                    <a:pt x="5993" y="20751"/>
                  </a:cubicBezTo>
                  <a:cubicBezTo>
                    <a:pt x="6147" y="20751"/>
                    <a:pt x="6299" y="20767"/>
                    <a:pt x="6445" y="20819"/>
                  </a:cubicBezTo>
                  <a:cubicBezTo>
                    <a:pt x="6751" y="20921"/>
                    <a:pt x="7050" y="20953"/>
                    <a:pt x="7350" y="20953"/>
                  </a:cubicBezTo>
                  <a:cubicBezTo>
                    <a:pt x="7542" y="20953"/>
                    <a:pt x="7735" y="20940"/>
                    <a:pt x="7931" y="20924"/>
                  </a:cubicBezTo>
                  <a:cubicBezTo>
                    <a:pt x="8224" y="21342"/>
                    <a:pt x="8663" y="21593"/>
                    <a:pt x="9102" y="21823"/>
                  </a:cubicBezTo>
                  <a:cubicBezTo>
                    <a:pt x="10400" y="22514"/>
                    <a:pt x="11760" y="23016"/>
                    <a:pt x="13141" y="23476"/>
                  </a:cubicBezTo>
                  <a:cubicBezTo>
                    <a:pt x="14041" y="23792"/>
                    <a:pt x="14965" y="23941"/>
                    <a:pt x="15914" y="23941"/>
                  </a:cubicBezTo>
                  <a:cubicBezTo>
                    <a:pt x="16221" y="23941"/>
                    <a:pt x="16531" y="23926"/>
                    <a:pt x="16844" y="23895"/>
                  </a:cubicBezTo>
                  <a:cubicBezTo>
                    <a:pt x="18685" y="23706"/>
                    <a:pt x="20527" y="23560"/>
                    <a:pt x="22368" y="23372"/>
                  </a:cubicBezTo>
                  <a:cubicBezTo>
                    <a:pt x="23184" y="23288"/>
                    <a:pt x="23958" y="23121"/>
                    <a:pt x="24670" y="22660"/>
                  </a:cubicBezTo>
                  <a:cubicBezTo>
                    <a:pt x="25737" y="22012"/>
                    <a:pt x="26846" y="21405"/>
                    <a:pt x="27850" y="20673"/>
                  </a:cubicBezTo>
                  <a:cubicBezTo>
                    <a:pt x="28938" y="19919"/>
                    <a:pt x="29880" y="18999"/>
                    <a:pt x="30884" y="18162"/>
                  </a:cubicBezTo>
                  <a:lnTo>
                    <a:pt x="31135" y="17932"/>
                  </a:lnTo>
                  <a:cubicBezTo>
                    <a:pt x="33165" y="15965"/>
                    <a:pt x="34253" y="13559"/>
                    <a:pt x="34420" y="10797"/>
                  </a:cubicBezTo>
                  <a:cubicBezTo>
                    <a:pt x="34608" y="8662"/>
                    <a:pt x="34378" y="6507"/>
                    <a:pt x="33792" y="4415"/>
                  </a:cubicBezTo>
                  <a:cubicBezTo>
                    <a:pt x="33416" y="2929"/>
                    <a:pt x="32725" y="1548"/>
                    <a:pt x="31700" y="335"/>
                  </a:cubicBezTo>
                  <a:cubicBezTo>
                    <a:pt x="31595" y="209"/>
                    <a:pt x="31470" y="126"/>
                    <a:pt x="31323" y="0"/>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70" name="Google Shape;2270;p74"/>
            <p:cNvSpPr/>
            <p:nvPr/>
          </p:nvSpPr>
          <p:spPr>
            <a:xfrm>
              <a:off x="6430925" y="3112950"/>
              <a:ext cx="560775" cy="545100"/>
            </a:xfrm>
            <a:custGeom>
              <a:avLst/>
              <a:gdLst/>
              <a:ahLst/>
              <a:cxnLst/>
              <a:rect l="l" t="t" r="r" b="b"/>
              <a:pathLst>
                <a:path w="22431" h="21804" extrusionOk="0">
                  <a:moveTo>
                    <a:pt x="8266" y="18183"/>
                  </a:moveTo>
                  <a:cubicBezTo>
                    <a:pt x="8642" y="18121"/>
                    <a:pt x="8935" y="18100"/>
                    <a:pt x="9207" y="18037"/>
                  </a:cubicBezTo>
                  <a:cubicBezTo>
                    <a:pt x="9521" y="18016"/>
                    <a:pt x="9814" y="17995"/>
                    <a:pt x="10128" y="17932"/>
                  </a:cubicBezTo>
                  <a:cubicBezTo>
                    <a:pt x="10337" y="17911"/>
                    <a:pt x="10567" y="17890"/>
                    <a:pt x="10776" y="17828"/>
                  </a:cubicBezTo>
                  <a:cubicBezTo>
                    <a:pt x="10986" y="17786"/>
                    <a:pt x="11132" y="17576"/>
                    <a:pt x="11090" y="17388"/>
                  </a:cubicBezTo>
                  <a:cubicBezTo>
                    <a:pt x="11069" y="17200"/>
                    <a:pt x="10944" y="17053"/>
                    <a:pt x="10693" y="17032"/>
                  </a:cubicBezTo>
                  <a:cubicBezTo>
                    <a:pt x="10567" y="16991"/>
                    <a:pt x="10421" y="16991"/>
                    <a:pt x="10295" y="17032"/>
                  </a:cubicBezTo>
                  <a:cubicBezTo>
                    <a:pt x="9479" y="17074"/>
                    <a:pt x="8663" y="17137"/>
                    <a:pt x="7847" y="17200"/>
                  </a:cubicBezTo>
                  <a:cubicBezTo>
                    <a:pt x="7450" y="17242"/>
                    <a:pt x="7073" y="17346"/>
                    <a:pt x="6801" y="17660"/>
                  </a:cubicBezTo>
                  <a:cubicBezTo>
                    <a:pt x="6654" y="17869"/>
                    <a:pt x="6445" y="17869"/>
                    <a:pt x="6194" y="17828"/>
                  </a:cubicBezTo>
                  <a:cubicBezTo>
                    <a:pt x="4771" y="17576"/>
                    <a:pt x="3349" y="17304"/>
                    <a:pt x="1905" y="17032"/>
                  </a:cubicBezTo>
                  <a:cubicBezTo>
                    <a:pt x="1570" y="16949"/>
                    <a:pt x="1235" y="16823"/>
                    <a:pt x="900" y="16719"/>
                  </a:cubicBezTo>
                  <a:cubicBezTo>
                    <a:pt x="859" y="15840"/>
                    <a:pt x="1884" y="12701"/>
                    <a:pt x="2595" y="11404"/>
                  </a:cubicBezTo>
                  <a:lnTo>
                    <a:pt x="2993" y="11488"/>
                  </a:lnTo>
                  <a:cubicBezTo>
                    <a:pt x="3411" y="11592"/>
                    <a:pt x="3830" y="11550"/>
                    <a:pt x="4248" y="11509"/>
                  </a:cubicBezTo>
                  <a:cubicBezTo>
                    <a:pt x="4667" y="11446"/>
                    <a:pt x="4897" y="11195"/>
                    <a:pt x="5002" y="10818"/>
                  </a:cubicBezTo>
                  <a:cubicBezTo>
                    <a:pt x="5043" y="10672"/>
                    <a:pt x="5085" y="10483"/>
                    <a:pt x="5106" y="10337"/>
                  </a:cubicBezTo>
                  <a:cubicBezTo>
                    <a:pt x="5190" y="9563"/>
                    <a:pt x="5294" y="8830"/>
                    <a:pt x="5357" y="8077"/>
                  </a:cubicBezTo>
                  <a:cubicBezTo>
                    <a:pt x="5399" y="7763"/>
                    <a:pt x="5441" y="7470"/>
                    <a:pt x="5462" y="7157"/>
                  </a:cubicBezTo>
                  <a:cubicBezTo>
                    <a:pt x="5525" y="6592"/>
                    <a:pt x="5546" y="5985"/>
                    <a:pt x="5629" y="5420"/>
                  </a:cubicBezTo>
                  <a:cubicBezTo>
                    <a:pt x="5713" y="4541"/>
                    <a:pt x="5859" y="3683"/>
                    <a:pt x="5985" y="2909"/>
                  </a:cubicBezTo>
                  <a:cubicBezTo>
                    <a:pt x="6257" y="2658"/>
                    <a:pt x="6508" y="2700"/>
                    <a:pt x="6759" y="2658"/>
                  </a:cubicBezTo>
                  <a:cubicBezTo>
                    <a:pt x="8203" y="2532"/>
                    <a:pt x="9647" y="2407"/>
                    <a:pt x="11090" y="2281"/>
                  </a:cubicBezTo>
                  <a:cubicBezTo>
                    <a:pt x="11739" y="2219"/>
                    <a:pt x="12429" y="2177"/>
                    <a:pt x="13057" y="1884"/>
                  </a:cubicBezTo>
                  <a:cubicBezTo>
                    <a:pt x="13580" y="1612"/>
                    <a:pt x="14187" y="1549"/>
                    <a:pt x="14731" y="1340"/>
                  </a:cubicBezTo>
                  <a:cubicBezTo>
                    <a:pt x="15170" y="1172"/>
                    <a:pt x="15631" y="984"/>
                    <a:pt x="16049" y="754"/>
                  </a:cubicBezTo>
                  <a:cubicBezTo>
                    <a:pt x="16426" y="545"/>
                    <a:pt x="16782" y="252"/>
                    <a:pt x="17137" y="1"/>
                  </a:cubicBezTo>
                  <a:cubicBezTo>
                    <a:pt x="17702" y="587"/>
                    <a:pt x="18288" y="1612"/>
                    <a:pt x="18497" y="2344"/>
                  </a:cubicBezTo>
                  <a:cubicBezTo>
                    <a:pt x="18539" y="2553"/>
                    <a:pt x="18623" y="2804"/>
                    <a:pt x="18727" y="2972"/>
                  </a:cubicBezTo>
                  <a:cubicBezTo>
                    <a:pt x="19146" y="3767"/>
                    <a:pt x="19355" y="4604"/>
                    <a:pt x="19627" y="5399"/>
                  </a:cubicBezTo>
                  <a:cubicBezTo>
                    <a:pt x="19941" y="6403"/>
                    <a:pt x="20234" y="7387"/>
                    <a:pt x="20527" y="8370"/>
                  </a:cubicBezTo>
                  <a:cubicBezTo>
                    <a:pt x="20569" y="8475"/>
                    <a:pt x="20590" y="8579"/>
                    <a:pt x="20631" y="8684"/>
                  </a:cubicBezTo>
                  <a:cubicBezTo>
                    <a:pt x="21322" y="10086"/>
                    <a:pt x="21531" y="11613"/>
                    <a:pt x="21971" y="13099"/>
                  </a:cubicBezTo>
                  <a:cubicBezTo>
                    <a:pt x="22054" y="13350"/>
                    <a:pt x="22075" y="13643"/>
                    <a:pt x="22096" y="13936"/>
                  </a:cubicBezTo>
                  <a:cubicBezTo>
                    <a:pt x="22180" y="14647"/>
                    <a:pt x="22201" y="15317"/>
                    <a:pt x="22326" y="16028"/>
                  </a:cubicBezTo>
                  <a:cubicBezTo>
                    <a:pt x="22431" y="16865"/>
                    <a:pt x="22347" y="17702"/>
                    <a:pt x="22264" y="18539"/>
                  </a:cubicBezTo>
                  <a:cubicBezTo>
                    <a:pt x="22243" y="18874"/>
                    <a:pt x="22117" y="19188"/>
                    <a:pt x="22012" y="19501"/>
                  </a:cubicBezTo>
                  <a:cubicBezTo>
                    <a:pt x="21908" y="19794"/>
                    <a:pt x="21719" y="19983"/>
                    <a:pt x="21447" y="20108"/>
                  </a:cubicBezTo>
                  <a:cubicBezTo>
                    <a:pt x="20652" y="20548"/>
                    <a:pt x="19815" y="20924"/>
                    <a:pt x="18874" y="20987"/>
                  </a:cubicBezTo>
                  <a:cubicBezTo>
                    <a:pt x="16698" y="21175"/>
                    <a:pt x="14522" y="21406"/>
                    <a:pt x="12346" y="21573"/>
                  </a:cubicBezTo>
                  <a:cubicBezTo>
                    <a:pt x="11341" y="21657"/>
                    <a:pt x="10295" y="21636"/>
                    <a:pt x="9249" y="21657"/>
                  </a:cubicBezTo>
                  <a:cubicBezTo>
                    <a:pt x="8831" y="21657"/>
                    <a:pt x="8412" y="21678"/>
                    <a:pt x="7973" y="21719"/>
                  </a:cubicBezTo>
                  <a:cubicBezTo>
                    <a:pt x="7282" y="21803"/>
                    <a:pt x="6592" y="21761"/>
                    <a:pt x="5880" y="21594"/>
                  </a:cubicBezTo>
                  <a:cubicBezTo>
                    <a:pt x="4248" y="21238"/>
                    <a:pt x="2616" y="20882"/>
                    <a:pt x="1026" y="20338"/>
                  </a:cubicBezTo>
                  <a:cubicBezTo>
                    <a:pt x="649" y="20213"/>
                    <a:pt x="294" y="20087"/>
                    <a:pt x="1" y="19690"/>
                  </a:cubicBezTo>
                  <a:cubicBezTo>
                    <a:pt x="126" y="19062"/>
                    <a:pt x="273" y="18372"/>
                    <a:pt x="628" y="17702"/>
                  </a:cubicBezTo>
                  <a:cubicBezTo>
                    <a:pt x="1633" y="18058"/>
                    <a:pt x="2637" y="18225"/>
                    <a:pt x="3641" y="18372"/>
                  </a:cubicBezTo>
                  <a:cubicBezTo>
                    <a:pt x="4646" y="18539"/>
                    <a:pt x="5629" y="18665"/>
                    <a:pt x="6654" y="18832"/>
                  </a:cubicBezTo>
                  <a:cubicBezTo>
                    <a:pt x="6738" y="19020"/>
                    <a:pt x="6822" y="19229"/>
                    <a:pt x="6906" y="19397"/>
                  </a:cubicBezTo>
                  <a:cubicBezTo>
                    <a:pt x="7198" y="19983"/>
                    <a:pt x="7722" y="20317"/>
                    <a:pt x="8307" y="20548"/>
                  </a:cubicBezTo>
                  <a:cubicBezTo>
                    <a:pt x="8412" y="20610"/>
                    <a:pt x="8517" y="20610"/>
                    <a:pt x="8642" y="20610"/>
                  </a:cubicBezTo>
                  <a:cubicBezTo>
                    <a:pt x="9061" y="20590"/>
                    <a:pt x="9479" y="20527"/>
                    <a:pt x="9898" y="20485"/>
                  </a:cubicBezTo>
                  <a:cubicBezTo>
                    <a:pt x="10023" y="20443"/>
                    <a:pt x="10191" y="20401"/>
                    <a:pt x="10295" y="20317"/>
                  </a:cubicBezTo>
                  <a:cubicBezTo>
                    <a:pt x="10400" y="20234"/>
                    <a:pt x="10504" y="20087"/>
                    <a:pt x="10463" y="19983"/>
                  </a:cubicBezTo>
                  <a:cubicBezTo>
                    <a:pt x="10442" y="19878"/>
                    <a:pt x="10316" y="19711"/>
                    <a:pt x="10211" y="19690"/>
                  </a:cubicBezTo>
                  <a:cubicBezTo>
                    <a:pt x="10002" y="19648"/>
                    <a:pt x="9772" y="19648"/>
                    <a:pt x="9563" y="19648"/>
                  </a:cubicBezTo>
                  <a:cubicBezTo>
                    <a:pt x="9312" y="19648"/>
                    <a:pt x="9103" y="19690"/>
                    <a:pt x="8872" y="19669"/>
                  </a:cubicBezTo>
                  <a:cubicBezTo>
                    <a:pt x="8768" y="19648"/>
                    <a:pt x="8663" y="19501"/>
                    <a:pt x="8475" y="19376"/>
                  </a:cubicBezTo>
                  <a:cubicBezTo>
                    <a:pt x="8684" y="19355"/>
                    <a:pt x="8789" y="19292"/>
                    <a:pt x="8893" y="19313"/>
                  </a:cubicBezTo>
                  <a:cubicBezTo>
                    <a:pt x="9416" y="19397"/>
                    <a:pt x="9939" y="19501"/>
                    <a:pt x="10463" y="19564"/>
                  </a:cubicBezTo>
                  <a:cubicBezTo>
                    <a:pt x="10672" y="19585"/>
                    <a:pt x="10923" y="19522"/>
                    <a:pt x="11132" y="19481"/>
                  </a:cubicBezTo>
                  <a:cubicBezTo>
                    <a:pt x="11300" y="19418"/>
                    <a:pt x="11341" y="19083"/>
                    <a:pt x="11174" y="18978"/>
                  </a:cubicBezTo>
                  <a:cubicBezTo>
                    <a:pt x="10944" y="18853"/>
                    <a:pt x="10672" y="18727"/>
                    <a:pt x="10421" y="18665"/>
                  </a:cubicBezTo>
                  <a:cubicBezTo>
                    <a:pt x="9877" y="18560"/>
                    <a:pt x="9312" y="18518"/>
                    <a:pt x="8768" y="18434"/>
                  </a:cubicBezTo>
                  <a:cubicBezTo>
                    <a:pt x="8517" y="18393"/>
                    <a:pt x="8412" y="18351"/>
                    <a:pt x="8266" y="18183"/>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271" name="Google Shape;2271;p74"/>
            <p:cNvSpPr/>
            <p:nvPr/>
          </p:nvSpPr>
          <p:spPr>
            <a:xfrm>
              <a:off x="6399550" y="3650175"/>
              <a:ext cx="625125" cy="289275"/>
            </a:xfrm>
            <a:custGeom>
              <a:avLst/>
              <a:gdLst/>
              <a:ahLst/>
              <a:cxnLst/>
              <a:rect l="l" t="t" r="r" b="b"/>
              <a:pathLst>
                <a:path w="25005" h="11571" extrusionOk="0">
                  <a:moveTo>
                    <a:pt x="3139" y="293"/>
                  </a:moveTo>
                  <a:cubicBezTo>
                    <a:pt x="3913" y="356"/>
                    <a:pt x="4562" y="356"/>
                    <a:pt x="5106" y="733"/>
                  </a:cubicBezTo>
                  <a:cubicBezTo>
                    <a:pt x="6382" y="1088"/>
                    <a:pt x="7637" y="1423"/>
                    <a:pt x="8977" y="1339"/>
                  </a:cubicBezTo>
                  <a:cubicBezTo>
                    <a:pt x="9834" y="1297"/>
                    <a:pt x="10713" y="1318"/>
                    <a:pt x="11571" y="1297"/>
                  </a:cubicBezTo>
                  <a:cubicBezTo>
                    <a:pt x="12136" y="1256"/>
                    <a:pt x="12743" y="1235"/>
                    <a:pt x="13329" y="1193"/>
                  </a:cubicBezTo>
                  <a:cubicBezTo>
                    <a:pt x="15588" y="984"/>
                    <a:pt x="17890" y="774"/>
                    <a:pt x="20171" y="565"/>
                  </a:cubicBezTo>
                  <a:cubicBezTo>
                    <a:pt x="20840" y="502"/>
                    <a:pt x="21510" y="398"/>
                    <a:pt x="22117" y="84"/>
                  </a:cubicBezTo>
                  <a:cubicBezTo>
                    <a:pt x="22221" y="42"/>
                    <a:pt x="22326" y="42"/>
                    <a:pt x="22451" y="0"/>
                  </a:cubicBezTo>
                  <a:cubicBezTo>
                    <a:pt x="22682" y="356"/>
                    <a:pt x="22744" y="733"/>
                    <a:pt x="22870" y="1109"/>
                  </a:cubicBezTo>
                  <a:cubicBezTo>
                    <a:pt x="23100" y="1779"/>
                    <a:pt x="23309" y="2490"/>
                    <a:pt x="23581" y="3181"/>
                  </a:cubicBezTo>
                  <a:cubicBezTo>
                    <a:pt x="24042" y="4373"/>
                    <a:pt x="24439" y="5608"/>
                    <a:pt x="24690" y="6863"/>
                  </a:cubicBezTo>
                  <a:cubicBezTo>
                    <a:pt x="24774" y="7261"/>
                    <a:pt x="24899" y="7679"/>
                    <a:pt x="25004" y="8014"/>
                  </a:cubicBezTo>
                  <a:cubicBezTo>
                    <a:pt x="24795" y="8265"/>
                    <a:pt x="24586" y="8370"/>
                    <a:pt x="24355" y="8453"/>
                  </a:cubicBezTo>
                  <a:cubicBezTo>
                    <a:pt x="23728" y="8684"/>
                    <a:pt x="23100" y="8935"/>
                    <a:pt x="22472" y="9144"/>
                  </a:cubicBezTo>
                  <a:cubicBezTo>
                    <a:pt x="22012" y="9290"/>
                    <a:pt x="21510" y="9458"/>
                    <a:pt x="21008" y="9500"/>
                  </a:cubicBezTo>
                  <a:cubicBezTo>
                    <a:pt x="20087" y="9625"/>
                    <a:pt x="19187" y="9688"/>
                    <a:pt x="18267" y="9772"/>
                  </a:cubicBezTo>
                  <a:cubicBezTo>
                    <a:pt x="18099" y="9792"/>
                    <a:pt x="17932" y="9792"/>
                    <a:pt x="17765" y="9772"/>
                  </a:cubicBezTo>
                  <a:cubicBezTo>
                    <a:pt x="17513" y="9730"/>
                    <a:pt x="17262" y="9604"/>
                    <a:pt x="17158" y="9374"/>
                  </a:cubicBezTo>
                  <a:cubicBezTo>
                    <a:pt x="16928" y="8935"/>
                    <a:pt x="16635" y="8516"/>
                    <a:pt x="16509" y="8014"/>
                  </a:cubicBezTo>
                  <a:cubicBezTo>
                    <a:pt x="16384" y="7595"/>
                    <a:pt x="16174" y="7198"/>
                    <a:pt x="15986" y="6779"/>
                  </a:cubicBezTo>
                  <a:cubicBezTo>
                    <a:pt x="15693" y="6152"/>
                    <a:pt x="15421" y="5503"/>
                    <a:pt x="15128" y="4854"/>
                  </a:cubicBezTo>
                  <a:cubicBezTo>
                    <a:pt x="15254" y="4666"/>
                    <a:pt x="15379" y="4541"/>
                    <a:pt x="15484" y="4373"/>
                  </a:cubicBezTo>
                  <a:cubicBezTo>
                    <a:pt x="15588" y="4227"/>
                    <a:pt x="15505" y="4018"/>
                    <a:pt x="15337" y="3976"/>
                  </a:cubicBezTo>
                  <a:cubicBezTo>
                    <a:pt x="15086" y="3955"/>
                    <a:pt x="14835" y="3934"/>
                    <a:pt x="14563" y="3934"/>
                  </a:cubicBezTo>
                  <a:cubicBezTo>
                    <a:pt x="14312" y="3934"/>
                    <a:pt x="14082" y="3976"/>
                    <a:pt x="13810" y="3955"/>
                  </a:cubicBezTo>
                  <a:cubicBezTo>
                    <a:pt x="13496" y="3913"/>
                    <a:pt x="13203" y="3913"/>
                    <a:pt x="12952" y="4122"/>
                  </a:cubicBezTo>
                  <a:cubicBezTo>
                    <a:pt x="12638" y="4352"/>
                    <a:pt x="12324" y="4582"/>
                    <a:pt x="12199" y="4980"/>
                  </a:cubicBezTo>
                  <a:cubicBezTo>
                    <a:pt x="12136" y="5168"/>
                    <a:pt x="12052" y="5336"/>
                    <a:pt x="12031" y="5545"/>
                  </a:cubicBezTo>
                  <a:cubicBezTo>
                    <a:pt x="11906" y="6654"/>
                    <a:pt x="11592" y="7679"/>
                    <a:pt x="11006" y="8642"/>
                  </a:cubicBezTo>
                  <a:cubicBezTo>
                    <a:pt x="10734" y="9102"/>
                    <a:pt x="10483" y="9625"/>
                    <a:pt x="10211" y="10106"/>
                  </a:cubicBezTo>
                  <a:cubicBezTo>
                    <a:pt x="10127" y="10253"/>
                    <a:pt x="10044" y="10399"/>
                    <a:pt x="9939" y="10546"/>
                  </a:cubicBezTo>
                  <a:cubicBezTo>
                    <a:pt x="9625" y="11027"/>
                    <a:pt x="9228" y="11404"/>
                    <a:pt x="8579" y="11383"/>
                  </a:cubicBezTo>
                  <a:cubicBezTo>
                    <a:pt x="8433" y="11383"/>
                    <a:pt x="8244" y="11404"/>
                    <a:pt x="8077" y="11445"/>
                  </a:cubicBezTo>
                  <a:cubicBezTo>
                    <a:pt x="7345" y="11550"/>
                    <a:pt x="6654" y="11571"/>
                    <a:pt x="5922" y="11362"/>
                  </a:cubicBezTo>
                  <a:cubicBezTo>
                    <a:pt x="5629" y="11278"/>
                    <a:pt x="5315" y="11278"/>
                    <a:pt x="5001" y="11236"/>
                  </a:cubicBezTo>
                  <a:cubicBezTo>
                    <a:pt x="4792" y="11194"/>
                    <a:pt x="4562" y="11173"/>
                    <a:pt x="4352" y="11090"/>
                  </a:cubicBezTo>
                  <a:lnTo>
                    <a:pt x="419" y="9604"/>
                  </a:lnTo>
                  <a:cubicBezTo>
                    <a:pt x="335" y="9583"/>
                    <a:pt x="293" y="9520"/>
                    <a:pt x="210" y="9479"/>
                  </a:cubicBezTo>
                  <a:cubicBezTo>
                    <a:pt x="0" y="8997"/>
                    <a:pt x="84" y="8537"/>
                    <a:pt x="189" y="8098"/>
                  </a:cubicBezTo>
                  <a:cubicBezTo>
                    <a:pt x="293" y="7637"/>
                    <a:pt x="419" y="7219"/>
                    <a:pt x="586" y="6800"/>
                  </a:cubicBezTo>
                  <a:cubicBezTo>
                    <a:pt x="942" y="5817"/>
                    <a:pt x="1360" y="4813"/>
                    <a:pt x="1758" y="3850"/>
                  </a:cubicBezTo>
                  <a:lnTo>
                    <a:pt x="2700" y="1339"/>
                  </a:lnTo>
                  <a:cubicBezTo>
                    <a:pt x="2825" y="963"/>
                    <a:pt x="2992" y="670"/>
                    <a:pt x="3139" y="293"/>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2272" name="Google Shape;2272;p74"/>
            <p:cNvSpPr/>
            <p:nvPr/>
          </p:nvSpPr>
          <p:spPr>
            <a:xfrm>
              <a:off x="5934000" y="2620725"/>
              <a:ext cx="286675" cy="246400"/>
            </a:xfrm>
            <a:custGeom>
              <a:avLst/>
              <a:gdLst/>
              <a:ahLst/>
              <a:cxnLst/>
              <a:rect l="l" t="t" r="r" b="b"/>
              <a:pathLst>
                <a:path w="11467" h="9856" extrusionOk="0">
                  <a:moveTo>
                    <a:pt x="8474" y="42"/>
                  </a:moveTo>
                  <a:cubicBezTo>
                    <a:pt x="8433" y="1779"/>
                    <a:pt x="8558" y="3453"/>
                    <a:pt x="9144" y="5043"/>
                  </a:cubicBezTo>
                  <a:cubicBezTo>
                    <a:pt x="9688" y="6591"/>
                    <a:pt x="10358" y="8077"/>
                    <a:pt x="11466" y="9437"/>
                  </a:cubicBezTo>
                  <a:cubicBezTo>
                    <a:pt x="11090" y="9521"/>
                    <a:pt x="10776" y="9542"/>
                    <a:pt x="10504" y="9625"/>
                  </a:cubicBezTo>
                  <a:cubicBezTo>
                    <a:pt x="10190" y="9688"/>
                    <a:pt x="9897" y="9667"/>
                    <a:pt x="9604" y="9584"/>
                  </a:cubicBezTo>
                  <a:cubicBezTo>
                    <a:pt x="9395" y="9542"/>
                    <a:pt x="9165" y="9563"/>
                    <a:pt x="8956" y="9584"/>
                  </a:cubicBezTo>
                  <a:cubicBezTo>
                    <a:pt x="8265" y="9646"/>
                    <a:pt x="7617" y="9730"/>
                    <a:pt x="6947" y="9772"/>
                  </a:cubicBezTo>
                  <a:cubicBezTo>
                    <a:pt x="6759" y="9793"/>
                    <a:pt x="6487" y="9856"/>
                    <a:pt x="6361" y="9751"/>
                  </a:cubicBezTo>
                  <a:cubicBezTo>
                    <a:pt x="6026" y="9521"/>
                    <a:pt x="5692" y="9584"/>
                    <a:pt x="5315" y="9542"/>
                  </a:cubicBezTo>
                  <a:cubicBezTo>
                    <a:pt x="4352" y="9416"/>
                    <a:pt x="3390" y="9312"/>
                    <a:pt x="2407" y="9123"/>
                  </a:cubicBezTo>
                  <a:cubicBezTo>
                    <a:pt x="1842" y="9019"/>
                    <a:pt x="1298" y="8747"/>
                    <a:pt x="816" y="8391"/>
                  </a:cubicBezTo>
                  <a:cubicBezTo>
                    <a:pt x="356" y="8014"/>
                    <a:pt x="63" y="7575"/>
                    <a:pt x="42" y="6968"/>
                  </a:cubicBezTo>
                  <a:cubicBezTo>
                    <a:pt x="42" y="6675"/>
                    <a:pt x="0" y="6424"/>
                    <a:pt x="0" y="6131"/>
                  </a:cubicBezTo>
                  <a:cubicBezTo>
                    <a:pt x="0" y="5587"/>
                    <a:pt x="210" y="5127"/>
                    <a:pt x="607" y="4708"/>
                  </a:cubicBezTo>
                  <a:cubicBezTo>
                    <a:pt x="1319" y="3955"/>
                    <a:pt x="2072" y="3306"/>
                    <a:pt x="2909" y="2762"/>
                  </a:cubicBezTo>
                  <a:cubicBezTo>
                    <a:pt x="4373" y="1821"/>
                    <a:pt x="5901" y="1005"/>
                    <a:pt x="7470" y="273"/>
                  </a:cubicBezTo>
                  <a:cubicBezTo>
                    <a:pt x="7784" y="168"/>
                    <a:pt x="8035" y="1"/>
                    <a:pt x="8474" y="42"/>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2273" name="Google Shape;2273;p74"/>
            <p:cNvSpPr/>
            <p:nvPr/>
          </p:nvSpPr>
          <p:spPr>
            <a:xfrm>
              <a:off x="6380725" y="3188275"/>
              <a:ext cx="168975" cy="186250"/>
            </a:xfrm>
            <a:custGeom>
              <a:avLst/>
              <a:gdLst/>
              <a:ahLst/>
              <a:cxnLst/>
              <a:rect l="l" t="t" r="r" b="b"/>
              <a:pathLst>
                <a:path w="6759" h="7450" extrusionOk="0">
                  <a:moveTo>
                    <a:pt x="0" y="5838"/>
                  </a:moveTo>
                  <a:cubicBezTo>
                    <a:pt x="188" y="5001"/>
                    <a:pt x="481" y="4311"/>
                    <a:pt x="921" y="3662"/>
                  </a:cubicBezTo>
                  <a:cubicBezTo>
                    <a:pt x="1067" y="3411"/>
                    <a:pt x="1235" y="3181"/>
                    <a:pt x="1381" y="2972"/>
                  </a:cubicBezTo>
                  <a:cubicBezTo>
                    <a:pt x="1590" y="2700"/>
                    <a:pt x="1800" y="2449"/>
                    <a:pt x="2051" y="2219"/>
                  </a:cubicBezTo>
                  <a:cubicBezTo>
                    <a:pt x="2155" y="2093"/>
                    <a:pt x="2302" y="2009"/>
                    <a:pt x="2406" y="1884"/>
                  </a:cubicBezTo>
                  <a:cubicBezTo>
                    <a:pt x="2950" y="1068"/>
                    <a:pt x="3850" y="796"/>
                    <a:pt x="4666" y="377"/>
                  </a:cubicBezTo>
                  <a:cubicBezTo>
                    <a:pt x="5294" y="63"/>
                    <a:pt x="5921" y="1"/>
                    <a:pt x="6612" y="22"/>
                  </a:cubicBezTo>
                  <a:cubicBezTo>
                    <a:pt x="6675" y="168"/>
                    <a:pt x="6758" y="315"/>
                    <a:pt x="6717" y="419"/>
                  </a:cubicBezTo>
                  <a:cubicBezTo>
                    <a:pt x="6612" y="942"/>
                    <a:pt x="6696" y="1465"/>
                    <a:pt x="6675" y="2009"/>
                  </a:cubicBezTo>
                  <a:cubicBezTo>
                    <a:pt x="6654" y="2679"/>
                    <a:pt x="6570" y="3348"/>
                    <a:pt x="6486" y="3997"/>
                  </a:cubicBezTo>
                  <a:cubicBezTo>
                    <a:pt x="6382" y="4939"/>
                    <a:pt x="6277" y="5880"/>
                    <a:pt x="6152" y="6822"/>
                  </a:cubicBezTo>
                  <a:cubicBezTo>
                    <a:pt x="6131" y="6968"/>
                    <a:pt x="6068" y="7136"/>
                    <a:pt x="6047" y="7345"/>
                  </a:cubicBezTo>
                  <a:cubicBezTo>
                    <a:pt x="5942" y="7366"/>
                    <a:pt x="5838" y="7449"/>
                    <a:pt x="5733" y="7449"/>
                  </a:cubicBezTo>
                  <a:cubicBezTo>
                    <a:pt x="5105" y="7408"/>
                    <a:pt x="4457" y="7387"/>
                    <a:pt x="3829" y="7345"/>
                  </a:cubicBezTo>
                  <a:cubicBezTo>
                    <a:pt x="3515" y="7324"/>
                    <a:pt x="3222" y="7240"/>
                    <a:pt x="2992" y="7031"/>
                  </a:cubicBezTo>
                  <a:cubicBezTo>
                    <a:pt x="2699" y="6759"/>
                    <a:pt x="2364" y="6654"/>
                    <a:pt x="1988" y="6613"/>
                  </a:cubicBezTo>
                  <a:cubicBezTo>
                    <a:pt x="1318" y="6487"/>
                    <a:pt x="649" y="6215"/>
                    <a:pt x="0" y="5838"/>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2274" name="Google Shape;2274;p74"/>
            <p:cNvSpPr/>
            <p:nvPr/>
          </p:nvSpPr>
          <p:spPr>
            <a:xfrm>
              <a:off x="6884975" y="3088375"/>
              <a:ext cx="188850" cy="190425"/>
            </a:xfrm>
            <a:custGeom>
              <a:avLst/>
              <a:gdLst/>
              <a:ahLst/>
              <a:cxnLst/>
              <a:rect l="l" t="t" r="r" b="b"/>
              <a:pathLst>
                <a:path w="7554" h="7617" extrusionOk="0">
                  <a:moveTo>
                    <a:pt x="3013" y="7616"/>
                  </a:moveTo>
                  <a:cubicBezTo>
                    <a:pt x="2867" y="7282"/>
                    <a:pt x="2762" y="6989"/>
                    <a:pt x="2700" y="6696"/>
                  </a:cubicBezTo>
                  <a:cubicBezTo>
                    <a:pt x="2449" y="5922"/>
                    <a:pt x="2218" y="5168"/>
                    <a:pt x="1988" y="4373"/>
                  </a:cubicBezTo>
                  <a:cubicBezTo>
                    <a:pt x="1925" y="4185"/>
                    <a:pt x="1821" y="4018"/>
                    <a:pt x="1758" y="3850"/>
                  </a:cubicBezTo>
                  <a:cubicBezTo>
                    <a:pt x="1653" y="3620"/>
                    <a:pt x="1507" y="3411"/>
                    <a:pt x="1465" y="3181"/>
                  </a:cubicBezTo>
                  <a:cubicBezTo>
                    <a:pt x="1172" y="2093"/>
                    <a:pt x="670" y="1109"/>
                    <a:pt x="0" y="168"/>
                  </a:cubicBezTo>
                  <a:cubicBezTo>
                    <a:pt x="126" y="105"/>
                    <a:pt x="231" y="0"/>
                    <a:pt x="314" y="42"/>
                  </a:cubicBezTo>
                  <a:cubicBezTo>
                    <a:pt x="503" y="63"/>
                    <a:pt x="670" y="147"/>
                    <a:pt x="858" y="189"/>
                  </a:cubicBezTo>
                  <a:cubicBezTo>
                    <a:pt x="2344" y="774"/>
                    <a:pt x="3767" y="1465"/>
                    <a:pt x="5106" y="2365"/>
                  </a:cubicBezTo>
                  <a:cubicBezTo>
                    <a:pt x="5210" y="2448"/>
                    <a:pt x="5336" y="2511"/>
                    <a:pt x="5441" y="2616"/>
                  </a:cubicBezTo>
                  <a:cubicBezTo>
                    <a:pt x="6110" y="3327"/>
                    <a:pt x="6801" y="4018"/>
                    <a:pt x="7470" y="4708"/>
                  </a:cubicBezTo>
                  <a:cubicBezTo>
                    <a:pt x="7512" y="4750"/>
                    <a:pt x="7533" y="4813"/>
                    <a:pt x="7554" y="4917"/>
                  </a:cubicBezTo>
                  <a:cubicBezTo>
                    <a:pt x="7156" y="5336"/>
                    <a:pt x="6612" y="5587"/>
                    <a:pt x="6173" y="5922"/>
                  </a:cubicBezTo>
                  <a:cubicBezTo>
                    <a:pt x="5692" y="6256"/>
                    <a:pt x="5210" y="6570"/>
                    <a:pt x="4687" y="6863"/>
                  </a:cubicBezTo>
                  <a:cubicBezTo>
                    <a:pt x="4164" y="7135"/>
                    <a:pt x="3704" y="7575"/>
                    <a:pt x="3013" y="7616"/>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2275" name="Google Shape;2275;p74"/>
            <p:cNvSpPr/>
            <p:nvPr/>
          </p:nvSpPr>
          <p:spPr>
            <a:xfrm>
              <a:off x="7081650" y="4049275"/>
              <a:ext cx="167425" cy="138650"/>
            </a:xfrm>
            <a:custGeom>
              <a:avLst/>
              <a:gdLst/>
              <a:ahLst/>
              <a:cxnLst/>
              <a:rect l="l" t="t" r="r" b="b"/>
              <a:pathLst>
                <a:path w="6697" h="5546" extrusionOk="0">
                  <a:moveTo>
                    <a:pt x="126" y="5525"/>
                  </a:moveTo>
                  <a:cubicBezTo>
                    <a:pt x="22" y="5148"/>
                    <a:pt x="1" y="4897"/>
                    <a:pt x="126" y="4604"/>
                  </a:cubicBezTo>
                  <a:cubicBezTo>
                    <a:pt x="587" y="3809"/>
                    <a:pt x="921" y="3014"/>
                    <a:pt x="1465" y="2282"/>
                  </a:cubicBezTo>
                  <a:cubicBezTo>
                    <a:pt x="2470" y="942"/>
                    <a:pt x="3767" y="210"/>
                    <a:pt x="5420" y="22"/>
                  </a:cubicBezTo>
                  <a:cubicBezTo>
                    <a:pt x="5546" y="1"/>
                    <a:pt x="5713" y="1"/>
                    <a:pt x="5838" y="22"/>
                  </a:cubicBezTo>
                  <a:cubicBezTo>
                    <a:pt x="6403" y="85"/>
                    <a:pt x="6613" y="315"/>
                    <a:pt x="6654" y="859"/>
                  </a:cubicBezTo>
                  <a:cubicBezTo>
                    <a:pt x="6696" y="1968"/>
                    <a:pt x="6236" y="2805"/>
                    <a:pt x="5357" y="3453"/>
                  </a:cubicBezTo>
                  <a:cubicBezTo>
                    <a:pt x="4395" y="4186"/>
                    <a:pt x="3349" y="4730"/>
                    <a:pt x="2177" y="5106"/>
                  </a:cubicBezTo>
                  <a:cubicBezTo>
                    <a:pt x="1696" y="5253"/>
                    <a:pt x="1214" y="5357"/>
                    <a:pt x="712" y="5462"/>
                  </a:cubicBezTo>
                  <a:cubicBezTo>
                    <a:pt x="587" y="5546"/>
                    <a:pt x="356" y="5525"/>
                    <a:pt x="126" y="5525"/>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276" name="Google Shape;2276;p74"/>
            <p:cNvSpPr/>
            <p:nvPr/>
          </p:nvSpPr>
          <p:spPr>
            <a:xfrm>
              <a:off x="6336250" y="4122525"/>
              <a:ext cx="76400" cy="188325"/>
            </a:xfrm>
            <a:custGeom>
              <a:avLst/>
              <a:gdLst/>
              <a:ahLst/>
              <a:cxnLst/>
              <a:rect l="l" t="t" r="r" b="b"/>
              <a:pathLst>
                <a:path w="3056" h="7533" extrusionOk="0">
                  <a:moveTo>
                    <a:pt x="1382" y="0"/>
                  </a:moveTo>
                  <a:cubicBezTo>
                    <a:pt x="1884" y="251"/>
                    <a:pt x="1884" y="251"/>
                    <a:pt x="2616" y="314"/>
                  </a:cubicBezTo>
                  <a:cubicBezTo>
                    <a:pt x="2637" y="858"/>
                    <a:pt x="2658" y="1444"/>
                    <a:pt x="2700" y="1988"/>
                  </a:cubicBezTo>
                  <a:lnTo>
                    <a:pt x="3014" y="5671"/>
                  </a:lnTo>
                  <a:cubicBezTo>
                    <a:pt x="3055" y="6152"/>
                    <a:pt x="3014" y="6612"/>
                    <a:pt x="2804" y="7051"/>
                  </a:cubicBezTo>
                  <a:cubicBezTo>
                    <a:pt x="2637" y="7428"/>
                    <a:pt x="2449" y="7533"/>
                    <a:pt x="2072" y="7470"/>
                  </a:cubicBezTo>
                  <a:cubicBezTo>
                    <a:pt x="1695" y="7449"/>
                    <a:pt x="1382" y="7324"/>
                    <a:pt x="1130" y="7010"/>
                  </a:cubicBezTo>
                  <a:cubicBezTo>
                    <a:pt x="628" y="6466"/>
                    <a:pt x="294" y="5838"/>
                    <a:pt x="210" y="5064"/>
                  </a:cubicBezTo>
                  <a:cubicBezTo>
                    <a:pt x="105" y="3976"/>
                    <a:pt x="1" y="2909"/>
                    <a:pt x="105" y="1800"/>
                  </a:cubicBezTo>
                  <a:cubicBezTo>
                    <a:pt x="231" y="984"/>
                    <a:pt x="607" y="335"/>
                    <a:pt x="1382" y="0"/>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277" name="Google Shape;2277;p74"/>
            <p:cNvSpPr/>
            <p:nvPr/>
          </p:nvSpPr>
          <p:spPr>
            <a:xfrm>
              <a:off x="6452375" y="2757775"/>
              <a:ext cx="314400" cy="170025"/>
            </a:xfrm>
            <a:custGeom>
              <a:avLst/>
              <a:gdLst/>
              <a:ahLst/>
              <a:cxnLst/>
              <a:rect l="l" t="t" r="r" b="b"/>
              <a:pathLst>
                <a:path w="12576" h="6801" extrusionOk="0">
                  <a:moveTo>
                    <a:pt x="5692" y="5190"/>
                  </a:moveTo>
                  <a:cubicBezTo>
                    <a:pt x="5629" y="4918"/>
                    <a:pt x="5608" y="4708"/>
                    <a:pt x="5587" y="4478"/>
                  </a:cubicBezTo>
                  <a:cubicBezTo>
                    <a:pt x="5483" y="3871"/>
                    <a:pt x="5064" y="3662"/>
                    <a:pt x="4562" y="3997"/>
                  </a:cubicBezTo>
                  <a:cubicBezTo>
                    <a:pt x="4248" y="4206"/>
                    <a:pt x="3934" y="4457"/>
                    <a:pt x="3641" y="4729"/>
                  </a:cubicBezTo>
                  <a:cubicBezTo>
                    <a:pt x="3118" y="5252"/>
                    <a:pt x="2511" y="5650"/>
                    <a:pt x="1842" y="5964"/>
                  </a:cubicBezTo>
                  <a:cubicBezTo>
                    <a:pt x="1507" y="6131"/>
                    <a:pt x="1214" y="6299"/>
                    <a:pt x="942" y="6591"/>
                  </a:cubicBezTo>
                  <a:cubicBezTo>
                    <a:pt x="879" y="6675"/>
                    <a:pt x="733" y="6717"/>
                    <a:pt x="587" y="6801"/>
                  </a:cubicBezTo>
                  <a:cubicBezTo>
                    <a:pt x="210" y="6068"/>
                    <a:pt x="587" y="5231"/>
                    <a:pt x="1" y="4583"/>
                  </a:cubicBezTo>
                  <a:cubicBezTo>
                    <a:pt x="147" y="4520"/>
                    <a:pt x="252" y="4415"/>
                    <a:pt x="377" y="4394"/>
                  </a:cubicBezTo>
                  <a:cubicBezTo>
                    <a:pt x="1444" y="4185"/>
                    <a:pt x="2449" y="3746"/>
                    <a:pt x="3537" y="3662"/>
                  </a:cubicBezTo>
                  <a:cubicBezTo>
                    <a:pt x="3788" y="3641"/>
                    <a:pt x="3976" y="3558"/>
                    <a:pt x="4206" y="3369"/>
                  </a:cubicBezTo>
                  <a:cubicBezTo>
                    <a:pt x="4457" y="3118"/>
                    <a:pt x="4876" y="3014"/>
                    <a:pt x="5252" y="2867"/>
                  </a:cubicBezTo>
                  <a:cubicBezTo>
                    <a:pt x="6215" y="2511"/>
                    <a:pt x="7177" y="2135"/>
                    <a:pt x="8140" y="1821"/>
                  </a:cubicBezTo>
                  <a:cubicBezTo>
                    <a:pt x="9458" y="1381"/>
                    <a:pt x="10714" y="858"/>
                    <a:pt x="11906" y="210"/>
                  </a:cubicBezTo>
                  <a:cubicBezTo>
                    <a:pt x="12074" y="126"/>
                    <a:pt x="12262" y="42"/>
                    <a:pt x="12408" y="1"/>
                  </a:cubicBezTo>
                  <a:cubicBezTo>
                    <a:pt x="12576" y="210"/>
                    <a:pt x="12429" y="314"/>
                    <a:pt x="12366" y="398"/>
                  </a:cubicBezTo>
                  <a:cubicBezTo>
                    <a:pt x="12011" y="817"/>
                    <a:pt x="11697" y="1193"/>
                    <a:pt x="11571" y="1758"/>
                  </a:cubicBezTo>
                  <a:cubicBezTo>
                    <a:pt x="11446" y="2218"/>
                    <a:pt x="11048" y="2616"/>
                    <a:pt x="10651" y="2909"/>
                  </a:cubicBezTo>
                  <a:cubicBezTo>
                    <a:pt x="10525" y="2972"/>
                    <a:pt x="10337" y="3014"/>
                    <a:pt x="10190" y="3014"/>
                  </a:cubicBezTo>
                  <a:cubicBezTo>
                    <a:pt x="9960" y="3014"/>
                    <a:pt x="9667" y="2972"/>
                    <a:pt x="9458" y="2867"/>
                  </a:cubicBezTo>
                  <a:cubicBezTo>
                    <a:pt x="8956" y="2637"/>
                    <a:pt x="8663" y="2867"/>
                    <a:pt x="8391" y="3244"/>
                  </a:cubicBezTo>
                  <a:cubicBezTo>
                    <a:pt x="7973" y="3767"/>
                    <a:pt x="7554" y="4290"/>
                    <a:pt x="7094" y="4792"/>
                  </a:cubicBezTo>
                  <a:cubicBezTo>
                    <a:pt x="6759" y="5127"/>
                    <a:pt x="6320" y="5357"/>
                    <a:pt x="5692" y="5190"/>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278" name="Google Shape;2278;p74"/>
            <p:cNvSpPr/>
            <p:nvPr/>
          </p:nvSpPr>
          <p:spPr>
            <a:xfrm>
              <a:off x="6289175" y="2873375"/>
              <a:ext cx="138125" cy="67500"/>
            </a:xfrm>
            <a:custGeom>
              <a:avLst/>
              <a:gdLst/>
              <a:ahLst/>
              <a:cxnLst/>
              <a:rect l="l" t="t" r="r" b="b"/>
              <a:pathLst>
                <a:path w="5525" h="2700" extrusionOk="0">
                  <a:moveTo>
                    <a:pt x="0" y="984"/>
                  </a:moveTo>
                  <a:cubicBezTo>
                    <a:pt x="0" y="838"/>
                    <a:pt x="21" y="712"/>
                    <a:pt x="21" y="607"/>
                  </a:cubicBezTo>
                  <a:lnTo>
                    <a:pt x="168" y="482"/>
                  </a:lnTo>
                  <a:cubicBezTo>
                    <a:pt x="524" y="273"/>
                    <a:pt x="942" y="210"/>
                    <a:pt x="1361" y="252"/>
                  </a:cubicBezTo>
                  <a:cubicBezTo>
                    <a:pt x="2218" y="294"/>
                    <a:pt x="3097" y="210"/>
                    <a:pt x="3955" y="84"/>
                  </a:cubicBezTo>
                  <a:cubicBezTo>
                    <a:pt x="4457" y="1"/>
                    <a:pt x="4938" y="63"/>
                    <a:pt x="5420" y="63"/>
                  </a:cubicBezTo>
                  <a:cubicBezTo>
                    <a:pt x="5524" y="252"/>
                    <a:pt x="5399" y="294"/>
                    <a:pt x="5315" y="356"/>
                  </a:cubicBezTo>
                  <a:cubicBezTo>
                    <a:pt x="4771" y="607"/>
                    <a:pt x="4353" y="1005"/>
                    <a:pt x="3955" y="1444"/>
                  </a:cubicBezTo>
                  <a:cubicBezTo>
                    <a:pt x="3662" y="1779"/>
                    <a:pt x="3327" y="2072"/>
                    <a:pt x="2993" y="2365"/>
                  </a:cubicBezTo>
                  <a:cubicBezTo>
                    <a:pt x="2574" y="2700"/>
                    <a:pt x="2114" y="2700"/>
                    <a:pt x="1674" y="2386"/>
                  </a:cubicBezTo>
                  <a:cubicBezTo>
                    <a:pt x="1109" y="1947"/>
                    <a:pt x="524" y="1528"/>
                    <a:pt x="0" y="984"/>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279" name="Google Shape;2279;p74"/>
            <p:cNvSpPr/>
            <p:nvPr/>
          </p:nvSpPr>
          <p:spPr>
            <a:xfrm>
              <a:off x="6606175" y="2540175"/>
              <a:ext cx="175250" cy="151200"/>
            </a:xfrm>
            <a:custGeom>
              <a:avLst/>
              <a:gdLst/>
              <a:ahLst/>
              <a:cxnLst/>
              <a:rect l="l" t="t" r="r" b="b"/>
              <a:pathLst>
                <a:path w="7010" h="6048" extrusionOk="0">
                  <a:moveTo>
                    <a:pt x="7010" y="2637"/>
                  </a:moveTo>
                  <a:cubicBezTo>
                    <a:pt x="6047" y="3432"/>
                    <a:pt x="5189" y="4227"/>
                    <a:pt x="4143" y="4855"/>
                  </a:cubicBezTo>
                  <a:cubicBezTo>
                    <a:pt x="3808" y="5064"/>
                    <a:pt x="3453" y="5231"/>
                    <a:pt x="3076" y="5315"/>
                  </a:cubicBezTo>
                  <a:cubicBezTo>
                    <a:pt x="2616" y="5378"/>
                    <a:pt x="2197" y="5545"/>
                    <a:pt x="1821" y="5733"/>
                  </a:cubicBezTo>
                  <a:cubicBezTo>
                    <a:pt x="1402" y="5901"/>
                    <a:pt x="984" y="6047"/>
                    <a:pt x="502" y="5984"/>
                  </a:cubicBezTo>
                  <a:cubicBezTo>
                    <a:pt x="168" y="5629"/>
                    <a:pt x="272" y="5148"/>
                    <a:pt x="209" y="4729"/>
                  </a:cubicBezTo>
                  <a:cubicBezTo>
                    <a:pt x="168" y="4290"/>
                    <a:pt x="0" y="3850"/>
                    <a:pt x="188" y="3390"/>
                  </a:cubicBezTo>
                  <a:cubicBezTo>
                    <a:pt x="272" y="3348"/>
                    <a:pt x="356" y="3285"/>
                    <a:pt x="419" y="3285"/>
                  </a:cubicBezTo>
                  <a:cubicBezTo>
                    <a:pt x="1611" y="3055"/>
                    <a:pt x="2616" y="2469"/>
                    <a:pt x="3557" y="1779"/>
                  </a:cubicBezTo>
                  <a:cubicBezTo>
                    <a:pt x="4122" y="1381"/>
                    <a:pt x="4603" y="942"/>
                    <a:pt x="5126" y="523"/>
                  </a:cubicBezTo>
                  <a:cubicBezTo>
                    <a:pt x="5336" y="335"/>
                    <a:pt x="5545" y="147"/>
                    <a:pt x="5754" y="0"/>
                  </a:cubicBezTo>
                  <a:cubicBezTo>
                    <a:pt x="6361" y="565"/>
                    <a:pt x="6863" y="1590"/>
                    <a:pt x="7010" y="2637"/>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280" name="Google Shape;2280;p74"/>
            <p:cNvSpPr/>
            <p:nvPr/>
          </p:nvSpPr>
          <p:spPr>
            <a:xfrm>
              <a:off x="6485325" y="2949750"/>
              <a:ext cx="186250" cy="159050"/>
            </a:xfrm>
            <a:custGeom>
              <a:avLst/>
              <a:gdLst/>
              <a:ahLst/>
              <a:cxnLst/>
              <a:rect l="l" t="t" r="r" b="b"/>
              <a:pathLst>
                <a:path w="7450" h="6362" extrusionOk="0">
                  <a:moveTo>
                    <a:pt x="6257" y="1444"/>
                  </a:moveTo>
                  <a:cubicBezTo>
                    <a:pt x="6152" y="1298"/>
                    <a:pt x="6027" y="1172"/>
                    <a:pt x="5859" y="1026"/>
                  </a:cubicBezTo>
                  <a:cubicBezTo>
                    <a:pt x="5567" y="649"/>
                    <a:pt x="5127" y="314"/>
                    <a:pt x="4520" y="189"/>
                  </a:cubicBezTo>
                  <a:cubicBezTo>
                    <a:pt x="3683" y="0"/>
                    <a:pt x="2679" y="273"/>
                    <a:pt x="1863" y="775"/>
                  </a:cubicBezTo>
                  <a:cubicBezTo>
                    <a:pt x="1340" y="1005"/>
                    <a:pt x="901" y="1361"/>
                    <a:pt x="629" y="1884"/>
                  </a:cubicBezTo>
                  <a:cubicBezTo>
                    <a:pt x="377" y="2260"/>
                    <a:pt x="189" y="2658"/>
                    <a:pt x="126" y="3097"/>
                  </a:cubicBezTo>
                  <a:cubicBezTo>
                    <a:pt x="1" y="3976"/>
                    <a:pt x="608" y="5315"/>
                    <a:pt x="1382" y="5775"/>
                  </a:cubicBezTo>
                  <a:cubicBezTo>
                    <a:pt x="1696" y="5943"/>
                    <a:pt x="2009" y="6026"/>
                    <a:pt x="2365" y="6026"/>
                  </a:cubicBezTo>
                  <a:cubicBezTo>
                    <a:pt x="2888" y="6299"/>
                    <a:pt x="3474" y="6361"/>
                    <a:pt x="4060" y="6215"/>
                  </a:cubicBezTo>
                  <a:cubicBezTo>
                    <a:pt x="5818" y="5713"/>
                    <a:pt x="7450" y="3181"/>
                    <a:pt x="6257" y="1444"/>
                  </a:cubicBezTo>
                  <a:close/>
                </a:path>
              </a:pathLst>
            </a:custGeom>
            <a:solidFill>
              <a:srgbClr val="FF8898"/>
            </a:solidFill>
            <a:ln>
              <a:noFill/>
            </a:ln>
          </p:spPr>
          <p:txBody>
            <a:bodyPr spcFirstLastPara="1" wrap="square" lIns="91425" tIns="91425" rIns="91425" bIns="91425" anchor="ctr" anchorCtr="0">
              <a:noAutofit/>
            </a:bodyPr>
            <a:lstStyle/>
            <a:p>
              <a:endParaRPr/>
            </a:p>
          </p:txBody>
        </p:sp>
        <p:sp>
          <p:nvSpPr>
            <p:cNvPr id="2281" name="Google Shape;2281;p74"/>
            <p:cNvSpPr/>
            <p:nvPr/>
          </p:nvSpPr>
          <p:spPr>
            <a:xfrm>
              <a:off x="6935200" y="2742600"/>
              <a:ext cx="109875" cy="130275"/>
            </a:xfrm>
            <a:custGeom>
              <a:avLst/>
              <a:gdLst/>
              <a:ahLst/>
              <a:cxnLst/>
              <a:rect l="l" t="t" r="r" b="b"/>
              <a:pathLst>
                <a:path w="4395" h="5211" extrusionOk="0">
                  <a:moveTo>
                    <a:pt x="4185" y="1654"/>
                  </a:moveTo>
                  <a:cubicBezTo>
                    <a:pt x="3829" y="608"/>
                    <a:pt x="2825" y="1"/>
                    <a:pt x="1758" y="294"/>
                  </a:cubicBezTo>
                  <a:cubicBezTo>
                    <a:pt x="712" y="587"/>
                    <a:pt x="105" y="1528"/>
                    <a:pt x="63" y="2574"/>
                  </a:cubicBezTo>
                  <a:cubicBezTo>
                    <a:pt x="0" y="3537"/>
                    <a:pt x="272" y="5001"/>
                    <a:pt x="1444" y="5190"/>
                  </a:cubicBezTo>
                  <a:cubicBezTo>
                    <a:pt x="1590" y="5211"/>
                    <a:pt x="1737" y="5211"/>
                    <a:pt x="1862" y="5190"/>
                  </a:cubicBezTo>
                  <a:cubicBezTo>
                    <a:pt x="2030" y="5211"/>
                    <a:pt x="2260" y="5190"/>
                    <a:pt x="2490" y="5085"/>
                  </a:cubicBezTo>
                  <a:cubicBezTo>
                    <a:pt x="3097" y="4855"/>
                    <a:pt x="3620" y="4395"/>
                    <a:pt x="3892" y="3851"/>
                  </a:cubicBezTo>
                  <a:cubicBezTo>
                    <a:pt x="4185" y="3244"/>
                    <a:pt x="4394" y="2302"/>
                    <a:pt x="4185" y="1654"/>
                  </a:cubicBezTo>
                  <a:close/>
                </a:path>
              </a:pathLst>
            </a:custGeom>
            <a:solidFill>
              <a:srgbClr val="FF8898"/>
            </a:solidFill>
            <a:ln>
              <a:noFill/>
            </a:ln>
          </p:spPr>
          <p:txBody>
            <a:bodyPr spcFirstLastPara="1" wrap="square" lIns="91425" tIns="91425" rIns="91425" bIns="91425" anchor="ctr" anchorCtr="0">
              <a:noAutofit/>
            </a:bodyPr>
            <a:lstStyle/>
            <a:p>
              <a:endParaRPr/>
            </a:p>
          </p:txBody>
        </p:sp>
        <p:sp>
          <p:nvSpPr>
            <p:cNvPr id="2282" name="Google Shape;2282;p74"/>
            <p:cNvSpPr/>
            <p:nvPr/>
          </p:nvSpPr>
          <p:spPr>
            <a:xfrm>
              <a:off x="5904700" y="2250375"/>
              <a:ext cx="1467825" cy="2083500"/>
            </a:xfrm>
            <a:custGeom>
              <a:avLst/>
              <a:gdLst/>
              <a:ahLst/>
              <a:cxnLst/>
              <a:rect l="l" t="t" r="r" b="b"/>
              <a:pathLst>
                <a:path w="58713" h="83340" extrusionOk="0">
                  <a:moveTo>
                    <a:pt x="40467" y="32830"/>
                  </a:moveTo>
                  <a:cubicBezTo>
                    <a:pt x="40781" y="32976"/>
                    <a:pt x="41011" y="33123"/>
                    <a:pt x="41241" y="33227"/>
                  </a:cubicBezTo>
                  <a:cubicBezTo>
                    <a:pt x="42371" y="33667"/>
                    <a:pt x="43417" y="34232"/>
                    <a:pt x="44442" y="34901"/>
                  </a:cubicBezTo>
                  <a:cubicBezTo>
                    <a:pt x="44986" y="35236"/>
                    <a:pt x="45489" y="35654"/>
                    <a:pt x="45907" y="36115"/>
                  </a:cubicBezTo>
                  <a:cubicBezTo>
                    <a:pt x="46179" y="36470"/>
                    <a:pt x="46535" y="36742"/>
                    <a:pt x="46849" y="37098"/>
                  </a:cubicBezTo>
                  <a:cubicBezTo>
                    <a:pt x="47079" y="37349"/>
                    <a:pt x="47372" y="37621"/>
                    <a:pt x="47539" y="37935"/>
                  </a:cubicBezTo>
                  <a:cubicBezTo>
                    <a:pt x="47895" y="38479"/>
                    <a:pt x="47790" y="38919"/>
                    <a:pt x="47288" y="39337"/>
                  </a:cubicBezTo>
                  <a:cubicBezTo>
                    <a:pt x="46995" y="39546"/>
                    <a:pt x="46681" y="39755"/>
                    <a:pt x="46367" y="39965"/>
                  </a:cubicBezTo>
                  <a:cubicBezTo>
                    <a:pt x="46598" y="40279"/>
                    <a:pt x="46890" y="40446"/>
                    <a:pt x="47162" y="40613"/>
                  </a:cubicBezTo>
                  <a:cubicBezTo>
                    <a:pt x="48313" y="41429"/>
                    <a:pt x="49464" y="42224"/>
                    <a:pt x="50615" y="42999"/>
                  </a:cubicBezTo>
                  <a:cubicBezTo>
                    <a:pt x="51201" y="43417"/>
                    <a:pt x="51766" y="43898"/>
                    <a:pt x="52226" y="44442"/>
                  </a:cubicBezTo>
                  <a:cubicBezTo>
                    <a:pt x="53021" y="45300"/>
                    <a:pt x="53816" y="46158"/>
                    <a:pt x="54590" y="47058"/>
                  </a:cubicBezTo>
                  <a:cubicBezTo>
                    <a:pt x="55113" y="47686"/>
                    <a:pt x="55553" y="48355"/>
                    <a:pt x="55992" y="49025"/>
                  </a:cubicBezTo>
                  <a:cubicBezTo>
                    <a:pt x="56181" y="49276"/>
                    <a:pt x="56327" y="49485"/>
                    <a:pt x="56641" y="49611"/>
                  </a:cubicBezTo>
                  <a:cubicBezTo>
                    <a:pt x="57038" y="49799"/>
                    <a:pt x="57415" y="50071"/>
                    <a:pt x="57792" y="50301"/>
                  </a:cubicBezTo>
                  <a:cubicBezTo>
                    <a:pt x="58210" y="50531"/>
                    <a:pt x="58419" y="50929"/>
                    <a:pt x="58629" y="51326"/>
                  </a:cubicBezTo>
                  <a:cubicBezTo>
                    <a:pt x="58712" y="51473"/>
                    <a:pt x="58691" y="51703"/>
                    <a:pt x="58629" y="51891"/>
                  </a:cubicBezTo>
                  <a:cubicBezTo>
                    <a:pt x="58608" y="51996"/>
                    <a:pt x="58482" y="52163"/>
                    <a:pt x="58378" y="52184"/>
                  </a:cubicBezTo>
                  <a:cubicBezTo>
                    <a:pt x="58273" y="52205"/>
                    <a:pt x="58105" y="52121"/>
                    <a:pt x="58043" y="52017"/>
                  </a:cubicBezTo>
                  <a:cubicBezTo>
                    <a:pt x="57833" y="51787"/>
                    <a:pt x="57666" y="51535"/>
                    <a:pt x="57478" y="51284"/>
                  </a:cubicBezTo>
                  <a:cubicBezTo>
                    <a:pt x="57373" y="51180"/>
                    <a:pt x="57227" y="51117"/>
                    <a:pt x="56955" y="50950"/>
                  </a:cubicBezTo>
                  <a:cubicBezTo>
                    <a:pt x="57059" y="51263"/>
                    <a:pt x="57122" y="51452"/>
                    <a:pt x="57164" y="51598"/>
                  </a:cubicBezTo>
                  <a:cubicBezTo>
                    <a:pt x="57206" y="51807"/>
                    <a:pt x="57227" y="52059"/>
                    <a:pt x="57227" y="52268"/>
                  </a:cubicBezTo>
                  <a:cubicBezTo>
                    <a:pt x="57227" y="52477"/>
                    <a:pt x="57017" y="52644"/>
                    <a:pt x="56850" y="52644"/>
                  </a:cubicBezTo>
                  <a:cubicBezTo>
                    <a:pt x="56683" y="52644"/>
                    <a:pt x="56515" y="52540"/>
                    <a:pt x="56473" y="52393"/>
                  </a:cubicBezTo>
                  <a:cubicBezTo>
                    <a:pt x="56306" y="51996"/>
                    <a:pt x="56181" y="51598"/>
                    <a:pt x="56013" y="51222"/>
                  </a:cubicBezTo>
                  <a:cubicBezTo>
                    <a:pt x="55909" y="50929"/>
                    <a:pt x="55783" y="50636"/>
                    <a:pt x="55657" y="50280"/>
                  </a:cubicBezTo>
                  <a:cubicBezTo>
                    <a:pt x="55532" y="50427"/>
                    <a:pt x="55427" y="50510"/>
                    <a:pt x="55365" y="50615"/>
                  </a:cubicBezTo>
                  <a:cubicBezTo>
                    <a:pt x="55281" y="50866"/>
                    <a:pt x="55239" y="51159"/>
                    <a:pt x="55176" y="51431"/>
                  </a:cubicBezTo>
                  <a:cubicBezTo>
                    <a:pt x="55155" y="51535"/>
                    <a:pt x="55176" y="51661"/>
                    <a:pt x="55176" y="51766"/>
                  </a:cubicBezTo>
                  <a:cubicBezTo>
                    <a:pt x="55155" y="52017"/>
                    <a:pt x="54967" y="52205"/>
                    <a:pt x="54758" y="52205"/>
                  </a:cubicBezTo>
                  <a:cubicBezTo>
                    <a:pt x="54548" y="52205"/>
                    <a:pt x="54381" y="52017"/>
                    <a:pt x="54318" y="51787"/>
                  </a:cubicBezTo>
                  <a:cubicBezTo>
                    <a:pt x="54214" y="51347"/>
                    <a:pt x="54214" y="50908"/>
                    <a:pt x="54402" y="50489"/>
                  </a:cubicBezTo>
                  <a:cubicBezTo>
                    <a:pt x="54548" y="50092"/>
                    <a:pt x="54737" y="49715"/>
                    <a:pt x="54946" y="49297"/>
                  </a:cubicBezTo>
                  <a:cubicBezTo>
                    <a:pt x="54841" y="48983"/>
                    <a:pt x="54653" y="48732"/>
                    <a:pt x="54444" y="48502"/>
                  </a:cubicBezTo>
                  <a:cubicBezTo>
                    <a:pt x="53272" y="47162"/>
                    <a:pt x="52079" y="45823"/>
                    <a:pt x="50866" y="44484"/>
                  </a:cubicBezTo>
                  <a:cubicBezTo>
                    <a:pt x="50678" y="44275"/>
                    <a:pt x="50447" y="44129"/>
                    <a:pt x="50217" y="43961"/>
                  </a:cubicBezTo>
                  <a:cubicBezTo>
                    <a:pt x="49046" y="43124"/>
                    <a:pt x="47832" y="42287"/>
                    <a:pt x="46639" y="41450"/>
                  </a:cubicBezTo>
                  <a:cubicBezTo>
                    <a:pt x="46221" y="41178"/>
                    <a:pt x="45823" y="40885"/>
                    <a:pt x="45405" y="40572"/>
                  </a:cubicBezTo>
                  <a:cubicBezTo>
                    <a:pt x="44442" y="41095"/>
                    <a:pt x="43522" y="41722"/>
                    <a:pt x="42517" y="41973"/>
                  </a:cubicBezTo>
                  <a:cubicBezTo>
                    <a:pt x="42413" y="42329"/>
                    <a:pt x="42496" y="42559"/>
                    <a:pt x="42601" y="42789"/>
                  </a:cubicBezTo>
                  <a:cubicBezTo>
                    <a:pt x="43124" y="43898"/>
                    <a:pt x="43333" y="45070"/>
                    <a:pt x="43668" y="46221"/>
                  </a:cubicBezTo>
                  <a:cubicBezTo>
                    <a:pt x="44191" y="47937"/>
                    <a:pt x="44191" y="49757"/>
                    <a:pt x="44359" y="51535"/>
                  </a:cubicBezTo>
                  <a:cubicBezTo>
                    <a:pt x="44401" y="52079"/>
                    <a:pt x="44338" y="52644"/>
                    <a:pt x="44254" y="53209"/>
                  </a:cubicBezTo>
                  <a:cubicBezTo>
                    <a:pt x="44129" y="54004"/>
                    <a:pt x="43836" y="54779"/>
                    <a:pt x="43187" y="55365"/>
                  </a:cubicBezTo>
                  <a:cubicBezTo>
                    <a:pt x="43208" y="55574"/>
                    <a:pt x="43208" y="55825"/>
                    <a:pt x="43292" y="56034"/>
                  </a:cubicBezTo>
                  <a:cubicBezTo>
                    <a:pt x="43605" y="56934"/>
                    <a:pt x="43898" y="57875"/>
                    <a:pt x="44254" y="58796"/>
                  </a:cubicBezTo>
                  <a:cubicBezTo>
                    <a:pt x="44714" y="60010"/>
                    <a:pt x="45112" y="61223"/>
                    <a:pt x="45384" y="62479"/>
                  </a:cubicBezTo>
                  <a:cubicBezTo>
                    <a:pt x="45468" y="62855"/>
                    <a:pt x="45593" y="63190"/>
                    <a:pt x="45698" y="63525"/>
                  </a:cubicBezTo>
                  <a:cubicBezTo>
                    <a:pt x="45761" y="63587"/>
                    <a:pt x="45844" y="63629"/>
                    <a:pt x="45928" y="63671"/>
                  </a:cubicBezTo>
                  <a:cubicBezTo>
                    <a:pt x="46137" y="63692"/>
                    <a:pt x="46284" y="63776"/>
                    <a:pt x="46346" y="64006"/>
                  </a:cubicBezTo>
                  <a:cubicBezTo>
                    <a:pt x="46367" y="64215"/>
                    <a:pt x="46305" y="64404"/>
                    <a:pt x="46137" y="64529"/>
                  </a:cubicBezTo>
                  <a:cubicBezTo>
                    <a:pt x="45949" y="64655"/>
                    <a:pt x="45761" y="64780"/>
                    <a:pt x="45572" y="64864"/>
                  </a:cubicBezTo>
                  <a:cubicBezTo>
                    <a:pt x="45007" y="65094"/>
                    <a:pt x="44463" y="65282"/>
                    <a:pt x="43940" y="65492"/>
                  </a:cubicBezTo>
                  <a:lnTo>
                    <a:pt x="43626" y="65659"/>
                  </a:lnTo>
                  <a:cubicBezTo>
                    <a:pt x="44233" y="67145"/>
                    <a:pt x="45070" y="68505"/>
                    <a:pt x="45614" y="70011"/>
                  </a:cubicBezTo>
                  <a:cubicBezTo>
                    <a:pt x="46158" y="71538"/>
                    <a:pt x="46451" y="73108"/>
                    <a:pt x="46849" y="74614"/>
                  </a:cubicBezTo>
                  <a:cubicBezTo>
                    <a:pt x="47142" y="74656"/>
                    <a:pt x="47162" y="74405"/>
                    <a:pt x="47267" y="74259"/>
                  </a:cubicBezTo>
                  <a:cubicBezTo>
                    <a:pt x="47769" y="73463"/>
                    <a:pt x="48334" y="72773"/>
                    <a:pt x="49087" y="72187"/>
                  </a:cubicBezTo>
                  <a:cubicBezTo>
                    <a:pt x="50217" y="71350"/>
                    <a:pt x="51473" y="70994"/>
                    <a:pt x="52854" y="70953"/>
                  </a:cubicBezTo>
                  <a:cubicBezTo>
                    <a:pt x="53942" y="70953"/>
                    <a:pt x="54611" y="71664"/>
                    <a:pt x="54695" y="72731"/>
                  </a:cubicBezTo>
                  <a:cubicBezTo>
                    <a:pt x="54779" y="74175"/>
                    <a:pt x="54193" y="75305"/>
                    <a:pt x="53063" y="76142"/>
                  </a:cubicBezTo>
                  <a:cubicBezTo>
                    <a:pt x="52017" y="76958"/>
                    <a:pt x="50866" y="77585"/>
                    <a:pt x="49611" y="78004"/>
                  </a:cubicBezTo>
                  <a:cubicBezTo>
                    <a:pt x="49129" y="78150"/>
                    <a:pt x="48606" y="78318"/>
                    <a:pt x="48083" y="78422"/>
                  </a:cubicBezTo>
                  <a:cubicBezTo>
                    <a:pt x="47706" y="78485"/>
                    <a:pt x="47288" y="78485"/>
                    <a:pt x="46932" y="78443"/>
                  </a:cubicBezTo>
                  <a:cubicBezTo>
                    <a:pt x="46514" y="78380"/>
                    <a:pt x="46242" y="78129"/>
                    <a:pt x="46116" y="77690"/>
                  </a:cubicBezTo>
                  <a:cubicBezTo>
                    <a:pt x="45991" y="77188"/>
                    <a:pt x="45886" y="76707"/>
                    <a:pt x="45844" y="76184"/>
                  </a:cubicBezTo>
                  <a:cubicBezTo>
                    <a:pt x="45719" y="73882"/>
                    <a:pt x="45175" y="71664"/>
                    <a:pt x="44317" y="69530"/>
                  </a:cubicBezTo>
                  <a:cubicBezTo>
                    <a:pt x="43836" y="68337"/>
                    <a:pt x="43229" y="67186"/>
                    <a:pt x="42664" y="65994"/>
                  </a:cubicBezTo>
                  <a:cubicBezTo>
                    <a:pt x="41032" y="66621"/>
                    <a:pt x="39400" y="66559"/>
                    <a:pt x="37747" y="66726"/>
                  </a:cubicBezTo>
                  <a:cubicBezTo>
                    <a:pt x="36931" y="66810"/>
                    <a:pt x="36261" y="66517"/>
                    <a:pt x="35885" y="65701"/>
                  </a:cubicBezTo>
                  <a:cubicBezTo>
                    <a:pt x="35634" y="65157"/>
                    <a:pt x="35257" y="64655"/>
                    <a:pt x="35152" y="64027"/>
                  </a:cubicBezTo>
                  <a:cubicBezTo>
                    <a:pt x="35110" y="63818"/>
                    <a:pt x="34964" y="63608"/>
                    <a:pt x="34901" y="63420"/>
                  </a:cubicBezTo>
                  <a:cubicBezTo>
                    <a:pt x="34608" y="62771"/>
                    <a:pt x="34315" y="62102"/>
                    <a:pt x="34022" y="61432"/>
                  </a:cubicBezTo>
                  <a:cubicBezTo>
                    <a:pt x="33960" y="61223"/>
                    <a:pt x="33855" y="61056"/>
                    <a:pt x="33709" y="60784"/>
                  </a:cubicBezTo>
                  <a:cubicBezTo>
                    <a:pt x="33144" y="61495"/>
                    <a:pt x="32704" y="62207"/>
                    <a:pt x="32495" y="63002"/>
                  </a:cubicBezTo>
                  <a:cubicBezTo>
                    <a:pt x="32286" y="63797"/>
                    <a:pt x="31972" y="64550"/>
                    <a:pt x="31553" y="65240"/>
                  </a:cubicBezTo>
                  <a:cubicBezTo>
                    <a:pt x="31281" y="65701"/>
                    <a:pt x="31030" y="66182"/>
                    <a:pt x="30779" y="66642"/>
                  </a:cubicBezTo>
                  <a:cubicBezTo>
                    <a:pt x="30549" y="67082"/>
                    <a:pt x="30235" y="67479"/>
                    <a:pt x="29900" y="67856"/>
                  </a:cubicBezTo>
                  <a:cubicBezTo>
                    <a:pt x="29608" y="68128"/>
                    <a:pt x="29315" y="68274"/>
                    <a:pt x="28959" y="68316"/>
                  </a:cubicBezTo>
                  <a:cubicBezTo>
                    <a:pt x="28017" y="68400"/>
                    <a:pt x="27076" y="68505"/>
                    <a:pt x="26051" y="68588"/>
                  </a:cubicBezTo>
                  <a:cubicBezTo>
                    <a:pt x="26051" y="68693"/>
                    <a:pt x="26009" y="68797"/>
                    <a:pt x="26030" y="68923"/>
                  </a:cubicBezTo>
                  <a:cubicBezTo>
                    <a:pt x="26071" y="69969"/>
                    <a:pt x="25904" y="70994"/>
                    <a:pt x="25653" y="71978"/>
                  </a:cubicBezTo>
                  <a:cubicBezTo>
                    <a:pt x="25339" y="73296"/>
                    <a:pt x="24481" y="74133"/>
                    <a:pt x="23226" y="74510"/>
                  </a:cubicBezTo>
                  <a:cubicBezTo>
                    <a:pt x="22766" y="74677"/>
                    <a:pt x="22242" y="74719"/>
                    <a:pt x="21761" y="74803"/>
                  </a:cubicBezTo>
                  <a:cubicBezTo>
                    <a:pt x="21405" y="74865"/>
                    <a:pt x="21050" y="74886"/>
                    <a:pt x="20694" y="74928"/>
                  </a:cubicBezTo>
                  <a:cubicBezTo>
                    <a:pt x="20778" y="75556"/>
                    <a:pt x="20841" y="76142"/>
                    <a:pt x="20924" y="76707"/>
                  </a:cubicBezTo>
                  <a:cubicBezTo>
                    <a:pt x="21050" y="78004"/>
                    <a:pt x="21154" y="79280"/>
                    <a:pt x="21301" y="80557"/>
                  </a:cubicBezTo>
                  <a:cubicBezTo>
                    <a:pt x="21343" y="81163"/>
                    <a:pt x="21238" y="81728"/>
                    <a:pt x="21008" y="82293"/>
                  </a:cubicBezTo>
                  <a:cubicBezTo>
                    <a:pt x="20736" y="82942"/>
                    <a:pt x="20276" y="83298"/>
                    <a:pt x="19543" y="83339"/>
                  </a:cubicBezTo>
                  <a:cubicBezTo>
                    <a:pt x="18790" y="83339"/>
                    <a:pt x="18120" y="83130"/>
                    <a:pt x="17597" y="82523"/>
                  </a:cubicBezTo>
                  <a:cubicBezTo>
                    <a:pt x="16949" y="81791"/>
                    <a:pt x="16551" y="80954"/>
                    <a:pt x="16447" y="79992"/>
                  </a:cubicBezTo>
                  <a:cubicBezTo>
                    <a:pt x="16321" y="78862"/>
                    <a:pt x="16279" y="77753"/>
                    <a:pt x="16384" y="76644"/>
                  </a:cubicBezTo>
                  <a:cubicBezTo>
                    <a:pt x="16488" y="75639"/>
                    <a:pt x="16865" y="74803"/>
                    <a:pt x="17744" y="74259"/>
                  </a:cubicBezTo>
                  <a:cubicBezTo>
                    <a:pt x="18183" y="73966"/>
                    <a:pt x="18644" y="73819"/>
                    <a:pt x="19167" y="73966"/>
                  </a:cubicBezTo>
                  <a:cubicBezTo>
                    <a:pt x="19460" y="74049"/>
                    <a:pt x="19732" y="74028"/>
                    <a:pt x="19983" y="73966"/>
                  </a:cubicBezTo>
                  <a:cubicBezTo>
                    <a:pt x="20401" y="73882"/>
                    <a:pt x="20820" y="73861"/>
                    <a:pt x="21238" y="73819"/>
                  </a:cubicBezTo>
                  <a:cubicBezTo>
                    <a:pt x="21677" y="73756"/>
                    <a:pt x="22138" y="73735"/>
                    <a:pt x="22577" y="73631"/>
                  </a:cubicBezTo>
                  <a:cubicBezTo>
                    <a:pt x="23665" y="73401"/>
                    <a:pt x="24439" y="72731"/>
                    <a:pt x="24690" y="71622"/>
                  </a:cubicBezTo>
                  <a:cubicBezTo>
                    <a:pt x="24921" y="70534"/>
                    <a:pt x="25109" y="69467"/>
                    <a:pt x="25004" y="68400"/>
                  </a:cubicBezTo>
                  <a:cubicBezTo>
                    <a:pt x="24962" y="68337"/>
                    <a:pt x="24900" y="68295"/>
                    <a:pt x="24858" y="68295"/>
                  </a:cubicBezTo>
                  <a:cubicBezTo>
                    <a:pt x="24063" y="68212"/>
                    <a:pt x="23330" y="67898"/>
                    <a:pt x="22598" y="67605"/>
                  </a:cubicBezTo>
                  <a:cubicBezTo>
                    <a:pt x="21615" y="67228"/>
                    <a:pt x="20610" y="66831"/>
                    <a:pt x="19627" y="66496"/>
                  </a:cubicBezTo>
                  <a:cubicBezTo>
                    <a:pt x="19104" y="66308"/>
                    <a:pt x="18895" y="65973"/>
                    <a:pt x="18832" y="65450"/>
                  </a:cubicBezTo>
                  <a:cubicBezTo>
                    <a:pt x="18748" y="64676"/>
                    <a:pt x="18811" y="63922"/>
                    <a:pt x="19062" y="63211"/>
                  </a:cubicBezTo>
                  <a:cubicBezTo>
                    <a:pt x="19481" y="62060"/>
                    <a:pt x="19941" y="60909"/>
                    <a:pt x="20380" y="59758"/>
                  </a:cubicBezTo>
                  <a:cubicBezTo>
                    <a:pt x="20736" y="58796"/>
                    <a:pt x="21154" y="57854"/>
                    <a:pt x="21552" y="56892"/>
                  </a:cubicBezTo>
                  <a:cubicBezTo>
                    <a:pt x="21657" y="56599"/>
                    <a:pt x="21782" y="56348"/>
                    <a:pt x="21929" y="55992"/>
                  </a:cubicBezTo>
                  <a:cubicBezTo>
                    <a:pt x="21740" y="55929"/>
                    <a:pt x="21573" y="55825"/>
                    <a:pt x="21405" y="55762"/>
                  </a:cubicBezTo>
                  <a:cubicBezTo>
                    <a:pt x="20987" y="55637"/>
                    <a:pt x="20631" y="55406"/>
                    <a:pt x="20317" y="55134"/>
                  </a:cubicBezTo>
                  <a:cubicBezTo>
                    <a:pt x="19836" y="54779"/>
                    <a:pt x="19732" y="54276"/>
                    <a:pt x="19878" y="53732"/>
                  </a:cubicBezTo>
                  <a:cubicBezTo>
                    <a:pt x="20045" y="53168"/>
                    <a:pt x="20192" y="52644"/>
                    <a:pt x="20380" y="52121"/>
                  </a:cubicBezTo>
                  <a:cubicBezTo>
                    <a:pt x="20422" y="51975"/>
                    <a:pt x="20464" y="51807"/>
                    <a:pt x="20506" y="51598"/>
                  </a:cubicBezTo>
                  <a:cubicBezTo>
                    <a:pt x="20359" y="51452"/>
                    <a:pt x="20192" y="51326"/>
                    <a:pt x="20045" y="51159"/>
                  </a:cubicBezTo>
                  <a:cubicBezTo>
                    <a:pt x="18895" y="50134"/>
                    <a:pt x="18602" y="48878"/>
                    <a:pt x="18936" y="47455"/>
                  </a:cubicBezTo>
                  <a:cubicBezTo>
                    <a:pt x="19125" y="46598"/>
                    <a:pt x="19334" y="45740"/>
                    <a:pt x="19857" y="44986"/>
                  </a:cubicBezTo>
                  <a:cubicBezTo>
                    <a:pt x="19334" y="44735"/>
                    <a:pt x="18853" y="44526"/>
                    <a:pt x="18372" y="44338"/>
                  </a:cubicBezTo>
                  <a:cubicBezTo>
                    <a:pt x="17974" y="44170"/>
                    <a:pt x="17848" y="44003"/>
                    <a:pt x="17848" y="43585"/>
                  </a:cubicBezTo>
                  <a:cubicBezTo>
                    <a:pt x="17848" y="43417"/>
                    <a:pt x="17890" y="43229"/>
                    <a:pt x="17911" y="43082"/>
                  </a:cubicBezTo>
                  <a:cubicBezTo>
                    <a:pt x="18162" y="42078"/>
                    <a:pt x="18602" y="41199"/>
                    <a:pt x="19125" y="40341"/>
                  </a:cubicBezTo>
                  <a:cubicBezTo>
                    <a:pt x="19732" y="39358"/>
                    <a:pt x="20610" y="38688"/>
                    <a:pt x="21322" y="37831"/>
                  </a:cubicBezTo>
                  <a:cubicBezTo>
                    <a:pt x="21531" y="37559"/>
                    <a:pt x="21887" y="37412"/>
                    <a:pt x="22201" y="37224"/>
                  </a:cubicBezTo>
                  <a:cubicBezTo>
                    <a:pt x="22514" y="37035"/>
                    <a:pt x="22828" y="36910"/>
                    <a:pt x="23205" y="36722"/>
                  </a:cubicBezTo>
                  <a:cubicBezTo>
                    <a:pt x="22263" y="36387"/>
                    <a:pt x="21343" y="36115"/>
                    <a:pt x="20506" y="35675"/>
                  </a:cubicBezTo>
                  <a:cubicBezTo>
                    <a:pt x="19669" y="35257"/>
                    <a:pt x="18916" y="34650"/>
                    <a:pt x="18079" y="34127"/>
                  </a:cubicBezTo>
                  <a:cubicBezTo>
                    <a:pt x="17639" y="34211"/>
                    <a:pt x="17137" y="34315"/>
                    <a:pt x="16635" y="34378"/>
                  </a:cubicBezTo>
                  <a:cubicBezTo>
                    <a:pt x="15798" y="34483"/>
                    <a:pt x="15045" y="34274"/>
                    <a:pt x="14312" y="33876"/>
                  </a:cubicBezTo>
                  <a:cubicBezTo>
                    <a:pt x="13245" y="33332"/>
                    <a:pt x="12346" y="32600"/>
                    <a:pt x="11467" y="31805"/>
                  </a:cubicBezTo>
                  <a:cubicBezTo>
                    <a:pt x="10546" y="30988"/>
                    <a:pt x="9960" y="30026"/>
                    <a:pt x="9835" y="28771"/>
                  </a:cubicBezTo>
                  <a:cubicBezTo>
                    <a:pt x="9730" y="27787"/>
                    <a:pt x="9584" y="26783"/>
                    <a:pt x="9646" y="25799"/>
                  </a:cubicBezTo>
                  <a:cubicBezTo>
                    <a:pt x="9102" y="25402"/>
                    <a:pt x="8537" y="25339"/>
                    <a:pt x="7868" y="25423"/>
                  </a:cubicBezTo>
                  <a:cubicBezTo>
                    <a:pt x="7387" y="25486"/>
                    <a:pt x="6884" y="25444"/>
                    <a:pt x="6382" y="25381"/>
                  </a:cubicBezTo>
                  <a:cubicBezTo>
                    <a:pt x="5336" y="25235"/>
                    <a:pt x="4269" y="25130"/>
                    <a:pt x="3223" y="24921"/>
                  </a:cubicBezTo>
                  <a:cubicBezTo>
                    <a:pt x="2491" y="24795"/>
                    <a:pt x="1779" y="24460"/>
                    <a:pt x="1172" y="23958"/>
                  </a:cubicBezTo>
                  <a:cubicBezTo>
                    <a:pt x="524" y="23414"/>
                    <a:pt x="105" y="22766"/>
                    <a:pt x="84" y="21887"/>
                  </a:cubicBezTo>
                  <a:cubicBezTo>
                    <a:pt x="84" y="21636"/>
                    <a:pt x="22" y="21405"/>
                    <a:pt x="22" y="21133"/>
                  </a:cubicBezTo>
                  <a:cubicBezTo>
                    <a:pt x="1" y="20213"/>
                    <a:pt x="294" y="19418"/>
                    <a:pt x="942" y="18790"/>
                  </a:cubicBezTo>
                  <a:cubicBezTo>
                    <a:pt x="1423" y="18309"/>
                    <a:pt x="1905" y="17848"/>
                    <a:pt x="2428" y="17430"/>
                  </a:cubicBezTo>
                  <a:cubicBezTo>
                    <a:pt x="3767" y="16426"/>
                    <a:pt x="5190" y="15589"/>
                    <a:pt x="6696" y="14919"/>
                  </a:cubicBezTo>
                  <a:cubicBezTo>
                    <a:pt x="6780" y="14877"/>
                    <a:pt x="6864" y="14856"/>
                    <a:pt x="6926" y="14815"/>
                  </a:cubicBezTo>
                  <a:cubicBezTo>
                    <a:pt x="7805" y="14417"/>
                    <a:pt x="8642" y="13999"/>
                    <a:pt x="9605" y="13873"/>
                  </a:cubicBezTo>
                  <a:cubicBezTo>
                    <a:pt x="9646" y="13685"/>
                    <a:pt x="9709" y="13559"/>
                    <a:pt x="9751" y="13413"/>
                  </a:cubicBezTo>
                  <a:cubicBezTo>
                    <a:pt x="10002" y="12346"/>
                    <a:pt x="10379" y="11320"/>
                    <a:pt x="10860" y="10358"/>
                  </a:cubicBezTo>
                  <a:cubicBezTo>
                    <a:pt x="11739" y="8475"/>
                    <a:pt x="12785" y="6696"/>
                    <a:pt x="14145" y="5127"/>
                  </a:cubicBezTo>
                  <a:cubicBezTo>
                    <a:pt x="16237" y="2700"/>
                    <a:pt x="18853" y="1172"/>
                    <a:pt x="22054" y="586"/>
                  </a:cubicBezTo>
                  <a:cubicBezTo>
                    <a:pt x="25088" y="1"/>
                    <a:pt x="28017" y="314"/>
                    <a:pt x="30947" y="1047"/>
                  </a:cubicBezTo>
                  <a:cubicBezTo>
                    <a:pt x="32390" y="1423"/>
                    <a:pt x="33771" y="1947"/>
                    <a:pt x="35048" y="2721"/>
                  </a:cubicBezTo>
                  <a:cubicBezTo>
                    <a:pt x="35654" y="3097"/>
                    <a:pt x="36261" y="3432"/>
                    <a:pt x="36889" y="3746"/>
                  </a:cubicBezTo>
                  <a:cubicBezTo>
                    <a:pt x="38144" y="4395"/>
                    <a:pt x="39211" y="5315"/>
                    <a:pt x="40237" y="6257"/>
                  </a:cubicBezTo>
                  <a:cubicBezTo>
                    <a:pt x="40781" y="6759"/>
                    <a:pt x="41136" y="7387"/>
                    <a:pt x="41450" y="8035"/>
                  </a:cubicBezTo>
                  <a:cubicBezTo>
                    <a:pt x="41618" y="8370"/>
                    <a:pt x="41743" y="8768"/>
                    <a:pt x="42057" y="9019"/>
                  </a:cubicBezTo>
                  <a:cubicBezTo>
                    <a:pt x="42245" y="9207"/>
                    <a:pt x="42287" y="9479"/>
                    <a:pt x="42287" y="9730"/>
                  </a:cubicBezTo>
                  <a:cubicBezTo>
                    <a:pt x="42287" y="10128"/>
                    <a:pt x="42266" y="10525"/>
                    <a:pt x="42245" y="10965"/>
                  </a:cubicBezTo>
                  <a:cubicBezTo>
                    <a:pt x="42266" y="11006"/>
                    <a:pt x="42329" y="11111"/>
                    <a:pt x="42392" y="11174"/>
                  </a:cubicBezTo>
                  <a:cubicBezTo>
                    <a:pt x="43794" y="12408"/>
                    <a:pt x="44631" y="13936"/>
                    <a:pt x="45217" y="15672"/>
                  </a:cubicBezTo>
                  <a:cubicBezTo>
                    <a:pt x="45823" y="17430"/>
                    <a:pt x="46033" y="19271"/>
                    <a:pt x="46137" y="21113"/>
                  </a:cubicBezTo>
                  <a:cubicBezTo>
                    <a:pt x="46221" y="22263"/>
                    <a:pt x="46200" y="23393"/>
                    <a:pt x="45991" y="24544"/>
                  </a:cubicBezTo>
                  <a:cubicBezTo>
                    <a:pt x="45489" y="27055"/>
                    <a:pt x="44359" y="29210"/>
                    <a:pt x="42455" y="30968"/>
                  </a:cubicBezTo>
                  <a:cubicBezTo>
                    <a:pt x="41911" y="31491"/>
                    <a:pt x="41304" y="31930"/>
                    <a:pt x="40718" y="32432"/>
                  </a:cubicBezTo>
                  <a:cubicBezTo>
                    <a:pt x="40718" y="32600"/>
                    <a:pt x="40613" y="32704"/>
                    <a:pt x="40467" y="32830"/>
                  </a:cubicBezTo>
                  <a:close/>
                  <a:moveTo>
                    <a:pt x="23916" y="1382"/>
                  </a:moveTo>
                  <a:cubicBezTo>
                    <a:pt x="23456" y="1465"/>
                    <a:pt x="23017" y="1528"/>
                    <a:pt x="22577" y="1591"/>
                  </a:cubicBezTo>
                  <a:cubicBezTo>
                    <a:pt x="19460" y="2051"/>
                    <a:pt x="16970" y="3558"/>
                    <a:pt x="14961" y="5943"/>
                  </a:cubicBezTo>
                  <a:cubicBezTo>
                    <a:pt x="13413" y="7763"/>
                    <a:pt x="12262" y="9856"/>
                    <a:pt x="11362" y="12053"/>
                  </a:cubicBezTo>
                  <a:cubicBezTo>
                    <a:pt x="10965" y="13036"/>
                    <a:pt x="10693" y="14019"/>
                    <a:pt x="10651" y="15066"/>
                  </a:cubicBezTo>
                  <a:cubicBezTo>
                    <a:pt x="10546" y="17053"/>
                    <a:pt x="10986" y="18936"/>
                    <a:pt x="11634" y="20799"/>
                  </a:cubicBezTo>
                  <a:cubicBezTo>
                    <a:pt x="12011" y="21782"/>
                    <a:pt x="12638" y="22598"/>
                    <a:pt x="13141" y="23519"/>
                  </a:cubicBezTo>
                  <a:cubicBezTo>
                    <a:pt x="13245" y="23728"/>
                    <a:pt x="13496" y="23874"/>
                    <a:pt x="13706" y="23958"/>
                  </a:cubicBezTo>
                  <a:cubicBezTo>
                    <a:pt x="13999" y="24063"/>
                    <a:pt x="14312" y="24126"/>
                    <a:pt x="14605" y="24126"/>
                  </a:cubicBezTo>
                  <a:cubicBezTo>
                    <a:pt x="16384" y="24126"/>
                    <a:pt x="18183" y="24251"/>
                    <a:pt x="19941" y="23812"/>
                  </a:cubicBezTo>
                  <a:cubicBezTo>
                    <a:pt x="20066" y="23770"/>
                    <a:pt x="20213" y="23770"/>
                    <a:pt x="20359" y="23749"/>
                  </a:cubicBezTo>
                  <a:cubicBezTo>
                    <a:pt x="21949" y="23519"/>
                    <a:pt x="23540" y="23184"/>
                    <a:pt x="25088" y="22703"/>
                  </a:cubicBezTo>
                  <a:cubicBezTo>
                    <a:pt x="26636" y="22201"/>
                    <a:pt x="28143" y="21657"/>
                    <a:pt x="29691" y="21113"/>
                  </a:cubicBezTo>
                  <a:cubicBezTo>
                    <a:pt x="30507" y="20820"/>
                    <a:pt x="31344" y="20527"/>
                    <a:pt x="32097" y="20171"/>
                  </a:cubicBezTo>
                  <a:cubicBezTo>
                    <a:pt x="33395" y="19543"/>
                    <a:pt x="34692" y="18853"/>
                    <a:pt x="35989" y="18204"/>
                  </a:cubicBezTo>
                  <a:cubicBezTo>
                    <a:pt x="36198" y="18100"/>
                    <a:pt x="36408" y="17995"/>
                    <a:pt x="36575" y="17869"/>
                  </a:cubicBezTo>
                  <a:cubicBezTo>
                    <a:pt x="37140" y="17304"/>
                    <a:pt x="37726" y="16740"/>
                    <a:pt x="38291" y="16154"/>
                  </a:cubicBezTo>
                  <a:cubicBezTo>
                    <a:pt x="38856" y="15568"/>
                    <a:pt x="39358" y="14856"/>
                    <a:pt x="39839" y="14166"/>
                  </a:cubicBezTo>
                  <a:cubicBezTo>
                    <a:pt x="40383" y="13371"/>
                    <a:pt x="40823" y="12492"/>
                    <a:pt x="41116" y="11550"/>
                  </a:cubicBezTo>
                  <a:cubicBezTo>
                    <a:pt x="41346" y="10797"/>
                    <a:pt x="41388" y="10023"/>
                    <a:pt x="40969" y="9291"/>
                  </a:cubicBezTo>
                  <a:cubicBezTo>
                    <a:pt x="40864" y="9102"/>
                    <a:pt x="40760" y="8893"/>
                    <a:pt x="40676" y="8684"/>
                  </a:cubicBezTo>
                  <a:cubicBezTo>
                    <a:pt x="40404" y="8140"/>
                    <a:pt x="40090" y="7575"/>
                    <a:pt x="39651" y="7156"/>
                  </a:cubicBezTo>
                  <a:cubicBezTo>
                    <a:pt x="38688" y="6278"/>
                    <a:pt x="37684" y="5420"/>
                    <a:pt x="36512" y="4792"/>
                  </a:cubicBezTo>
                  <a:cubicBezTo>
                    <a:pt x="35759" y="4374"/>
                    <a:pt x="35006" y="3955"/>
                    <a:pt x="34232" y="3495"/>
                  </a:cubicBezTo>
                  <a:cubicBezTo>
                    <a:pt x="33374" y="2972"/>
                    <a:pt x="32453" y="2595"/>
                    <a:pt x="31470" y="2323"/>
                  </a:cubicBezTo>
                  <a:cubicBezTo>
                    <a:pt x="30716" y="2114"/>
                    <a:pt x="29942" y="1905"/>
                    <a:pt x="29189" y="1758"/>
                  </a:cubicBezTo>
                  <a:cubicBezTo>
                    <a:pt x="27494" y="1382"/>
                    <a:pt x="25716" y="1214"/>
                    <a:pt x="23916" y="1382"/>
                  </a:cubicBezTo>
                  <a:close/>
                  <a:moveTo>
                    <a:pt x="18706" y="33165"/>
                  </a:moveTo>
                  <a:cubicBezTo>
                    <a:pt x="18999" y="33583"/>
                    <a:pt x="19439" y="33855"/>
                    <a:pt x="19878" y="34085"/>
                  </a:cubicBezTo>
                  <a:cubicBezTo>
                    <a:pt x="21154" y="34755"/>
                    <a:pt x="22514" y="35257"/>
                    <a:pt x="23916" y="35717"/>
                  </a:cubicBezTo>
                  <a:cubicBezTo>
                    <a:pt x="25109" y="36136"/>
                    <a:pt x="26343" y="36282"/>
                    <a:pt x="27620" y="36136"/>
                  </a:cubicBezTo>
                  <a:cubicBezTo>
                    <a:pt x="29461" y="35968"/>
                    <a:pt x="31302" y="35801"/>
                    <a:pt x="33144" y="35613"/>
                  </a:cubicBezTo>
                  <a:cubicBezTo>
                    <a:pt x="33960" y="35550"/>
                    <a:pt x="34734" y="35362"/>
                    <a:pt x="35445" y="34922"/>
                  </a:cubicBezTo>
                  <a:cubicBezTo>
                    <a:pt x="36512" y="34253"/>
                    <a:pt x="37621" y="33667"/>
                    <a:pt x="38626" y="32934"/>
                  </a:cubicBezTo>
                  <a:cubicBezTo>
                    <a:pt x="39714" y="32160"/>
                    <a:pt x="40634" y="31261"/>
                    <a:pt x="41660" y="30424"/>
                  </a:cubicBezTo>
                  <a:lnTo>
                    <a:pt x="41911" y="30172"/>
                  </a:lnTo>
                  <a:cubicBezTo>
                    <a:pt x="43940" y="28227"/>
                    <a:pt x="45007" y="25820"/>
                    <a:pt x="45196" y="23038"/>
                  </a:cubicBezTo>
                  <a:cubicBezTo>
                    <a:pt x="45321" y="20861"/>
                    <a:pt x="45091" y="18727"/>
                    <a:pt x="44526" y="16635"/>
                  </a:cubicBezTo>
                  <a:cubicBezTo>
                    <a:pt x="44129" y="15149"/>
                    <a:pt x="43438" y="13747"/>
                    <a:pt x="42434" y="12555"/>
                  </a:cubicBezTo>
                  <a:cubicBezTo>
                    <a:pt x="42329" y="12429"/>
                    <a:pt x="42183" y="12346"/>
                    <a:pt x="42036" y="12220"/>
                  </a:cubicBezTo>
                  <a:cubicBezTo>
                    <a:pt x="41932" y="12429"/>
                    <a:pt x="41848" y="12555"/>
                    <a:pt x="41806" y="12701"/>
                  </a:cubicBezTo>
                  <a:cubicBezTo>
                    <a:pt x="41660" y="13078"/>
                    <a:pt x="41618" y="13475"/>
                    <a:pt x="41429" y="13810"/>
                  </a:cubicBezTo>
                  <a:cubicBezTo>
                    <a:pt x="40948" y="14689"/>
                    <a:pt x="40425" y="15568"/>
                    <a:pt x="39902" y="16426"/>
                  </a:cubicBezTo>
                  <a:cubicBezTo>
                    <a:pt x="39755" y="16656"/>
                    <a:pt x="39546" y="16844"/>
                    <a:pt x="39358" y="17053"/>
                  </a:cubicBezTo>
                  <a:cubicBezTo>
                    <a:pt x="38542" y="17932"/>
                    <a:pt x="37579" y="18560"/>
                    <a:pt x="36512" y="19062"/>
                  </a:cubicBezTo>
                  <a:cubicBezTo>
                    <a:pt x="36094" y="19271"/>
                    <a:pt x="35780" y="19543"/>
                    <a:pt x="35654" y="20004"/>
                  </a:cubicBezTo>
                  <a:cubicBezTo>
                    <a:pt x="35508" y="20548"/>
                    <a:pt x="35236" y="21029"/>
                    <a:pt x="34838" y="21468"/>
                  </a:cubicBezTo>
                  <a:cubicBezTo>
                    <a:pt x="34713" y="21594"/>
                    <a:pt x="34566" y="21782"/>
                    <a:pt x="34525" y="21970"/>
                  </a:cubicBezTo>
                  <a:cubicBezTo>
                    <a:pt x="34399" y="22682"/>
                    <a:pt x="33918" y="23163"/>
                    <a:pt x="33457" y="23644"/>
                  </a:cubicBezTo>
                  <a:cubicBezTo>
                    <a:pt x="33018" y="24084"/>
                    <a:pt x="32495" y="24398"/>
                    <a:pt x="31805" y="24188"/>
                  </a:cubicBezTo>
                  <a:cubicBezTo>
                    <a:pt x="31533" y="24105"/>
                    <a:pt x="31260" y="24146"/>
                    <a:pt x="30968" y="24105"/>
                  </a:cubicBezTo>
                  <a:cubicBezTo>
                    <a:pt x="30570" y="24586"/>
                    <a:pt x="30214" y="25046"/>
                    <a:pt x="29838" y="25527"/>
                  </a:cubicBezTo>
                  <a:cubicBezTo>
                    <a:pt x="29294" y="26239"/>
                    <a:pt x="28561" y="26490"/>
                    <a:pt x="27703" y="26448"/>
                  </a:cubicBezTo>
                  <a:cubicBezTo>
                    <a:pt x="27431" y="26406"/>
                    <a:pt x="27159" y="26302"/>
                    <a:pt x="26908" y="26197"/>
                  </a:cubicBezTo>
                  <a:cubicBezTo>
                    <a:pt x="26657" y="26092"/>
                    <a:pt x="26678" y="25779"/>
                    <a:pt x="26574" y="25548"/>
                  </a:cubicBezTo>
                  <a:cubicBezTo>
                    <a:pt x="26574" y="25527"/>
                    <a:pt x="26553" y="25527"/>
                    <a:pt x="26469" y="25465"/>
                  </a:cubicBezTo>
                  <a:cubicBezTo>
                    <a:pt x="26364" y="25527"/>
                    <a:pt x="26239" y="25569"/>
                    <a:pt x="26155" y="25674"/>
                  </a:cubicBezTo>
                  <a:cubicBezTo>
                    <a:pt x="25548" y="26281"/>
                    <a:pt x="24837" y="26699"/>
                    <a:pt x="24084" y="27097"/>
                  </a:cubicBezTo>
                  <a:cubicBezTo>
                    <a:pt x="23874" y="27201"/>
                    <a:pt x="23665" y="27348"/>
                    <a:pt x="23519" y="27536"/>
                  </a:cubicBezTo>
                  <a:cubicBezTo>
                    <a:pt x="23310" y="27808"/>
                    <a:pt x="23038" y="27913"/>
                    <a:pt x="22703" y="27934"/>
                  </a:cubicBezTo>
                  <a:cubicBezTo>
                    <a:pt x="22473" y="27934"/>
                    <a:pt x="22263" y="27955"/>
                    <a:pt x="22033" y="27975"/>
                  </a:cubicBezTo>
                  <a:cubicBezTo>
                    <a:pt x="21761" y="27975"/>
                    <a:pt x="21615" y="27850"/>
                    <a:pt x="21531" y="27620"/>
                  </a:cubicBezTo>
                  <a:cubicBezTo>
                    <a:pt x="21468" y="27431"/>
                    <a:pt x="21447" y="27222"/>
                    <a:pt x="21426" y="27034"/>
                  </a:cubicBezTo>
                  <a:cubicBezTo>
                    <a:pt x="21385" y="26783"/>
                    <a:pt x="21343" y="26490"/>
                    <a:pt x="21280" y="26155"/>
                  </a:cubicBezTo>
                  <a:cubicBezTo>
                    <a:pt x="21050" y="26281"/>
                    <a:pt x="20861" y="26364"/>
                    <a:pt x="20736" y="26469"/>
                  </a:cubicBezTo>
                  <a:cubicBezTo>
                    <a:pt x="20338" y="26804"/>
                    <a:pt x="19962" y="27201"/>
                    <a:pt x="19564" y="27536"/>
                  </a:cubicBezTo>
                  <a:cubicBezTo>
                    <a:pt x="19292" y="27766"/>
                    <a:pt x="19041" y="28059"/>
                    <a:pt x="18706" y="28185"/>
                  </a:cubicBezTo>
                  <a:cubicBezTo>
                    <a:pt x="17995" y="28499"/>
                    <a:pt x="17242" y="28645"/>
                    <a:pt x="16551" y="28143"/>
                  </a:cubicBezTo>
                  <a:cubicBezTo>
                    <a:pt x="15589" y="27431"/>
                    <a:pt x="14584" y="26762"/>
                    <a:pt x="13915" y="25779"/>
                  </a:cubicBezTo>
                  <a:cubicBezTo>
                    <a:pt x="13057" y="25653"/>
                    <a:pt x="12199" y="25569"/>
                    <a:pt x="11383" y="25820"/>
                  </a:cubicBezTo>
                  <a:cubicBezTo>
                    <a:pt x="10776" y="26615"/>
                    <a:pt x="10714" y="27494"/>
                    <a:pt x="10923" y="28394"/>
                  </a:cubicBezTo>
                  <a:cubicBezTo>
                    <a:pt x="10986" y="28645"/>
                    <a:pt x="11090" y="28875"/>
                    <a:pt x="11111" y="29126"/>
                  </a:cubicBezTo>
                  <a:cubicBezTo>
                    <a:pt x="11216" y="30005"/>
                    <a:pt x="11655" y="30654"/>
                    <a:pt x="12325" y="31177"/>
                  </a:cubicBezTo>
                  <a:cubicBezTo>
                    <a:pt x="12994" y="31742"/>
                    <a:pt x="13685" y="32349"/>
                    <a:pt x="14563" y="32579"/>
                  </a:cubicBezTo>
                  <a:cubicBezTo>
                    <a:pt x="14626" y="32579"/>
                    <a:pt x="14668" y="32641"/>
                    <a:pt x="14731" y="32662"/>
                  </a:cubicBezTo>
                  <a:cubicBezTo>
                    <a:pt x="15170" y="33060"/>
                    <a:pt x="15693" y="33039"/>
                    <a:pt x="16237" y="32997"/>
                  </a:cubicBezTo>
                  <a:cubicBezTo>
                    <a:pt x="16551" y="32976"/>
                    <a:pt x="16865" y="32934"/>
                    <a:pt x="17158" y="33039"/>
                  </a:cubicBezTo>
                  <a:cubicBezTo>
                    <a:pt x="17681" y="33227"/>
                    <a:pt x="18183" y="33185"/>
                    <a:pt x="18706" y="33165"/>
                  </a:cubicBezTo>
                  <a:close/>
                  <a:moveTo>
                    <a:pt x="29315" y="52686"/>
                  </a:moveTo>
                  <a:cubicBezTo>
                    <a:pt x="29461" y="52854"/>
                    <a:pt x="29566" y="52916"/>
                    <a:pt x="29712" y="52916"/>
                  </a:cubicBezTo>
                  <a:cubicBezTo>
                    <a:pt x="30256" y="52979"/>
                    <a:pt x="30821" y="53042"/>
                    <a:pt x="31365" y="53147"/>
                  </a:cubicBezTo>
                  <a:cubicBezTo>
                    <a:pt x="31616" y="53209"/>
                    <a:pt x="31888" y="53335"/>
                    <a:pt x="32118" y="53460"/>
                  </a:cubicBezTo>
                  <a:cubicBezTo>
                    <a:pt x="32286" y="53565"/>
                    <a:pt x="32244" y="53900"/>
                    <a:pt x="32077" y="53963"/>
                  </a:cubicBezTo>
                  <a:cubicBezTo>
                    <a:pt x="31867" y="54025"/>
                    <a:pt x="31616" y="54067"/>
                    <a:pt x="31407" y="54025"/>
                  </a:cubicBezTo>
                  <a:cubicBezTo>
                    <a:pt x="30884" y="53984"/>
                    <a:pt x="30361" y="53879"/>
                    <a:pt x="29838" y="53795"/>
                  </a:cubicBezTo>
                  <a:cubicBezTo>
                    <a:pt x="29733" y="53774"/>
                    <a:pt x="29628" y="53816"/>
                    <a:pt x="29419" y="53858"/>
                  </a:cubicBezTo>
                  <a:cubicBezTo>
                    <a:pt x="29608" y="54004"/>
                    <a:pt x="29712" y="54151"/>
                    <a:pt x="29817" y="54151"/>
                  </a:cubicBezTo>
                  <a:cubicBezTo>
                    <a:pt x="30026" y="54172"/>
                    <a:pt x="30256" y="54109"/>
                    <a:pt x="30507" y="54109"/>
                  </a:cubicBezTo>
                  <a:cubicBezTo>
                    <a:pt x="30716" y="54109"/>
                    <a:pt x="30947" y="54109"/>
                    <a:pt x="31156" y="54172"/>
                  </a:cubicBezTo>
                  <a:cubicBezTo>
                    <a:pt x="31260" y="54193"/>
                    <a:pt x="31407" y="54360"/>
                    <a:pt x="31407" y="54465"/>
                  </a:cubicBezTo>
                  <a:cubicBezTo>
                    <a:pt x="31449" y="54569"/>
                    <a:pt x="31302" y="54716"/>
                    <a:pt x="31240" y="54800"/>
                  </a:cubicBezTo>
                  <a:cubicBezTo>
                    <a:pt x="31135" y="54862"/>
                    <a:pt x="30988" y="54925"/>
                    <a:pt x="30842" y="54946"/>
                  </a:cubicBezTo>
                  <a:cubicBezTo>
                    <a:pt x="30424" y="55009"/>
                    <a:pt x="30005" y="55051"/>
                    <a:pt x="29587" y="55093"/>
                  </a:cubicBezTo>
                  <a:cubicBezTo>
                    <a:pt x="29482" y="55093"/>
                    <a:pt x="29356" y="55093"/>
                    <a:pt x="29252" y="55030"/>
                  </a:cubicBezTo>
                  <a:cubicBezTo>
                    <a:pt x="28666" y="54800"/>
                    <a:pt x="28143" y="54444"/>
                    <a:pt x="27850" y="53879"/>
                  </a:cubicBezTo>
                  <a:cubicBezTo>
                    <a:pt x="27745" y="53691"/>
                    <a:pt x="27683" y="53481"/>
                    <a:pt x="27599" y="53293"/>
                  </a:cubicBezTo>
                  <a:cubicBezTo>
                    <a:pt x="26574" y="53147"/>
                    <a:pt x="25548" y="53021"/>
                    <a:pt x="24586" y="52854"/>
                  </a:cubicBezTo>
                  <a:cubicBezTo>
                    <a:pt x="23561" y="52707"/>
                    <a:pt x="22556" y="52540"/>
                    <a:pt x="21573" y="52184"/>
                  </a:cubicBezTo>
                  <a:cubicBezTo>
                    <a:pt x="21217" y="52833"/>
                    <a:pt x="21092" y="53502"/>
                    <a:pt x="20945" y="54172"/>
                  </a:cubicBezTo>
                  <a:cubicBezTo>
                    <a:pt x="21238" y="54548"/>
                    <a:pt x="21615" y="54695"/>
                    <a:pt x="21970" y="54820"/>
                  </a:cubicBezTo>
                  <a:cubicBezTo>
                    <a:pt x="23561" y="55365"/>
                    <a:pt x="25193" y="55741"/>
                    <a:pt x="26846" y="56076"/>
                  </a:cubicBezTo>
                  <a:cubicBezTo>
                    <a:pt x="27515" y="56222"/>
                    <a:pt x="28227" y="56264"/>
                    <a:pt x="28938" y="56201"/>
                  </a:cubicBezTo>
                  <a:cubicBezTo>
                    <a:pt x="29356" y="56160"/>
                    <a:pt x="29775" y="56160"/>
                    <a:pt x="30193" y="56118"/>
                  </a:cubicBezTo>
                  <a:cubicBezTo>
                    <a:pt x="31240" y="56097"/>
                    <a:pt x="32244" y="56118"/>
                    <a:pt x="33290" y="56055"/>
                  </a:cubicBezTo>
                  <a:cubicBezTo>
                    <a:pt x="35466" y="55888"/>
                    <a:pt x="37642" y="55637"/>
                    <a:pt x="39818" y="55469"/>
                  </a:cubicBezTo>
                  <a:cubicBezTo>
                    <a:pt x="40760" y="55385"/>
                    <a:pt x="41597" y="55030"/>
                    <a:pt x="42392" y="54590"/>
                  </a:cubicBezTo>
                  <a:cubicBezTo>
                    <a:pt x="42664" y="54444"/>
                    <a:pt x="42852" y="54256"/>
                    <a:pt x="42957" y="53984"/>
                  </a:cubicBezTo>
                  <a:cubicBezTo>
                    <a:pt x="43061" y="53670"/>
                    <a:pt x="43187" y="53356"/>
                    <a:pt x="43208" y="53021"/>
                  </a:cubicBezTo>
                  <a:cubicBezTo>
                    <a:pt x="43313" y="52184"/>
                    <a:pt x="43396" y="51347"/>
                    <a:pt x="43271" y="50510"/>
                  </a:cubicBezTo>
                  <a:cubicBezTo>
                    <a:pt x="43166" y="49799"/>
                    <a:pt x="43124" y="49108"/>
                    <a:pt x="43061" y="48418"/>
                  </a:cubicBezTo>
                  <a:cubicBezTo>
                    <a:pt x="43020" y="48125"/>
                    <a:pt x="42999" y="47832"/>
                    <a:pt x="42915" y="47581"/>
                  </a:cubicBezTo>
                  <a:cubicBezTo>
                    <a:pt x="42476" y="46116"/>
                    <a:pt x="42266" y="44568"/>
                    <a:pt x="41597" y="43145"/>
                  </a:cubicBezTo>
                  <a:cubicBezTo>
                    <a:pt x="41534" y="43040"/>
                    <a:pt x="41534" y="42936"/>
                    <a:pt x="41492" y="42831"/>
                  </a:cubicBezTo>
                  <a:cubicBezTo>
                    <a:pt x="41178" y="41848"/>
                    <a:pt x="40885" y="40844"/>
                    <a:pt x="40572" y="39881"/>
                  </a:cubicBezTo>
                  <a:cubicBezTo>
                    <a:pt x="40300" y="39044"/>
                    <a:pt x="40090" y="38207"/>
                    <a:pt x="39672" y="37454"/>
                  </a:cubicBezTo>
                  <a:cubicBezTo>
                    <a:pt x="39567" y="37266"/>
                    <a:pt x="39525" y="37035"/>
                    <a:pt x="39442" y="36826"/>
                  </a:cubicBezTo>
                  <a:cubicBezTo>
                    <a:pt x="39232" y="36094"/>
                    <a:pt x="38667" y="35069"/>
                    <a:pt x="38082" y="34462"/>
                  </a:cubicBezTo>
                  <a:cubicBezTo>
                    <a:pt x="37726" y="34734"/>
                    <a:pt x="37370" y="35027"/>
                    <a:pt x="36994" y="35236"/>
                  </a:cubicBezTo>
                  <a:cubicBezTo>
                    <a:pt x="36575" y="35466"/>
                    <a:pt x="36115" y="35654"/>
                    <a:pt x="35675" y="35801"/>
                  </a:cubicBezTo>
                  <a:cubicBezTo>
                    <a:pt x="35131" y="36010"/>
                    <a:pt x="34525" y="36094"/>
                    <a:pt x="34001" y="36366"/>
                  </a:cubicBezTo>
                  <a:cubicBezTo>
                    <a:pt x="33374" y="36680"/>
                    <a:pt x="32725" y="36701"/>
                    <a:pt x="32035" y="36742"/>
                  </a:cubicBezTo>
                  <a:cubicBezTo>
                    <a:pt x="30612" y="36889"/>
                    <a:pt x="29147" y="37014"/>
                    <a:pt x="27703" y="37140"/>
                  </a:cubicBezTo>
                  <a:cubicBezTo>
                    <a:pt x="27473" y="37161"/>
                    <a:pt x="27201" y="37140"/>
                    <a:pt x="26950" y="37370"/>
                  </a:cubicBezTo>
                  <a:cubicBezTo>
                    <a:pt x="26783" y="38165"/>
                    <a:pt x="26657" y="39023"/>
                    <a:pt x="26574" y="39881"/>
                  </a:cubicBezTo>
                  <a:cubicBezTo>
                    <a:pt x="26532" y="40467"/>
                    <a:pt x="26469" y="41074"/>
                    <a:pt x="26427" y="41639"/>
                  </a:cubicBezTo>
                  <a:cubicBezTo>
                    <a:pt x="26385" y="41952"/>
                    <a:pt x="26364" y="42245"/>
                    <a:pt x="26323" y="42559"/>
                  </a:cubicBezTo>
                  <a:cubicBezTo>
                    <a:pt x="26239" y="43313"/>
                    <a:pt x="26155" y="44045"/>
                    <a:pt x="26051" y="44798"/>
                  </a:cubicBezTo>
                  <a:cubicBezTo>
                    <a:pt x="26030" y="44965"/>
                    <a:pt x="26009" y="45154"/>
                    <a:pt x="25946" y="45300"/>
                  </a:cubicBezTo>
                  <a:cubicBezTo>
                    <a:pt x="25841" y="45677"/>
                    <a:pt x="25590" y="45928"/>
                    <a:pt x="25193" y="45991"/>
                  </a:cubicBezTo>
                  <a:cubicBezTo>
                    <a:pt x="24774" y="46033"/>
                    <a:pt x="24356" y="46053"/>
                    <a:pt x="23937" y="45949"/>
                  </a:cubicBezTo>
                  <a:lnTo>
                    <a:pt x="23540" y="45886"/>
                  </a:lnTo>
                  <a:cubicBezTo>
                    <a:pt x="22828" y="47183"/>
                    <a:pt x="21845" y="50301"/>
                    <a:pt x="21845" y="51180"/>
                  </a:cubicBezTo>
                  <a:cubicBezTo>
                    <a:pt x="22159" y="51284"/>
                    <a:pt x="22494" y="51452"/>
                    <a:pt x="22849" y="51494"/>
                  </a:cubicBezTo>
                  <a:cubicBezTo>
                    <a:pt x="24272" y="51787"/>
                    <a:pt x="25716" y="52059"/>
                    <a:pt x="27159" y="52310"/>
                  </a:cubicBezTo>
                  <a:cubicBezTo>
                    <a:pt x="27390" y="52372"/>
                    <a:pt x="27599" y="52331"/>
                    <a:pt x="27745" y="52121"/>
                  </a:cubicBezTo>
                  <a:cubicBezTo>
                    <a:pt x="28017" y="51787"/>
                    <a:pt x="28415" y="51703"/>
                    <a:pt x="28792" y="51682"/>
                  </a:cubicBezTo>
                  <a:cubicBezTo>
                    <a:pt x="29608" y="51640"/>
                    <a:pt x="30424" y="51556"/>
                    <a:pt x="31240" y="51494"/>
                  </a:cubicBezTo>
                  <a:lnTo>
                    <a:pt x="31658" y="51494"/>
                  </a:lnTo>
                  <a:cubicBezTo>
                    <a:pt x="31867" y="51535"/>
                    <a:pt x="32014" y="51682"/>
                    <a:pt x="32035" y="51870"/>
                  </a:cubicBezTo>
                  <a:cubicBezTo>
                    <a:pt x="32077" y="52059"/>
                    <a:pt x="31930" y="52247"/>
                    <a:pt x="31721" y="52310"/>
                  </a:cubicBezTo>
                  <a:cubicBezTo>
                    <a:pt x="31512" y="52372"/>
                    <a:pt x="31281" y="52393"/>
                    <a:pt x="31072" y="52414"/>
                  </a:cubicBezTo>
                  <a:cubicBezTo>
                    <a:pt x="30758" y="52435"/>
                    <a:pt x="30465" y="52477"/>
                    <a:pt x="30152" y="52519"/>
                  </a:cubicBezTo>
                  <a:cubicBezTo>
                    <a:pt x="29984" y="52603"/>
                    <a:pt x="29691" y="52624"/>
                    <a:pt x="29315" y="52686"/>
                  </a:cubicBezTo>
                  <a:close/>
                  <a:moveTo>
                    <a:pt x="22933" y="56285"/>
                  </a:moveTo>
                  <a:cubicBezTo>
                    <a:pt x="22786" y="56662"/>
                    <a:pt x="22619" y="56997"/>
                    <a:pt x="22494" y="57331"/>
                  </a:cubicBezTo>
                  <a:lnTo>
                    <a:pt x="21552" y="59842"/>
                  </a:lnTo>
                  <a:cubicBezTo>
                    <a:pt x="21154" y="60846"/>
                    <a:pt x="20778" y="61809"/>
                    <a:pt x="20380" y="62792"/>
                  </a:cubicBezTo>
                  <a:cubicBezTo>
                    <a:pt x="20213" y="63211"/>
                    <a:pt x="20087" y="63629"/>
                    <a:pt x="19983" y="64090"/>
                  </a:cubicBezTo>
                  <a:cubicBezTo>
                    <a:pt x="19878" y="64550"/>
                    <a:pt x="19794" y="65031"/>
                    <a:pt x="20004" y="65471"/>
                  </a:cubicBezTo>
                  <a:cubicBezTo>
                    <a:pt x="20087" y="65512"/>
                    <a:pt x="20171" y="65575"/>
                    <a:pt x="20213" y="65596"/>
                  </a:cubicBezTo>
                  <a:lnTo>
                    <a:pt x="24146" y="67082"/>
                  </a:lnTo>
                  <a:cubicBezTo>
                    <a:pt x="24356" y="67165"/>
                    <a:pt x="24586" y="67186"/>
                    <a:pt x="24795" y="67228"/>
                  </a:cubicBezTo>
                  <a:cubicBezTo>
                    <a:pt x="25109" y="67270"/>
                    <a:pt x="25423" y="67270"/>
                    <a:pt x="25716" y="67354"/>
                  </a:cubicBezTo>
                  <a:cubicBezTo>
                    <a:pt x="26427" y="67563"/>
                    <a:pt x="27159" y="67542"/>
                    <a:pt x="27892" y="67437"/>
                  </a:cubicBezTo>
                  <a:cubicBezTo>
                    <a:pt x="28038" y="67396"/>
                    <a:pt x="28227" y="67375"/>
                    <a:pt x="28373" y="67375"/>
                  </a:cubicBezTo>
                  <a:cubicBezTo>
                    <a:pt x="29043" y="67396"/>
                    <a:pt x="29398" y="67019"/>
                    <a:pt x="29733" y="66538"/>
                  </a:cubicBezTo>
                  <a:cubicBezTo>
                    <a:pt x="29838" y="66412"/>
                    <a:pt x="29921" y="66245"/>
                    <a:pt x="30005" y="66098"/>
                  </a:cubicBezTo>
                  <a:cubicBezTo>
                    <a:pt x="30256" y="65596"/>
                    <a:pt x="30528" y="65094"/>
                    <a:pt x="30821" y="64634"/>
                  </a:cubicBezTo>
                  <a:cubicBezTo>
                    <a:pt x="31365" y="63692"/>
                    <a:pt x="31700" y="62646"/>
                    <a:pt x="31825" y="61537"/>
                  </a:cubicBezTo>
                  <a:cubicBezTo>
                    <a:pt x="31867" y="61349"/>
                    <a:pt x="31909" y="61181"/>
                    <a:pt x="31993" y="60972"/>
                  </a:cubicBezTo>
                  <a:cubicBezTo>
                    <a:pt x="32097" y="60574"/>
                    <a:pt x="32411" y="60302"/>
                    <a:pt x="32746" y="60093"/>
                  </a:cubicBezTo>
                  <a:cubicBezTo>
                    <a:pt x="33018" y="59884"/>
                    <a:pt x="33290" y="59884"/>
                    <a:pt x="33604" y="59947"/>
                  </a:cubicBezTo>
                  <a:cubicBezTo>
                    <a:pt x="33855" y="59968"/>
                    <a:pt x="34106" y="59926"/>
                    <a:pt x="34378" y="59926"/>
                  </a:cubicBezTo>
                  <a:cubicBezTo>
                    <a:pt x="34629" y="59926"/>
                    <a:pt x="34859" y="59926"/>
                    <a:pt x="35131" y="59968"/>
                  </a:cubicBezTo>
                  <a:cubicBezTo>
                    <a:pt x="35320" y="59989"/>
                    <a:pt x="35382" y="60198"/>
                    <a:pt x="35278" y="60365"/>
                  </a:cubicBezTo>
                  <a:cubicBezTo>
                    <a:pt x="35173" y="60512"/>
                    <a:pt x="35048" y="60658"/>
                    <a:pt x="34922" y="60826"/>
                  </a:cubicBezTo>
                  <a:cubicBezTo>
                    <a:pt x="35215" y="61495"/>
                    <a:pt x="35487" y="62123"/>
                    <a:pt x="35780" y="62771"/>
                  </a:cubicBezTo>
                  <a:cubicBezTo>
                    <a:pt x="35968" y="63190"/>
                    <a:pt x="36198" y="63587"/>
                    <a:pt x="36303" y="64006"/>
                  </a:cubicBezTo>
                  <a:cubicBezTo>
                    <a:pt x="36429" y="64487"/>
                    <a:pt x="36742" y="64906"/>
                    <a:pt x="36952" y="65366"/>
                  </a:cubicBezTo>
                  <a:cubicBezTo>
                    <a:pt x="37098" y="65596"/>
                    <a:pt x="37328" y="65722"/>
                    <a:pt x="37559" y="65743"/>
                  </a:cubicBezTo>
                  <a:cubicBezTo>
                    <a:pt x="37726" y="65784"/>
                    <a:pt x="37893" y="65784"/>
                    <a:pt x="38061" y="65743"/>
                  </a:cubicBezTo>
                  <a:cubicBezTo>
                    <a:pt x="38981" y="65680"/>
                    <a:pt x="39881" y="65617"/>
                    <a:pt x="40802" y="65492"/>
                  </a:cubicBezTo>
                  <a:cubicBezTo>
                    <a:pt x="41304" y="65408"/>
                    <a:pt x="41764" y="65282"/>
                    <a:pt x="42266" y="65115"/>
                  </a:cubicBezTo>
                  <a:cubicBezTo>
                    <a:pt x="42894" y="64927"/>
                    <a:pt x="43522" y="64655"/>
                    <a:pt x="44149" y="64445"/>
                  </a:cubicBezTo>
                  <a:cubicBezTo>
                    <a:pt x="44380" y="64362"/>
                    <a:pt x="44631" y="64257"/>
                    <a:pt x="44798" y="64006"/>
                  </a:cubicBezTo>
                  <a:cubicBezTo>
                    <a:pt x="44693" y="63629"/>
                    <a:pt x="44568" y="63232"/>
                    <a:pt x="44484" y="62855"/>
                  </a:cubicBezTo>
                  <a:cubicBezTo>
                    <a:pt x="44233" y="61600"/>
                    <a:pt x="43836" y="60365"/>
                    <a:pt x="43375" y="59152"/>
                  </a:cubicBezTo>
                  <a:cubicBezTo>
                    <a:pt x="43103" y="58482"/>
                    <a:pt x="42894" y="57771"/>
                    <a:pt x="42664" y="57101"/>
                  </a:cubicBezTo>
                  <a:cubicBezTo>
                    <a:pt x="42538" y="56725"/>
                    <a:pt x="42496" y="56327"/>
                    <a:pt x="42245" y="55992"/>
                  </a:cubicBezTo>
                  <a:cubicBezTo>
                    <a:pt x="42120" y="56013"/>
                    <a:pt x="41973" y="56055"/>
                    <a:pt x="41911" y="56076"/>
                  </a:cubicBezTo>
                  <a:cubicBezTo>
                    <a:pt x="41304" y="56390"/>
                    <a:pt x="40655" y="56494"/>
                    <a:pt x="39965" y="56536"/>
                  </a:cubicBezTo>
                  <a:cubicBezTo>
                    <a:pt x="37684" y="56745"/>
                    <a:pt x="35382" y="56955"/>
                    <a:pt x="33123" y="57164"/>
                  </a:cubicBezTo>
                  <a:cubicBezTo>
                    <a:pt x="32537" y="57227"/>
                    <a:pt x="31930" y="57248"/>
                    <a:pt x="31365" y="57269"/>
                  </a:cubicBezTo>
                  <a:cubicBezTo>
                    <a:pt x="30507" y="57310"/>
                    <a:pt x="29628" y="57269"/>
                    <a:pt x="28771" y="57331"/>
                  </a:cubicBezTo>
                  <a:cubicBezTo>
                    <a:pt x="27431" y="57415"/>
                    <a:pt x="26155" y="57101"/>
                    <a:pt x="24900" y="56725"/>
                  </a:cubicBezTo>
                  <a:cubicBezTo>
                    <a:pt x="24335" y="56306"/>
                    <a:pt x="23665" y="56348"/>
                    <a:pt x="22933" y="56285"/>
                  </a:cubicBezTo>
                  <a:close/>
                  <a:moveTo>
                    <a:pt x="9646" y="14856"/>
                  </a:moveTo>
                  <a:cubicBezTo>
                    <a:pt x="9207" y="14815"/>
                    <a:pt x="8956" y="14982"/>
                    <a:pt x="8684" y="15128"/>
                  </a:cubicBezTo>
                  <a:cubicBezTo>
                    <a:pt x="7115" y="15861"/>
                    <a:pt x="5608" y="16656"/>
                    <a:pt x="4143" y="17597"/>
                  </a:cubicBezTo>
                  <a:cubicBezTo>
                    <a:pt x="3307" y="18162"/>
                    <a:pt x="2511" y="18811"/>
                    <a:pt x="1842" y="19543"/>
                  </a:cubicBezTo>
                  <a:cubicBezTo>
                    <a:pt x="1444" y="19941"/>
                    <a:pt x="1235" y="20401"/>
                    <a:pt x="1235" y="20987"/>
                  </a:cubicBezTo>
                  <a:cubicBezTo>
                    <a:pt x="1235" y="21259"/>
                    <a:pt x="1256" y="21531"/>
                    <a:pt x="1256" y="21824"/>
                  </a:cubicBezTo>
                  <a:cubicBezTo>
                    <a:pt x="1256" y="22410"/>
                    <a:pt x="1570" y="22870"/>
                    <a:pt x="2051" y="23226"/>
                  </a:cubicBezTo>
                  <a:cubicBezTo>
                    <a:pt x="2511" y="23582"/>
                    <a:pt x="3035" y="23854"/>
                    <a:pt x="3641" y="23958"/>
                  </a:cubicBezTo>
                  <a:cubicBezTo>
                    <a:pt x="4604" y="24146"/>
                    <a:pt x="5566" y="24251"/>
                    <a:pt x="6550" y="24377"/>
                  </a:cubicBezTo>
                  <a:cubicBezTo>
                    <a:pt x="6905" y="24439"/>
                    <a:pt x="7240" y="24356"/>
                    <a:pt x="7596" y="24586"/>
                  </a:cubicBezTo>
                  <a:cubicBezTo>
                    <a:pt x="7721" y="24690"/>
                    <a:pt x="7952" y="24607"/>
                    <a:pt x="8161" y="24607"/>
                  </a:cubicBezTo>
                  <a:cubicBezTo>
                    <a:pt x="8851" y="24565"/>
                    <a:pt x="9500" y="24481"/>
                    <a:pt x="10169" y="24439"/>
                  </a:cubicBezTo>
                  <a:cubicBezTo>
                    <a:pt x="10379" y="24398"/>
                    <a:pt x="10630" y="24377"/>
                    <a:pt x="10839" y="24439"/>
                  </a:cubicBezTo>
                  <a:cubicBezTo>
                    <a:pt x="11153" y="24502"/>
                    <a:pt x="11425" y="24544"/>
                    <a:pt x="11718" y="24460"/>
                  </a:cubicBezTo>
                  <a:cubicBezTo>
                    <a:pt x="12011" y="24377"/>
                    <a:pt x="12304" y="24356"/>
                    <a:pt x="12680" y="24272"/>
                  </a:cubicBezTo>
                  <a:cubicBezTo>
                    <a:pt x="11592" y="22912"/>
                    <a:pt x="10902" y="21426"/>
                    <a:pt x="10358" y="19878"/>
                  </a:cubicBezTo>
                  <a:cubicBezTo>
                    <a:pt x="9730" y="18267"/>
                    <a:pt x="9605" y="16593"/>
                    <a:pt x="9646" y="14856"/>
                  </a:cubicBezTo>
                  <a:close/>
                  <a:moveTo>
                    <a:pt x="19041" y="43354"/>
                  </a:moveTo>
                  <a:cubicBezTo>
                    <a:pt x="19732" y="43752"/>
                    <a:pt x="20359" y="44024"/>
                    <a:pt x="21050" y="44129"/>
                  </a:cubicBezTo>
                  <a:cubicBezTo>
                    <a:pt x="21426" y="44170"/>
                    <a:pt x="21761" y="44254"/>
                    <a:pt x="22054" y="44547"/>
                  </a:cubicBezTo>
                  <a:cubicBezTo>
                    <a:pt x="22284" y="44756"/>
                    <a:pt x="22577" y="44861"/>
                    <a:pt x="22891" y="44861"/>
                  </a:cubicBezTo>
                  <a:cubicBezTo>
                    <a:pt x="23519" y="44882"/>
                    <a:pt x="24167" y="44924"/>
                    <a:pt x="24795" y="44965"/>
                  </a:cubicBezTo>
                  <a:cubicBezTo>
                    <a:pt x="24900" y="44965"/>
                    <a:pt x="25004" y="44903"/>
                    <a:pt x="25109" y="44861"/>
                  </a:cubicBezTo>
                  <a:cubicBezTo>
                    <a:pt x="25172" y="44673"/>
                    <a:pt x="25193" y="44526"/>
                    <a:pt x="25214" y="44338"/>
                  </a:cubicBezTo>
                  <a:cubicBezTo>
                    <a:pt x="25318" y="43396"/>
                    <a:pt x="25444" y="42455"/>
                    <a:pt x="25548" y="41513"/>
                  </a:cubicBezTo>
                  <a:cubicBezTo>
                    <a:pt x="25632" y="40864"/>
                    <a:pt x="25716" y="40174"/>
                    <a:pt x="25737" y="39525"/>
                  </a:cubicBezTo>
                  <a:cubicBezTo>
                    <a:pt x="25758" y="39002"/>
                    <a:pt x="25716" y="38479"/>
                    <a:pt x="25799" y="37935"/>
                  </a:cubicBezTo>
                  <a:cubicBezTo>
                    <a:pt x="25820" y="37831"/>
                    <a:pt x="25737" y="37663"/>
                    <a:pt x="25695" y="37538"/>
                  </a:cubicBezTo>
                  <a:cubicBezTo>
                    <a:pt x="24983" y="37517"/>
                    <a:pt x="24335" y="37579"/>
                    <a:pt x="23728" y="37893"/>
                  </a:cubicBezTo>
                  <a:cubicBezTo>
                    <a:pt x="22912" y="38312"/>
                    <a:pt x="22033" y="38584"/>
                    <a:pt x="21468" y="39400"/>
                  </a:cubicBezTo>
                  <a:cubicBezTo>
                    <a:pt x="21364" y="39525"/>
                    <a:pt x="21217" y="39609"/>
                    <a:pt x="21113" y="39735"/>
                  </a:cubicBezTo>
                  <a:cubicBezTo>
                    <a:pt x="20861" y="39965"/>
                    <a:pt x="20673" y="40216"/>
                    <a:pt x="20443" y="40488"/>
                  </a:cubicBezTo>
                  <a:cubicBezTo>
                    <a:pt x="20276" y="40697"/>
                    <a:pt x="20150" y="40948"/>
                    <a:pt x="19983" y="41178"/>
                  </a:cubicBezTo>
                  <a:cubicBezTo>
                    <a:pt x="19481" y="41827"/>
                    <a:pt x="19208" y="42538"/>
                    <a:pt x="19041" y="43354"/>
                  </a:cubicBezTo>
                  <a:close/>
                  <a:moveTo>
                    <a:pt x="42224" y="41136"/>
                  </a:moveTo>
                  <a:cubicBezTo>
                    <a:pt x="42957" y="41095"/>
                    <a:pt x="43375" y="40655"/>
                    <a:pt x="43857" y="40362"/>
                  </a:cubicBezTo>
                  <a:cubicBezTo>
                    <a:pt x="44380" y="40069"/>
                    <a:pt x="44882" y="39755"/>
                    <a:pt x="45363" y="39421"/>
                  </a:cubicBezTo>
                  <a:cubicBezTo>
                    <a:pt x="45823" y="39086"/>
                    <a:pt x="46367" y="38835"/>
                    <a:pt x="46744" y="38416"/>
                  </a:cubicBezTo>
                  <a:cubicBezTo>
                    <a:pt x="46681" y="38312"/>
                    <a:pt x="46681" y="38270"/>
                    <a:pt x="46660" y="38207"/>
                  </a:cubicBezTo>
                  <a:cubicBezTo>
                    <a:pt x="45991" y="37517"/>
                    <a:pt x="45300" y="36826"/>
                    <a:pt x="44610" y="36115"/>
                  </a:cubicBezTo>
                  <a:cubicBezTo>
                    <a:pt x="44505" y="36010"/>
                    <a:pt x="44401" y="35947"/>
                    <a:pt x="44275" y="35864"/>
                  </a:cubicBezTo>
                  <a:cubicBezTo>
                    <a:pt x="42936" y="34964"/>
                    <a:pt x="41534" y="34274"/>
                    <a:pt x="40048" y="33688"/>
                  </a:cubicBezTo>
                  <a:cubicBezTo>
                    <a:pt x="39860" y="33604"/>
                    <a:pt x="39672" y="33562"/>
                    <a:pt x="39483" y="33541"/>
                  </a:cubicBezTo>
                  <a:cubicBezTo>
                    <a:pt x="39421" y="33541"/>
                    <a:pt x="39316" y="33604"/>
                    <a:pt x="39191" y="33667"/>
                  </a:cubicBezTo>
                  <a:cubicBezTo>
                    <a:pt x="39881" y="34608"/>
                    <a:pt x="40383" y="35571"/>
                    <a:pt x="40634" y="36680"/>
                  </a:cubicBezTo>
                  <a:cubicBezTo>
                    <a:pt x="40697" y="36910"/>
                    <a:pt x="40823" y="37140"/>
                    <a:pt x="40927" y="37349"/>
                  </a:cubicBezTo>
                  <a:cubicBezTo>
                    <a:pt x="41011" y="37538"/>
                    <a:pt x="41116" y="37684"/>
                    <a:pt x="41157" y="37872"/>
                  </a:cubicBezTo>
                  <a:cubicBezTo>
                    <a:pt x="41408" y="38626"/>
                    <a:pt x="41639" y="39421"/>
                    <a:pt x="41869" y="40195"/>
                  </a:cubicBezTo>
                  <a:cubicBezTo>
                    <a:pt x="41973" y="40509"/>
                    <a:pt x="42078" y="40802"/>
                    <a:pt x="42224" y="41136"/>
                  </a:cubicBezTo>
                  <a:close/>
                  <a:moveTo>
                    <a:pt x="47204" y="77481"/>
                  </a:moveTo>
                  <a:cubicBezTo>
                    <a:pt x="47434" y="77481"/>
                    <a:pt x="47623" y="77502"/>
                    <a:pt x="47811" y="77439"/>
                  </a:cubicBezTo>
                  <a:cubicBezTo>
                    <a:pt x="48313" y="77334"/>
                    <a:pt x="48774" y="77230"/>
                    <a:pt x="49276" y="77083"/>
                  </a:cubicBezTo>
                  <a:cubicBezTo>
                    <a:pt x="50427" y="76707"/>
                    <a:pt x="51494" y="76163"/>
                    <a:pt x="52477" y="75430"/>
                  </a:cubicBezTo>
                  <a:cubicBezTo>
                    <a:pt x="53335" y="74782"/>
                    <a:pt x="53795" y="73966"/>
                    <a:pt x="53753" y="72836"/>
                  </a:cubicBezTo>
                  <a:cubicBezTo>
                    <a:pt x="53712" y="72292"/>
                    <a:pt x="53481" y="72041"/>
                    <a:pt x="52937" y="71999"/>
                  </a:cubicBezTo>
                  <a:lnTo>
                    <a:pt x="52519" y="71999"/>
                  </a:lnTo>
                  <a:cubicBezTo>
                    <a:pt x="50866" y="72166"/>
                    <a:pt x="49569" y="72898"/>
                    <a:pt x="48564" y="74259"/>
                  </a:cubicBezTo>
                  <a:cubicBezTo>
                    <a:pt x="48041" y="74991"/>
                    <a:pt x="47686" y="75807"/>
                    <a:pt x="47225" y="76581"/>
                  </a:cubicBezTo>
                  <a:cubicBezTo>
                    <a:pt x="47079" y="76853"/>
                    <a:pt x="47100" y="77104"/>
                    <a:pt x="47204" y="77481"/>
                  </a:cubicBezTo>
                  <a:close/>
                  <a:moveTo>
                    <a:pt x="27599" y="25486"/>
                  </a:moveTo>
                  <a:cubicBezTo>
                    <a:pt x="28227" y="25653"/>
                    <a:pt x="28666" y="25444"/>
                    <a:pt x="29001" y="25046"/>
                  </a:cubicBezTo>
                  <a:cubicBezTo>
                    <a:pt x="29461" y="24565"/>
                    <a:pt x="29880" y="24042"/>
                    <a:pt x="30298" y="23519"/>
                  </a:cubicBezTo>
                  <a:cubicBezTo>
                    <a:pt x="30570" y="23142"/>
                    <a:pt x="30863" y="22933"/>
                    <a:pt x="31365" y="23142"/>
                  </a:cubicBezTo>
                  <a:cubicBezTo>
                    <a:pt x="31574" y="23247"/>
                    <a:pt x="31867" y="23247"/>
                    <a:pt x="32097" y="23289"/>
                  </a:cubicBezTo>
                  <a:cubicBezTo>
                    <a:pt x="32244" y="23289"/>
                    <a:pt x="32432" y="23247"/>
                    <a:pt x="32558" y="23184"/>
                  </a:cubicBezTo>
                  <a:cubicBezTo>
                    <a:pt x="32976" y="22891"/>
                    <a:pt x="33374" y="22494"/>
                    <a:pt x="33478" y="22033"/>
                  </a:cubicBezTo>
                  <a:cubicBezTo>
                    <a:pt x="33604" y="21468"/>
                    <a:pt x="33918" y="21092"/>
                    <a:pt x="34273" y="20673"/>
                  </a:cubicBezTo>
                  <a:cubicBezTo>
                    <a:pt x="34336" y="20569"/>
                    <a:pt x="34483" y="20464"/>
                    <a:pt x="34315" y="20276"/>
                  </a:cubicBezTo>
                  <a:cubicBezTo>
                    <a:pt x="34169" y="20359"/>
                    <a:pt x="33981" y="20401"/>
                    <a:pt x="33813" y="20485"/>
                  </a:cubicBezTo>
                  <a:cubicBezTo>
                    <a:pt x="32621" y="21133"/>
                    <a:pt x="31365" y="21657"/>
                    <a:pt x="30047" y="22096"/>
                  </a:cubicBezTo>
                  <a:cubicBezTo>
                    <a:pt x="29084" y="22452"/>
                    <a:pt x="28122" y="22786"/>
                    <a:pt x="27159" y="23142"/>
                  </a:cubicBezTo>
                  <a:cubicBezTo>
                    <a:pt x="26783" y="23289"/>
                    <a:pt x="26385" y="23414"/>
                    <a:pt x="26113" y="23644"/>
                  </a:cubicBezTo>
                  <a:cubicBezTo>
                    <a:pt x="25904" y="23833"/>
                    <a:pt x="25716" y="23937"/>
                    <a:pt x="25444" y="23937"/>
                  </a:cubicBezTo>
                  <a:cubicBezTo>
                    <a:pt x="24356" y="24021"/>
                    <a:pt x="23330" y="24460"/>
                    <a:pt x="22284" y="24670"/>
                  </a:cubicBezTo>
                  <a:cubicBezTo>
                    <a:pt x="22159" y="24690"/>
                    <a:pt x="22054" y="24774"/>
                    <a:pt x="21929" y="24858"/>
                  </a:cubicBezTo>
                  <a:cubicBezTo>
                    <a:pt x="22494" y="25486"/>
                    <a:pt x="22138" y="26343"/>
                    <a:pt x="22494" y="27076"/>
                  </a:cubicBezTo>
                  <a:cubicBezTo>
                    <a:pt x="22619" y="26992"/>
                    <a:pt x="22786" y="26971"/>
                    <a:pt x="22870" y="26867"/>
                  </a:cubicBezTo>
                  <a:cubicBezTo>
                    <a:pt x="23100" y="26574"/>
                    <a:pt x="23414" y="26385"/>
                    <a:pt x="23749" y="26239"/>
                  </a:cubicBezTo>
                  <a:cubicBezTo>
                    <a:pt x="24398" y="25925"/>
                    <a:pt x="25004" y="25527"/>
                    <a:pt x="25548" y="25004"/>
                  </a:cubicBezTo>
                  <a:cubicBezTo>
                    <a:pt x="25841" y="24753"/>
                    <a:pt x="26155" y="24502"/>
                    <a:pt x="26469" y="24272"/>
                  </a:cubicBezTo>
                  <a:cubicBezTo>
                    <a:pt x="26971" y="23937"/>
                    <a:pt x="27390" y="24146"/>
                    <a:pt x="27494" y="24753"/>
                  </a:cubicBezTo>
                  <a:cubicBezTo>
                    <a:pt x="27515" y="24983"/>
                    <a:pt x="27536" y="25193"/>
                    <a:pt x="27599" y="25486"/>
                  </a:cubicBezTo>
                  <a:close/>
                  <a:moveTo>
                    <a:pt x="18644" y="74886"/>
                  </a:moveTo>
                  <a:cubicBezTo>
                    <a:pt x="17848" y="75221"/>
                    <a:pt x="17493" y="75870"/>
                    <a:pt x="17430" y="76707"/>
                  </a:cubicBezTo>
                  <a:cubicBezTo>
                    <a:pt x="17284" y="77816"/>
                    <a:pt x="17388" y="78883"/>
                    <a:pt x="17535" y="79992"/>
                  </a:cubicBezTo>
                  <a:cubicBezTo>
                    <a:pt x="17597" y="80745"/>
                    <a:pt x="17911" y="81373"/>
                    <a:pt x="18434" y="81917"/>
                  </a:cubicBezTo>
                  <a:cubicBezTo>
                    <a:pt x="18706" y="82210"/>
                    <a:pt x="19020" y="82335"/>
                    <a:pt x="19376" y="82377"/>
                  </a:cubicBezTo>
                  <a:cubicBezTo>
                    <a:pt x="19773" y="82419"/>
                    <a:pt x="19962" y="82314"/>
                    <a:pt x="20108" y="81958"/>
                  </a:cubicBezTo>
                  <a:cubicBezTo>
                    <a:pt x="20297" y="81519"/>
                    <a:pt x="20359" y="81059"/>
                    <a:pt x="20317" y="80577"/>
                  </a:cubicBezTo>
                  <a:cubicBezTo>
                    <a:pt x="20213" y="79343"/>
                    <a:pt x="20087" y="78129"/>
                    <a:pt x="20004" y="76895"/>
                  </a:cubicBezTo>
                  <a:cubicBezTo>
                    <a:pt x="19962" y="76351"/>
                    <a:pt x="19962" y="75786"/>
                    <a:pt x="19941" y="75221"/>
                  </a:cubicBezTo>
                  <a:cubicBezTo>
                    <a:pt x="19146" y="75137"/>
                    <a:pt x="19146" y="75137"/>
                    <a:pt x="18644" y="74886"/>
                  </a:cubicBezTo>
                  <a:close/>
                  <a:moveTo>
                    <a:pt x="15379" y="25904"/>
                  </a:moveTo>
                  <a:cubicBezTo>
                    <a:pt x="15882" y="26469"/>
                    <a:pt x="16488" y="26887"/>
                    <a:pt x="17074" y="27285"/>
                  </a:cubicBezTo>
                  <a:cubicBezTo>
                    <a:pt x="17535" y="27599"/>
                    <a:pt x="17974" y="27599"/>
                    <a:pt x="18392" y="27243"/>
                  </a:cubicBezTo>
                  <a:cubicBezTo>
                    <a:pt x="18727" y="26971"/>
                    <a:pt x="19062" y="26678"/>
                    <a:pt x="19355" y="26343"/>
                  </a:cubicBezTo>
                  <a:cubicBezTo>
                    <a:pt x="19753" y="25883"/>
                    <a:pt x="20171" y="25507"/>
                    <a:pt x="20715" y="25235"/>
                  </a:cubicBezTo>
                  <a:cubicBezTo>
                    <a:pt x="20820" y="25193"/>
                    <a:pt x="20924" y="25151"/>
                    <a:pt x="20820" y="24942"/>
                  </a:cubicBezTo>
                  <a:cubicBezTo>
                    <a:pt x="20338" y="24942"/>
                    <a:pt x="19857" y="24921"/>
                    <a:pt x="19355" y="24983"/>
                  </a:cubicBezTo>
                  <a:cubicBezTo>
                    <a:pt x="18497" y="25109"/>
                    <a:pt x="17639" y="25193"/>
                    <a:pt x="16760" y="25130"/>
                  </a:cubicBezTo>
                  <a:cubicBezTo>
                    <a:pt x="16342" y="25109"/>
                    <a:pt x="15923" y="25172"/>
                    <a:pt x="15568" y="25360"/>
                  </a:cubicBezTo>
                  <a:cubicBezTo>
                    <a:pt x="15505" y="25402"/>
                    <a:pt x="15484" y="25444"/>
                    <a:pt x="15442" y="25507"/>
                  </a:cubicBezTo>
                  <a:cubicBezTo>
                    <a:pt x="15400" y="25632"/>
                    <a:pt x="15400" y="25758"/>
                    <a:pt x="15379" y="25904"/>
                  </a:cubicBezTo>
                  <a:close/>
                  <a:moveTo>
                    <a:pt x="21259" y="45279"/>
                  </a:moveTo>
                  <a:cubicBezTo>
                    <a:pt x="20422" y="45928"/>
                    <a:pt x="20401" y="45991"/>
                    <a:pt x="20171" y="46890"/>
                  </a:cubicBezTo>
                  <a:cubicBezTo>
                    <a:pt x="20108" y="47142"/>
                    <a:pt x="20066" y="47393"/>
                    <a:pt x="19983" y="47623"/>
                  </a:cubicBezTo>
                  <a:cubicBezTo>
                    <a:pt x="19732" y="48313"/>
                    <a:pt x="19878" y="48962"/>
                    <a:pt x="20108" y="49590"/>
                  </a:cubicBezTo>
                  <a:cubicBezTo>
                    <a:pt x="20255" y="49924"/>
                    <a:pt x="20464" y="50280"/>
                    <a:pt x="20882" y="50406"/>
                  </a:cubicBezTo>
                  <a:cubicBezTo>
                    <a:pt x="21426" y="48836"/>
                    <a:pt x="21949" y="47309"/>
                    <a:pt x="22452" y="45802"/>
                  </a:cubicBezTo>
                  <a:cubicBezTo>
                    <a:pt x="22473" y="45740"/>
                    <a:pt x="22410" y="45698"/>
                    <a:pt x="22389" y="45593"/>
                  </a:cubicBezTo>
                  <a:cubicBezTo>
                    <a:pt x="22054" y="45447"/>
                    <a:pt x="21657" y="45363"/>
                    <a:pt x="21259" y="45279"/>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283" name="Google Shape;2283;p74"/>
            <p:cNvSpPr/>
            <p:nvPr/>
          </p:nvSpPr>
          <p:spPr>
            <a:xfrm>
              <a:off x="6581050" y="2510350"/>
              <a:ext cx="226525" cy="207175"/>
            </a:xfrm>
            <a:custGeom>
              <a:avLst/>
              <a:gdLst/>
              <a:ahLst/>
              <a:cxnLst/>
              <a:rect l="l" t="t" r="r" b="b"/>
              <a:pathLst>
                <a:path w="9061" h="8287" extrusionOk="0">
                  <a:moveTo>
                    <a:pt x="9019" y="4248"/>
                  </a:moveTo>
                  <a:cubicBezTo>
                    <a:pt x="8517" y="4520"/>
                    <a:pt x="8098" y="4897"/>
                    <a:pt x="7659" y="5273"/>
                  </a:cubicBezTo>
                  <a:cubicBezTo>
                    <a:pt x="6383" y="6403"/>
                    <a:pt x="5023" y="7408"/>
                    <a:pt x="3349" y="7910"/>
                  </a:cubicBezTo>
                  <a:cubicBezTo>
                    <a:pt x="2763" y="8077"/>
                    <a:pt x="2135" y="8140"/>
                    <a:pt x="1528" y="8224"/>
                  </a:cubicBezTo>
                  <a:cubicBezTo>
                    <a:pt x="942" y="8286"/>
                    <a:pt x="545" y="7931"/>
                    <a:pt x="377" y="7366"/>
                  </a:cubicBezTo>
                  <a:cubicBezTo>
                    <a:pt x="357" y="7240"/>
                    <a:pt x="357" y="7073"/>
                    <a:pt x="336" y="6947"/>
                  </a:cubicBezTo>
                  <a:cubicBezTo>
                    <a:pt x="252" y="6278"/>
                    <a:pt x="147" y="5608"/>
                    <a:pt x="43" y="4960"/>
                  </a:cubicBezTo>
                  <a:cubicBezTo>
                    <a:pt x="1" y="4541"/>
                    <a:pt x="64" y="4227"/>
                    <a:pt x="482" y="3976"/>
                  </a:cubicBezTo>
                  <a:cubicBezTo>
                    <a:pt x="880" y="3767"/>
                    <a:pt x="1214" y="3537"/>
                    <a:pt x="1696" y="3453"/>
                  </a:cubicBezTo>
                  <a:cubicBezTo>
                    <a:pt x="2114" y="3390"/>
                    <a:pt x="2533" y="3139"/>
                    <a:pt x="2930" y="2930"/>
                  </a:cubicBezTo>
                  <a:cubicBezTo>
                    <a:pt x="3893" y="2407"/>
                    <a:pt x="4730" y="1737"/>
                    <a:pt x="5567" y="1026"/>
                  </a:cubicBezTo>
                  <a:cubicBezTo>
                    <a:pt x="5880" y="775"/>
                    <a:pt x="6194" y="482"/>
                    <a:pt x="6529" y="210"/>
                  </a:cubicBezTo>
                  <a:cubicBezTo>
                    <a:pt x="6822" y="1"/>
                    <a:pt x="7136" y="1"/>
                    <a:pt x="7345" y="294"/>
                  </a:cubicBezTo>
                  <a:cubicBezTo>
                    <a:pt x="8203" y="1423"/>
                    <a:pt x="8872" y="2616"/>
                    <a:pt x="9040" y="4060"/>
                  </a:cubicBezTo>
                  <a:cubicBezTo>
                    <a:pt x="9061" y="4102"/>
                    <a:pt x="9040" y="4144"/>
                    <a:pt x="9019" y="4248"/>
                  </a:cubicBezTo>
                  <a:close/>
                  <a:moveTo>
                    <a:pt x="8015" y="3830"/>
                  </a:moveTo>
                  <a:cubicBezTo>
                    <a:pt x="7868" y="2783"/>
                    <a:pt x="7366" y="1758"/>
                    <a:pt x="6759" y="1193"/>
                  </a:cubicBezTo>
                  <a:cubicBezTo>
                    <a:pt x="6550" y="1361"/>
                    <a:pt x="6341" y="1549"/>
                    <a:pt x="6131" y="1716"/>
                  </a:cubicBezTo>
                  <a:cubicBezTo>
                    <a:pt x="5608" y="2135"/>
                    <a:pt x="5106" y="2574"/>
                    <a:pt x="4562" y="2972"/>
                  </a:cubicBezTo>
                  <a:cubicBezTo>
                    <a:pt x="3600" y="3662"/>
                    <a:pt x="2595" y="4248"/>
                    <a:pt x="1424" y="4478"/>
                  </a:cubicBezTo>
                  <a:cubicBezTo>
                    <a:pt x="1340" y="4520"/>
                    <a:pt x="1277" y="4562"/>
                    <a:pt x="1193" y="4583"/>
                  </a:cubicBezTo>
                  <a:cubicBezTo>
                    <a:pt x="1005" y="5022"/>
                    <a:pt x="1173" y="5483"/>
                    <a:pt x="1214" y="5922"/>
                  </a:cubicBezTo>
                  <a:cubicBezTo>
                    <a:pt x="1277" y="6341"/>
                    <a:pt x="1173" y="6801"/>
                    <a:pt x="1507" y="7177"/>
                  </a:cubicBezTo>
                  <a:cubicBezTo>
                    <a:pt x="1968" y="7240"/>
                    <a:pt x="2386" y="7136"/>
                    <a:pt x="2805" y="6926"/>
                  </a:cubicBezTo>
                  <a:cubicBezTo>
                    <a:pt x="3202" y="6738"/>
                    <a:pt x="3642" y="6571"/>
                    <a:pt x="4060" y="6508"/>
                  </a:cubicBezTo>
                  <a:cubicBezTo>
                    <a:pt x="4458" y="6424"/>
                    <a:pt x="4813" y="6236"/>
                    <a:pt x="5148" y="6048"/>
                  </a:cubicBezTo>
                  <a:cubicBezTo>
                    <a:pt x="6194" y="5420"/>
                    <a:pt x="7073" y="4625"/>
                    <a:pt x="8015" y="3830"/>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284" name="Google Shape;2284;p74"/>
            <p:cNvSpPr/>
            <p:nvPr/>
          </p:nvSpPr>
          <p:spPr>
            <a:xfrm>
              <a:off x="6694575" y="2867100"/>
              <a:ext cx="237500" cy="181550"/>
            </a:xfrm>
            <a:custGeom>
              <a:avLst/>
              <a:gdLst/>
              <a:ahLst/>
              <a:cxnLst/>
              <a:rect l="l" t="t" r="r" b="b"/>
              <a:pathLst>
                <a:path w="9500" h="7262" extrusionOk="0">
                  <a:moveTo>
                    <a:pt x="3976" y="7261"/>
                  </a:moveTo>
                  <a:cubicBezTo>
                    <a:pt x="3557" y="7240"/>
                    <a:pt x="3139" y="7261"/>
                    <a:pt x="2720" y="7219"/>
                  </a:cubicBezTo>
                  <a:cubicBezTo>
                    <a:pt x="1904" y="7115"/>
                    <a:pt x="1235" y="6738"/>
                    <a:pt x="795" y="6047"/>
                  </a:cubicBezTo>
                  <a:cubicBezTo>
                    <a:pt x="607" y="5755"/>
                    <a:pt x="398" y="5483"/>
                    <a:pt x="230" y="5190"/>
                  </a:cubicBezTo>
                  <a:cubicBezTo>
                    <a:pt x="147" y="5064"/>
                    <a:pt x="84" y="4918"/>
                    <a:pt x="63" y="4729"/>
                  </a:cubicBezTo>
                  <a:cubicBezTo>
                    <a:pt x="0" y="4541"/>
                    <a:pt x="126" y="4311"/>
                    <a:pt x="293" y="4227"/>
                  </a:cubicBezTo>
                  <a:cubicBezTo>
                    <a:pt x="482" y="4164"/>
                    <a:pt x="628" y="4185"/>
                    <a:pt x="754" y="4311"/>
                  </a:cubicBezTo>
                  <a:cubicBezTo>
                    <a:pt x="1005" y="4562"/>
                    <a:pt x="1235" y="4855"/>
                    <a:pt x="1444" y="5148"/>
                  </a:cubicBezTo>
                  <a:cubicBezTo>
                    <a:pt x="1967" y="5943"/>
                    <a:pt x="2678" y="6194"/>
                    <a:pt x="3578" y="6173"/>
                  </a:cubicBezTo>
                  <a:cubicBezTo>
                    <a:pt x="4603" y="6131"/>
                    <a:pt x="5419" y="5755"/>
                    <a:pt x="6047" y="4939"/>
                  </a:cubicBezTo>
                  <a:cubicBezTo>
                    <a:pt x="6298" y="4562"/>
                    <a:pt x="6591" y="4227"/>
                    <a:pt x="6800" y="3830"/>
                  </a:cubicBezTo>
                  <a:cubicBezTo>
                    <a:pt x="7303" y="2972"/>
                    <a:pt x="7763" y="2093"/>
                    <a:pt x="8265" y="1193"/>
                  </a:cubicBezTo>
                  <a:cubicBezTo>
                    <a:pt x="8453" y="858"/>
                    <a:pt x="8663" y="524"/>
                    <a:pt x="8893" y="231"/>
                  </a:cubicBezTo>
                  <a:cubicBezTo>
                    <a:pt x="9081" y="1"/>
                    <a:pt x="9416" y="105"/>
                    <a:pt x="9479" y="377"/>
                  </a:cubicBezTo>
                  <a:cubicBezTo>
                    <a:pt x="9500" y="586"/>
                    <a:pt x="9479" y="838"/>
                    <a:pt x="9416" y="1047"/>
                  </a:cubicBezTo>
                  <a:cubicBezTo>
                    <a:pt x="9332" y="1319"/>
                    <a:pt x="9186" y="1612"/>
                    <a:pt x="9060" y="1884"/>
                  </a:cubicBezTo>
                  <a:cubicBezTo>
                    <a:pt x="8537" y="3055"/>
                    <a:pt x="7909" y="4185"/>
                    <a:pt x="7177" y="5231"/>
                  </a:cubicBezTo>
                  <a:cubicBezTo>
                    <a:pt x="6989" y="5483"/>
                    <a:pt x="6759" y="5755"/>
                    <a:pt x="6508" y="5985"/>
                  </a:cubicBezTo>
                  <a:cubicBezTo>
                    <a:pt x="5817" y="6780"/>
                    <a:pt x="4980" y="7156"/>
                    <a:pt x="3976" y="7261"/>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285" name="Google Shape;2285;p74"/>
            <p:cNvSpPr/>
            <p:nvPr/>
          </p:nvSpPr>
          <p:spPr>
            <a:xfrm>
              <a:off x="6894925" y="2751500"/>
              <a:ext cx="43425" cy="50775"/>
            </a:xfrm>
            <a:custGeom>
              <a:avLst/>
              <a:gdLst/>
              <a:ahLst/>
              <a:cxnLst/>
              <a:rect l="l" t="t" r="r" b="b"/>
              <a:pathLst>
                <a:path w="1737" h="2031" extrusionOk="0">
                  <a:moveTo>
                    <a:pt x="1193" y="21"/>
                  </a:moveTo>
                  <a:cubicBezTo>
                    <a:pt x="1527" y="440"/>
                    <a:pt x="1737" y="796"/>
                    <a:pt x="1716" y="1277"/>
                  </a:cubicBezTo>
                  <a:cubicBezTo>
                    <a:pt x="1695" y="1612"/>
                    <a:pt x="1507" y="1821"/>
                    <a:pt x="1172" y="1925"/>
                  </a:cubicBezTo>
                  <a:cubicBezTo>
                    <a:pt x="858" y="2030"/>
                    <a:pt x="565" y="1925"/>
                    <a:pt x="418" y="1612"/>
                  </a:cubicBezTo>
                  <a:cubicBezTo>
                    <a:pt x="314" y="1423"/>
                    <a:pt x="209" y="1214"/>
                    <a:pt x="146" y="1005"/>
                  </a:cubicBezTo>
                  <a:cubicBezTo>
                    <a:pt x="0" y="440"/>
                    <a:pt x="251" y="42"/>
                    <a:pt x="879" y="0"/>
                  </a:cubicBezTo>
                  <a:cubicBezTo>
                    <a:pt x="963" y="0"/>
                    <a:pt x="1067" y="21"/>
                    <a:pt x="1193" y="21"/>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286" name="Google Shape;2286;p74"/>
            <p:cNvSpPr/>
            <p:nvPr/>
          </p:nvSpPr>
          <p:spPr>
            <a:xfrm>
              <a:off x="6646975" y="2888025"/>
              <a:ext cx="43950" cy="45000"/>
            </a:xfrm>
            <a:custGeom>
              <a:avLst/>
              <a:gdLst/>
              <a:ahLst/>
              <a:cxnLst/>
              <a:rect l="l" t="t" r="r" b="b"/>
              <a:pathLst>
                <a:path w="1758" h="1800" extrusionOk="0">
                  <a:moveTo>
                    <a:pt x="1716" y="817"/>
                  </a:moveTo>
                  <a:cubicBezTo>
                    <a:pt x="1758" y="1130"/>
                    <a:pt x="1695" y="1402"/>
                    <a:pt x="1444" y="1570"/>
                  </a:cubicBezTo>
                  <a:cubicBezTo>
                    <a:pt x="1151" y="1758"/>
                    <a:pt x="816" y="1800"/>
                    <a:pt x="461" y="1612"/>
                  </a:cubicBezTo>
                  <a:cubicBezTo>
                    <a:pt x="126" y="1465"/>
                    <a:pt x="0" y="984"/>
                    <a:pt x="230" y="670"/>
                  </a:cubicBezTo>
                  <a:cubicBezTo>
                    <a:pt x="419" y="461"/>
                    <a:pt x="649" y="293"/>
                    <a:pt x="879" y="189"/>
                  </a:cubicBezTo>
                  <a:cubicBezTo>
                    <a:pt x="1235" y="1"/>
                    <a:pt x="1549" y="189"/>
                    <a:pt x="1674" y="565"/>
                  </a:cubicBezTo>
                  <a:cubicBezTo>
                    <a:pt x="1695" y="649"/>
                    <a:pt x="1695" y="733"/>
                    <a:pt x="1716" y="81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2287" name="Google Shape;2287;p74"/>
          <p:cNvGrpSpPr/>
          <p:nvPr/>
        </p:nvGrpSpPr>
        <p:grpSpPr>
          <a:xfrm>
            <a:off x="3551000" y="3394469"/>
            <a:ext cx="3874407" cy="2937163"/>
            <a:chOff x="4211406" y="1267963"/>
            <a:chExt cx="3874407" cy="2937163"/>
          </a:xfrm>
        </p:grpSpPr>
        <p:sp>
          <p:nvSpPr>
            <p:cNvPr id="2288" name="Google Shape;2288;p74"/>
            <p:cNvSpPr/>
            <p:nvPr/>
          </p:nvSpPr>
          <p:spPr>
            <a:xfrm>
              <a:off x="6116888" y="2798550"/>
              <a:ext cx="543000" cy="844825"/>
            </a:xfrm>
            <a:custGeom>
              <a:avLst/>
              <a:gdLst/>
              <a:ahLst/>
              <a:cxnLst/>
              <a:rect l="l" t="t" r="r" b="b"/>
              <a:pathLst>
                <a:path w="21720" h="33793" extrusionOk="0">
                  <a:moveTo>
                    <a:pt x="21614" y="33457"/>
                  </a:moveTo>
                  <a:cubicBezTo>
                    <a:pt x="21280" y="33520"/>
                    <a:pt x="21029" y="33520"/>
                    <a:pt x="20777" y="33374"/>
                  </a:cubicBezTo>
                  <a:cubicBezTo>
                    <a:pt x="20652" y="33332"/>
                    <a:pt x="20485" y="33311"/>
                    <a:pt x="20338" y="33311"/>
                  </a:cubicBezTo>
                  <a:lnTo>
                    <a:pt x="17953" y="33311"/>
                  </a:lnTo>
                  <a:cubicBezTo>
                    <a:pt x="17827" y="33311"/>
                    <a:pt x="17660" y="33311"/>
                    <a:pt x="17555" y="33353"/>
                  </a:cubicBezTo>
                  <a:cubicBezTo>
                    <a:pt x="17262" y="33520"/>
                    <a:pt x="16990" y="33478"/>
                    <a:pt x="16676" y="33478"/>
                  </a:cubicBezTo>
                  <a:lnTo>
                    <a:pt x="14626" y="33478"/>
                  </a:lnTo>
                  <a:cubicBezTo>
                    <a:pt x="14396" y="33478"/>
                    <a:pt x="14187" y="33541"/>
                    <a:pt x="13956" y="33562"/>
                  </a:cubicBezTo>
                  <a:cubicBezTo>
                    <a:pt x="13789" y="33583"/>
                    <a:pt x="13601" y="33625"/>
                    <a:pt x="13454" y="33625"/>
                  </a:cubicBezTo>
                  <a:lnTo>
                    <a:pt x="11697" y="33625"/>
                  </a:lnTo>
                  <a:cubicBezTo>
                    <a:pt x="11508" y="33625"/>
                    <a:pt x="11299" y="33646"/>
                    <a:pt x="11153" y="33688"/>
                  </a:cubicBezTo>
                  <a:cubicBezTo>
                    <a:pt x="10839" y="33792"/>
                    <a:pt x="10525" y="33792"/>
                    <a:pt x="10211" y="33771"/>
                  </a:cubicBezTo>
                  <a:cubicBezTo>
                    <a:pt x="10002" y="33750"/>
                    <a:pt x="9793" y="33729"/>
                    <a:pt x="9583" y="33729"/>
                  </a:cubicBezTo>
                  <a:lnTo>
                    <a:pt x="5754" y="33729"/>
                  </a:lnTo>
                  <a:cubicBezTo>
                    <a:pt x="5503" y="33729"/>
                    <a:pt x="5231" y="33729"/>
                    <a:pt x="4980" y="33646"/>
                  </a:cubicBezTo>
                  <a:cubicBezTo>
                    <a:pt x="4792" y="33583"/>
                    <a:pt x="4604" y="33583"/>
                    <a:pt x="4415" y="33583"/>
                  </a:cubicBezTo>
                  <a:cubicBezTo>
                    <a:pt x="4080" y="33583"/>
                    <a:pt x="3746" y="33625"/>
                    <a:pt x="3411" y="33625"/>
                  </a:cubicBezTo>
                  <a:cubicBezTo>
                    <a:pt x="3181" y="33625"/>
                    <a:pt x="2909" y="33583"/>
                    <a:pt x="2679" y="33562"/>
                  </a:cubicBezTo>
                  <a:cubicBezTo>
                    <a:pt x="2574" y="33562"/>
                    <a:pt x="2490" y="33499"/>
                    <a:pt x="2386" y="33541"/>
                  </a:cubicBezTo>
                  <a:cubicBezTo>
                    <a:pt x="1883" y="33646"/>
                    <a:pt x="1528" y="33353"/>
                    <a:pt x="1130" y="33081"/>
                  </a:cubicBezTo>
                  <a:cubicBezTo>
                    <a:pt x="921" y="32955"/>
                    <a:pt x="754" y="32767"/>
                    <a:pt x="649" y="32516"/>
                  </a:cubicBezTo>
                  <a:cubicBezTo>
                    <a:pt x="523" y="32139"/>
                    <a:pt x="377" y="31784"/>
                    <a:pt x="398" y="31365"/>
                  </a:cubicBezTo>
                  <a:cubicBezTo>
                    <a:pt x="419" y="31030"/>
                    <a:pt x="398" y="30675"/>
                    <a:pt x="398" y="30340"/>
                  </a:cubicBezTo>
                  <a:cubicBezTo>
                    <a:pt x="398" y="30026"/>
                    <a:pt x="398" y="29754"/>
                    <a:pt x="272" y="29461"/>
                  </a:cubicBezTo>
                  <a:cubicBezTo>
                    <a:pt x="230" y="29419"/>
                    <a:pt x="230" y="29377"/>
                    <a:pt x="230" y="29356"/>
                  </a:cubicBezTo>
                  <a:cubicBezTo>
                    <a:pt x="168" y="28247"/>
                    <a:pt x="0" y="27180"/>
                    <a:pt x="189" y="26092"/>
                  </a:cubicBezTo>
                  <a:cubicBezTo>
                    <a:pt x="293" y="25423"/>
                    <a:pt x="272" y="24774"/>
                    <a:pt x="230" y="24084"/>
                  </a:cubicBezTo>
                  <a:cubicBezTo>
                    <a:pt x="189" y="23226"/>
                    <a:pt x="168" y="22347"/>
                    <a:pt x="293" y="21468"/>
                  </a:cubicBezTo>
                  <a:cubicBezTo>
                    <a:pt x="335" y="21154"/>
                    <a:pt x="335" y="20820"/>
                    <a:pt x="335" y="20506"/>
                  </a:cubicBezTo>
                  <a:cubicBezTo>
                    <a:pt x="335" y="19773"/>
                    <a:pt x="293" y="19062"/>
                    <a:pt x="440" y="18372"/>
                  </a:cubicBezTo>
                  <a:cubicBezTo>
                    <a:pt x="523" y="17911"/>
                    <a:pt x="628" y="17472"/>
                    <a:pt x="712" y="17032"/>
                  </a:cubicBezTo>
                  <a:cubicBezTo>
                    <a:pt x="754" y="16802"/>
                    <a:pt x="816" y="16593"/>
                    <a:pt x="816" y="16342"/>
                  </a:cubicBezTo>
                  <a:cubicBezTo>
                    <a:pt x="816" y="16007"/>
                    <a:pt x="858" y="15693"/>
                    <a:pt x="942" y="15400"/>
                  </a:cubicBezTo>
                  <a:cubicBezTo>
                    <a:pt x="1067" y="14961"/>
                    <a:pt x="1151" y="14522"/>
                    <a:pt x="1130" y="14082"/>
                  </a:cubicBezTo>
                  <a:cubicBezTo>
                    <a:pt x="1109" y="13601"/>
                    <a:pt x="1151" y="13162"/>
                    <a:pt x="1235" y="12722"/>
                  </a:cubicBezTo>
                  <a:cubicBezTo>
                    <a:pt x="1381" y="11906"/>
                    <a:pt x="1528" y="11069"/>
                    <a:pt x="1674" y="10253"/>
                  </a:cubicBezTo>
                  <a:cubicBezTo>
                    <a:pt x="1737" y="9960"/>
                    <a:pt x="1800" y="9646"/>
                    <a:pt x="1946" y="9395"/>
                  </a:cubicBezTo>
                  <a:cubicBezTo>
                    <a:pt x="2260" y="8747"/>
                    <a:pt x="2386" y="8035"/>
                    <a:pt x="2511" y="7324"/>
                  </a:cubicBezTo>
                  <a:cubicBezTo>
                    <a:pt x="2595" y="6884"/>
                    <a:pt x="2720" y="6487"/>
                    <a:pt x="2909" y="6089"/>
                  </a:cubicBezTo>
                  <a:cubicBezTo>
                    <a:pt x="3034" y="5775"/>
                    <a:pt x="3160" y="5462"/>
                    <a:pt x="3327" y="5148"/>
                  </a:cubicBezTo>
                  <a:cubicBezTo>
                    <a:pt x="3432" y="4939"/>
                    <a:pt x="3536" y="4771"/>
                    <a:pt x="3641" y="4562"/>
                  </a:cubicBezTo>
                  <a:cubicBezTo>
                    <a:pt x="3725" y="4395"/>
                    <a:pt x="3787" y="4269"/>
                    <a:pt x="3892" y="4102"/>
                  </a:cubicBezTo>
                  <a:cubicBezTo>
                    <a:pt x="4311" y="3348"/>
                    <a:pt x="4771" y="2595"/>
                    <a:pt x="5315" y="1905"/>
                  </a:cubicBezTo>
                  <a:cubicBezTo>
                    <a:pt x="5420" y="1779"/>
                    <a:pt x="5545" y="1654"/>
                    <a:pt x="5650" y="1528"/>
                  </a:cubicBezTo>
                  <a:cubicBezTo>
                    <a:pt x="6759" y="273"/>
                    <a:pt x="8161" y="1"/>
                    <a:pt x="9709" y="314"/>
                  </a:cubicBezTo>
                  <a:cubicBezTo>
                    <a:pt x="10483" y="482"/>
                    <a:pt x="11194" y="838"/>
                    <a:pt x="11885" y="1319"/>
                  </a:cubicBezTo>
                  <a:cubicBezTo>
                    <a:pt x="12785" y="1946"/>
                    <a:pt x="13601" y="2700"/>
                    <a:pt x="14312" y="3516"/>
                  </a:cubicBezTo>
                  <a:cubicBezTo>
                    <a:pt x="15044" y="4353"/>
                    <a:pt x="15672" y="5231"/>
                    <a:pt x="16237" y="6173"/>
                  </a:cubicBezTo>
                  <a:cubicBezTo>
                    <a:pt x="16844" y="7198"/>
                    <a:pt x="17388" y="8224"/>
                    <a:pt x="17890" y="9291"/>
                  </a:cubicBezTo>
                  <a:cubicBezTo>
                    <a:pt x="18371" y="10274"/>
                    <a:pt x="18811" y="11278"/>
                    <a:pt x="19208" y="12325"/>
                  </a:cubicBezTo>
                  <a:cubicBezTo>
                    <a:pt x="19773" y="13894"/>
                    <a:pt x="20254" y="15484"/>
                    <a:pt x="20568" y="17137"/>
                  </a:cubicBezTo>
                  <a:cubicBezTo>
                    <a:pt x="20589" y="17263"/>
                    <a:pt x="20631" y="17388"/>
                    <a:pt x="20610" y="17535"/>
                  </a:cubicBezTo>
                  <a:cubicBezTo>
                    <a:pt x="20485" y="18016"/>
                    <a:pt x="20631" y="18497"/>
                    <a:pt x="20736" y="18957"/>
                  </a:cubicBezTo>
                  <a:cubicBezTo>
                    <a:pt x="20777" y="19125"/>
                    <a:pt x="20777" y="19271"/>
                    <a:pt x="20798" y="19418"/>
                  </a:cubicBezTo>
                  <a:cubicBezTo>
                    <a:pt x="20903" y="20004"/>
                    <a:pt x="21008" y="20610"/>
                    <a:pt x="21133" y="21196"/>
                  </a:cubicBezTo>
                  <a:cubicBezTo>
                    <a:pt x="21217" y="21552"/>
                    <a:pt x="21301" y="21887"/>
                    <a:pt x="21259" y="22263"/>
                  </a:cubicBezTo>
                  <a:cubicBezTo>
                    <a:pt x="21259" y="22452"/>
                    <a:pt x="21259" y="22661"/>
                    <a:pt x="21321" y="22828"/>
                  </a:cubicBezTo>
                  <a:cubicBezTo>
                    <a:pt x="21426" y="23205"/>
                    <a:pt x="21426" y="23540"/>
                    <a:pt x="21426" y="23916"/>
                  </a:cubicBezTo>
                  <a:cubicBezTo>
                    <a:pt x="21426" y="24377"/>
                    <a:pt x="21447" y="24858"/>
                    <a:pt x="21510" y="25318"/>
                  </a:cubicBezTo>
                  <a:cubicBezTo>
                    <a:pt x="21552" y="25904"/>
                    <a:pt x="21552" y="26448"/>
                    <a:pt x="21552" y="27013"/>
                  </a:cubicBezTo>
                  <a:cubicBezTo>
                    <a:pt x="21552" y="27264"/>
                    <a:pt x="21531" y="27473"/>
                    <a:pt x="21656" y="27683"/>
                  </a:cubicBezTo>
                  <a:cubicBezTo>
                    <a:pt x="21719" y="27745"/>
                    <a:pt x="21719" y="27892"/>
                    <a:pt x="21719" y="28017"/>
                  </a:cubicBezTo>
                  <a:cubicBezTo>
                    <a:pt x="21719" y="29733"/>
                    <a:pt x="21677" y="31470"/>
                    <a:pt x="21677" y="33185"/>
                  </a:cubicBezTo>
                  <a:cubicBezTo>
                    <a:pt x="21656" y="33248"/>
                    <a:pt x="21635" y="33332"/>
                    <a:pt x="21614" y="33457"/>
                  </a:cubicBezTo>
                  <a:close/>
                  <a:moveTo>
                    <a:pt x="12408" y="10713"/>
                  </a:moveTo>
                  <a:cubicBezTo>
                    <a:pt x="12492" y="10107"/>
                    <a:pt x="12324" y="9605"/>
                    <a:pt x="12073" y="9102"/>
                  </a:cubicBezTo>
                  <a:cubicBezTo>
                    <a:pt x="12010" y="8998"/>
                    <a:pt x="11969" y="8872"/>
                    <a:pt x="11906" y="8747"/>
                  </a:cubicBezTo>
                  <a:cubicBezTo>
                    <a:pt x="11801" y="8454"/>
                    <a:pt x="11613" y="8224"/>
                    <a:pt x="11362" y="8119"/>
                  </a:cubicBezTo>
                  <a:cubicBezTo>
                    <a:pt x="11006" y="7952"/>
                    <a:pt x="10692" y="7742"/>
                    <a:pt x="10378" y="7533"/>
                  </a:cubicBezTo>
                  <a:cubicBezTo>
                    <a:pt x="10253" y="7470"/>
                    <a:pt x="10127" y="7408"/>
                    <a:pt x="10002" y="7303"/>
                  </a:cubicBezTo>
                  <a:cubicBezTo>
                    <a:pt x="9813" y="7198"/>
                    <a:pt x="9646" y="7177"/>
                    <a:pt x="9437" y="7219"/>
                  </a:cubicBezTo>
                  <a:cubicBezTo>
                    <a:pt x="9186" y="7303"/>
                    <a:pt x="8914" y="7366"/>
                    <a:pt x="8684" y="7470"/>
                  </a:cubicBezTo>
                  <a:cubicBezTo>
                    <a:pt x="8349" y="7617"/>
                    <a:pt x="7972" y="7742"/>
                    <a:pt x="7700" y="8014"/>
                  </a:cubicBezTo>
                  <a:cubicBezTo>
                    <a:pt x="7303" y="8349"/>
                    <a:pt x="6989" y="8768"/>
                    <a:pt x="6717" y="9186"/>
                  </a:cubicBezTo>
                  <a:cubicBezTo>
                    <a:pt x="6570" y="9416"/>
                    <a:pt x="6487" y="9688"/>
                    <a:pt x="6487" y="10002"/>
                  </a:cubicBezTo>
                  <a:lnTo>
                    <a:pt x="6487" y="11195"/>
                  </a:lnTo>
                  <a:cubicBezTo>
                    <a:pt x="6487" y="11383"/>
                    <a:pt x="6528" y="11592"/>
                    <a:pt x="6591" y="11760"/>
                  </a:cubicBezTo>
                  <a:cubicBezTo>
                    <a:pt x="6780" y="12136"/>
                    <a:pt x="7010" y="12513"/>
                    <a:pt x="7324" y="12827"/>
                  </a:cubicBezTo>
                  <a:cubicBezTo>
                    <a:pt x="7428" y="12910"/>
                    <a:pt x="7533" y="13015"/>
                    <a:pt x="7637" y="13057"/>
                  </a:cubicBezTo>
                  <a:cubicBezTo>
                    <a:pt x="7951" y="13162"/>
                    <a:pt x="8244" y="13287"/>
                    <a:pt x="8495" y="13475"/>
                  </a:cubicBezTo>
                  <a:cubicBezTo>
                    <a:pt x="8579" y="13538"/>
                    <a:pt x="8684" y="13559"/>
                    <a:pt x="8767" y="13559"/>
                  </a:cubicBezTo>
                  <a:cubicBezTo>
                    <a:pt x="9521" y="13643"/>
                    <a:pt x="10232" y="13496"/>
                    <a:pt x="10902" y="13182"/>
                  </a:cubicBezTo>
                  <a:cubicBezTo>
                    <a:pt x="10985" y="13162"/>
                    <a:pt x="11048" y="13120"/>
                    <a:pt x="11090" y="13057"/>
                  </a:cubicBezTo>
                  <a:cubicBezTo>
                    <a:pt x="11362" y="12806"/>
                    <a:pt x="11613" y="12555"/>
                    <a:pt x="11822" y="12283"/>
                  </a:cubicBezTo>
                  <a:cubicBezTo>
                    <a:pt x="12282" y="11781"/>
                    <a:pt x="12554" y="11278"/>
                    <a:pt x="12408" y="10713"/>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2289" name="Google Shape;2289;p74"/>
            <p:cNvSpPr/>
            <p:nvPr/>
          </p:nvSpPr>
          <p:spPr>
            <a:xfrm>
              <a:off x="6956438" y="1783750"/>
              <a:ext cx="635575" cy="472900"/>
            </a:xfrm>
            <a:custGeom>
              <a:avLst/>
              <a:gdLst/>
              <a:ahLst/>
              <a:cxnLst/>
              <a:rect l="l" t="t" r="r" b="b"/>
              <a:pathLst>
                <a:path w="25423" h="18916" extrusionOk="0">
                  <a:moveTo>
                    <a:pt x="189" y="6236"/>
                  </a:moveTo>
                  <a:lnTo>
                    <a:pt x="252" y="6173"/>
                  </a:lnTo>
                  <a:cubicBezTo>
                    <a:pt x="461" y="6110"/>
                    <a:pt x="628" y="5964"/>
                    <a:pt x="838" y="5922"/>
                  </a:cubicBezTo>
                  <a:cubicBezTo>
                    <a:pt x="1047" y="5859"/>
                    <a:pt x="1298" y="5922"/>
                    <a:pt x="1528" y="5922"/>
                  </a:cubicBezTo>
                  <a:cubicBezTo>
                    <a:pt x="1988" y="5964"/>
                    <a:pt x="2407" y="5818"/>
                    <a:pt x="2804" y="5525"/>
                  </a:cubicBezTo>
                  <a:cubicBezTo>
                    <a:pt x="3328" y="5169"/>
                    <a:pt x="3851" y="4792"/>
                    <a:pt x="4395" y="4437"/>
                  </a:cubicBezTo>
                  <a:cubicBezTo>
                    <a:pt x="4709" y="4227"/>
                    <a:pt x="4960" y="3976"/>
                    <a:pt x="5169" y="3662"/>
                  </a:cubicBezTo>
                  <a:cubicBezTo>
                    <a:pt x="5294" y="3495"/>
                    <a:pt x="5399" y="3286"/>
                    <a:pt x="5650" y="3181"/>
                  </a:cubicBezTo>
                  <a:cubicBezTo>
                    <a:pt x="5692" y="3349"/>
                    <a:pt x="5692" y="3453"/>
                    <a:pt x="5692" y="3600"/>
                  </a:cubicBezTo>
                  <a:cubicBezTo>
                    <a:pt x="5692" y="4039"/>
                    <a:pt x="5838" y="4248"/>
                    <a:pt x="6299" y="4332"/>
                  </a:cubicBezTo>
                  <a:cubicBezTo>
                    <a:pt x="6780" y="4437"/>
                    <a:pt x="7303" y="4457"/>
                    <a:pt x="7742" y="4185"/>
                  </a:cubicBezTo>
                  <a:cubicBezTo>
                    <a:pt x="8119" y="3955"/>
                    <a:pt x="8496" y="3746"/>
                    <a:pt x="8851" y="3516"/>
                  </a:cubicBezTo>
                  <a:cubicBezTo>
                    <a:pt x="9040" y="3390"/>
                    <a:pt x="9207" y="3223"/>
                    <a:pt x="9395" y="3097"/>
                  </a:cubicBezTo>
                  <a:cubicBezTo>
                    <a:pt x="9835" y="2784"/>
                    <a:pt x="10232" y="2386"/>
                    <a:pt x="10567" y="1947"/>
                  </a:cubicBezTo>
                  <a:cubicBezTo>
                    <a:pt x="11090" y="1256"/>
                    <a:pt x="11655" y="628"/>
                    <a:pt x="12304" y="1"/>
                  </a:cubicBezTo>
                  <a:cubicBezTo>
                    <a:pt x="12388" y="84"/>
                    <a:pt x="12492" y="168"/>
                    <a:pt x="12534" y="252"/>
                  </a:cubicBezTo>
                  <a:cubicBezTo>
                    <a:pt x="13224" y="1298"/>
                    <a:pt x="14187" y="2030"/>
                    <a:pt x="15066" y="2825"/>
                  </a:cubicBezTo>
                  <a:cubicBezTo>
                    <a:pt x="15108" y="2825"/>
                    <a:pt x="15108" y="2867"/>
                    <a:pt x="15128" y="2867"/>
                  </a:cubicBezTo>
                  <a:cubicBezTo>
                    <a:pt x="15903" y="3202"/>
                    <a:pt x="16614" y="3704"/>
                    <a:pt x="17514" y="3767"/>
                  </a:cubicBezTo>
                  <a:cubicBezTo>
                    <a:pt x="18079" y="3830"/>
                    <a:pt x="18623" y="3851"/>
                    <a:pt x="19209" y="3872"/>
                  </a:cubicBezTo>
                  <a:cubicBezTo>
                    <a:pt x="19648" y="3913"/>
                    <a:pt x="20025" y="3767"/>
                    <a:pt x="20338" y="3453"/>
                  </a:cubicBezTo>
                  <a:cubicBezTo>
                    <a:pt x="20380" y="3411"/>
                    <a:pt x="20401" y="3390"/>
                    <a:pt x="20464" y="3349"/>
                  </a:cubicBezTo>
                  <a:lnTo>
                    <a:pt x="20548" y="3349"/>
                  </a:lnTo>
                  <a:cubicBezTo>
                    <a:pt x="20610" y="3495"/>
                    <a:pt x="20715" y="3621"/>
                    <a:pt x="20820" y="3746"/>
                  </a:cubicBezTo>
                  <a:cubicBezTo>
                    <a:pt x="21071" y="4081"/>
                    <a:pt x="21343" y="4395"/>
                    <a:pt x="21803" y="4499"/>
                  </a:cubicBezTo>
                  <a:cubicBezTo>
                    <a:pt x="21866" y="4541"/>
                    <a:pt x="21971" y="4562"/>
                    <a:pt x="22054" y="4604"/>
                  </a:cubicBezTo>
                  <a:cubicBezTo>
                    <a:pt x="22682" y="5064"/>
                    <a:pt x="23393" y="4918"/>
                    <a:pt x="24105" y="4918"/>
                  </a:cubicBezTo>
                  <a:cubicBezTo>
                    <a:pt x="24335" y="4918"/>
                    <a:pt x="24481" y="4792"/>
                    <a:pt x="24628" y="4646"/>
                  </a:cubicBezTo>
                  <a:lnTo>
                    <a:pt x="25004" y="4165"/>
                  </a:lnTo>
                  <a:cubicBezTo>
                    <a:pt x="25172" y="4227"/>
                    <a:pt x="25276" y="4290"/>
                    <a:pt x="25297" y="4437"/>
                  </a:cubicBezTo>
                  <a:cubicBezTo>
                    <a:pt x="25360" y="4667"/>
                    <a:pt x="25402" y="4918"/>
                    <a:pt x="25402" y="5169"/>
                  </a:cubicBezTo>
                  <a:cubicBezTo>
                    <a:pt x="25402" y="6006"/>
                    <a:pt x="25423" y="6843"/>
                    <a:pt x="25402" y="7680"/>
                  </a:cubicBezTo>
                  <a:cubicBezTo>
                    <a:pt x="25381" y="8370"/>
                    <a:pt x="25214" y="9061"/>
                    <a:pt x="25172" y="9772"/>
                  </a:cubicBezTo>
                  <a:cubicBezTo>
                    <a:pt x="25109" y="10316"/>
                    <a:pt x="24942" y="10839"/>
                    <a:pt x="24732" y="11341"/>
                  </a:cubicBezTo>
                  <a:cubicBezTo>
                    <a:pt x="24481" y="11802"/>
                    <a:pt x="24272" y="12304"/>
                    <a:pt x="24063" y="12806"/>
                  </a:cubicBezTo>
                  <a:cubicBezTo>
                    <a:pt x="24000" y="13015"/>
                    <a:pt x="23833" y="13183"/>
                    <a:pt x="23686" y="13350"/>
                  </a:cubicBezTo>
                  <a:cubicBezTo>
                    <a:pt x="23184" y="13873"/>
                    <a:pt x="22682" y="14396"/>
                    <a:pt x="22222" y="14940"/>
                  </a:cubicBezTo>
                  <a:cubicBezTo>
                    <a:pt x="21950" y="15233"/>
                    <a:pt x="21636" y="15442"/>
                    <a:pt x="21447" y="15777"/>
                  </a:cubicBezTo>
                  <a:cubicBezTo>
                    <a:pt x="20820" y="16196"/>
                    <a:pt x="20338" y="16802"/>
                    <a:pt x="19543" y="16991"/>
                  </a:cubicBezTo>
                  <a:cubicBezTo>
                    <a:pt x="19188" y="17095"/>
                    <a:pt x="18832" y="17242"/>
                    <a:pt x="18476" y="17367"/>
                  </a:cubicBezTo>
                  <a:cubicBezTo>
                    <a:pt x="17932" y="17556"/>
                    <a:pt x="17367" y="17765"/>
                    <a:pt x="16802" y="17953"/>
                  </a:cubicBezTo>
                  <a:cubicBezTo>
                    <a:pt x="16196" y="18142"/>
                    <a:pt x="15631" y="18309"/>
                    <a:pt x="15024" y="18497"/>
                  </a:cubicBezTo>
                  <a:cubicBezTo>
                    <a:pt x="14731" y="18581"/>
                    <a:pt x="14438" y="18686"/>
                    <a:pt x="14124" y="18686"/>
                  </a:cubicBezTo>
                  <a:cubicBezTo>
                    <a:pt x="13789" y="18706"/>
                    <a:pt x="13476" y="18895"/>
                    <a:pt x="13141" y="18895"/>
                  </a:cubicBezTo>
                  <a:cubicBezTo>
                    <a:pt x="12701" y="18916"/>
                    <a:pt x="12283" y="18916"/>
                    <a:pt x="11823" y="18895"/>
                  </a:cubicBezTo>
                  <a:cubicBezTo>
                    <a:pt x="11676" y="18895"/>
                    <a:pt x="11488" y="18874"/>
                    <a:pt x="11341" y="18790"/>
                  </a:cubicBezTo>
                  <a:cubicBezTo>
                    <a:pt x="11132" y="18686"/>
                    <a:pt x="10944" y="18686"/>
                    <a:pt x="10735" y="18686"/>
                  </a:cubicBezTo>
                  <a:lnTo>
                    <a:pt x="10295" y="18686"/>
                  </a:lnTo>
                  <a:cubicBezTo>
                    <a:pt x="9082" y="18769"/>
                    <a:pt x="7931" y="18476"/>
                    <a:pt x="6759" y="18183"/>
                  </a:cubicBezTo>
                  <a:cubicBezTo>
                    <a:pt x="5922" y="17974"/>
                    <a:pt x="5169" y="17618"/>
                    <a:pt x="4437" y="17137"/>
                  </a:cubicBezTo>
                  <a:cubicBezTo>
                    <a:pt x="3851" y="16781"/>
                    <a:pt x="3286" y="16321"/>
                    <a:pt x="2867" y="15756"/>
                  </a:cubicBezTo>
                  <a:cubicBezTo>
                    <a:pt x="2512" y="15275"/>
                    <a:pt x="2177" y="14794"/>
                    <a:pt x="1821" y="14313"/>
                  </a:cubicBezTo>
                  <a:cubicBezTo>
                    <a:pt x="1340" y="13664"/>
                    <a:pt x="984" y="12952"/>
                    <a:pt x="691" y="12220"/>
                  </a:cubicBezTo>
                  <a:cubicBezTo>
                    <a:pt x="377" y="11383"/>
                    <a:pt x="210" y="10546"/>
                    <a:pt x="147" y="9688"/>
                  </a:cubicBezTo>
                  <a:cubicBezTo>
                    <a:pt x="63" y="8851"/>
                    <a:pt x="43" y="8015"/>
                    <a:pt x="1" y="7178"/>
                  </a:cubicBezTo>
                  <a:cubicBezTo>
                    <a:pt x="1" y="6947"/>
                    <a:pt x="1" y="6738"/>
                    <a:pt x="43" y="6487"/>
                  </a:cubicBezTo>
                  <a:cubicBezTo>
                    <a:pt x="147" y="6424"/>
                    <a:pt x="189" y="6320"/>
                    <a:pt x="189" y="6236"/>
                  </a:cubicBezTo>
                  <a:close/>
                  <a:moveTo>
                    <a:pt x="15275" y="9877"/>
                  </a:moveTo>
                  <a:lnTo>
                    <a:pt x="13643" y="9877"/>
                  </a:lnTo>
                  <a:cubicBezTo>
                    <a:pt x="13538" y="9877"/>
                    <a:pt x="13434" y="9919"/>
                    <a:pt x="13287" y="9939"/>
                  </a:cubicBezTo>
                  <a:cubicBezTo>
                    <a:pt x="12325" y="10191"/>
                    <a:pt x="11467" y="10672"/>
                    <a:pt x="10525" y="10944"/>
                  </a:cubicBezTo>
                  <a:cubicBezTo>
                    <a:pt x="10421" y="10965"/>
                    <a:pt x="10316" y="11048"/>
                    <a:pt x="10211" y="11090"/>
                  </a:cubicBezTo>
                  <a:cubicBezTo>
                    <a:pt x="9605" y="11341"/>
                    <a:pt x="8977" y="11509"/>
                    <a:pt x="8412" y="11802"/>
                  </a:cubicBezTo>
                  <a:cubicBezTo>
                    <a:pt x="8370" y="11823"/>
                    <a:pt x="8328" y="11802"/>
                    <a:pt x="8307" y="11823"/>
                  </a:cubicBezTo>
                  <a:cubicBezTo>
                    <a:pt x="8035" y="11906"/>
                    <a:pt x="7805" y="11990"/>
                    <a:pt x="7533" y="12074"/>
                  </a:cubicBezTo>
                  <a:cubicBezTo>
                    <a:pt x="7282" y="12136"/>
                    <a:pt x="7010" y="12283"/>
                    <a:pt x="6738" y="12304"/>
                  </a:cubicBezTo>
                  <a:cubicBezTo>
                    <a:pt x="6675" y="12304"/>
                    <a:pt x="6592" y="12325"/>
                    <a:pt x="6571" y="12346"/>
                  </a:cubicBezTo>
                  <a:cubicBezTo>
                    <a:pt x="6529" y="12408"/>
                    <a:pt x="6445" y="12492"/>
                    <a:pt x="6424" y="12555"/>
                  </a:cubicBezTo>
                  <a:cubicBezTo>
                    <a:pt x="6424" y="12618"/>
                    <a:pt x="6466" y="12722"/>
                    <a:pt x="6529" y="12743"/>
                  </a:cubicBezTo>
                  <a:cubicBezTo>
                    <a:pt x="6634" y="12806"/>
                    <a:pt x="6759" y="12848"/>
                    <a:pt x="6864" y="12869"/>
                  </a:cubicBezTo>
                  <a:cubicBezTo>
                    <a:pt x="6926" y="13224"/>
                    <a:pt x="6989" y="13496"/>
                    <a:pt x="7052" y="13810"/>
                  </a:cubicBezTo>
                  <a:cubicBezTo>
                    <a:pt x="7073" y="14020"/>
                    <a:pt x="7198" y="14187"/>
                    <a:pt x="7324" y="14375"/>
                  </a:cubicBezTo>
                  <a:cubicBezTo>
                    <a:pt x="7847" y="15003"/>
                    <a:pt x="8517" y="15380"/>
                    <a:pt x="9249" y="15673"/>
                  </a:cubicBezTo>
                  <a:cubicBezTo>
                    <a:pt x="9709" y="15861"/>
                    <a:pt x="10191" y="15965"/>
                    <a:pt x="10672" y="16007"/>
                  </a:cubicBezTo>
                  <a:cubicBezTo>
                    <a:pt x="11613" y="16112"/>
                    <a:pt x="12555" y="15903"/>
                    <a:pt x="13496" y="15840"/>
                  </a:cubicBezTo>
                  <a:cubicBezTo>
                    <a:pt x="13580" y="15840"/>
                    <a:pt x="13685" y="15777"/>
                    <a:pt x="13768" y="15735"/>
                  </a:cubicBezTo>
                  <a:cubicBezTo>
                    <a:pt x="14020" y="15589"/>
                    <a:pt x="14292" y="15484"/>
                    <a:pt x="14522" y="15338"/>
                  </a:cubicBezTo>
                  <a:cubicBezTo>
                    <a:pt x="14773" y="15149"/>
                    <a:pt x="15045" y="14961"/>
                    <a:pt x="15296" y="14752"/>
                  </a:cubicBezTo>
                  <a:cubicBezTo>
                    <a:pt x="15589" y="14229"/>
                    <a:pt x="15882" y="13685"/>
                    <a:pt x="15861" y="13057"/>
                  </a:cubicBezTo>
                  <a:cubicBezTo>
                    <a:pt x="15819" y="12325"/>
                    <a:pt x="15819" y="11613"/>
                    <a:pt x="15819" y="10881"/>
                  </a:cubicBezTo>
                  <a:cubicBezTo>
                    <a:pt x="15819" y="10546"/>
                    <a:pt x="15777" y="10253"/>
                    <a:pt x="15463" y="10086"/>
                  </a:cubicBezTo>
                  <a:cubicBezTo>
                    <a:pt x="15421" y="10044"/>
                    <a:pt x="15359" y="9981"/>
                    <a:pt x="15275" y="9877"/>
                  </a:cubicBezTo>
                  <a:close/>
                  <a:moveTo>
                    <a:pt x="5587" y="8517"/>
                  </a:moveTo>
                  <a:cubicBezTo>
                    <a:pt x="5545" y="8370"/>
                    <a:pt x="5504" y="8224"/>
                    <a:pt x="5441" y="8056"/>
                  </a:cubicBezTo>
                  <a:cubicBezTo>
                    <a:pt x="5378" y="7889"/>
                    <a:pt x="5190" y="7784"/>
                    <a:pt x="4981" y="7826"/>
                  </a:cubicBezTo>
                  <a:cubicBezTo>
                    <a:pt x="4688" y="7889"/>
                    <a:pt x="4478" y="8203"/>
                    <a:pt x="4562" y="8454"/>
                  </a:cubicBezTo>
                  <a:cubicBezTo>
                    <a:pt x="4583" y="8579"/>
                    <a:pt x="4667" y="8684"/>
                    <a:pt x="4709" y="8831"/>
                  </a:cubicBezTo>
                  <a:cubicBezTo>
                    <a:pt x="4813" y="9040"/>
                    <a:pt x="5001" y="9103"/>
                    <a:pt x="5190" y="9061"/>
                  </a:cubicBezTo>
                  <a:cubicBezTo>
                    <a:pt x="5420" y="8998"/>
                    <a:pt x="5608" y="8768"/>
                    <a:pt x="5587" y="8517"/>
                  </a:cubicBezTo>
                  <a:close/>
                  <a:moveTo>
                    <a:pt x="13162" y="7157"/>
                  </a:moveTo>
                  <a:cubicBezTo>
                    <a:pt x="13162" y="7094"/>
                    <a:pt x="13141" y="6989"/>
                    <a:pt x="13099" y="6885"/>
                  </a:cubicBezTo>
                  <a:cubicBezTo>
                    <a:pt x="13036" y="6654"/>
                    <a:pt x="12848" y="6550"/>
                    <a:pt x="12576" y="6571"/>
                  </a:cubicBezTo>
                  <a:cubicBezTo>
                    <a:pt x="12388" y="6592"/>
                    <a:pt x="12220" y="6759"/>
                    <a:pt x="12220" y="7010"/>
                  </a:cubicBezTo>
                  <a:cubicBezTo>
                    <a:pt x="12220" y="7178"/>
                    <a:pt x="12241" y="7366"/>
                    <a:pt x="12325" y="7512"/>
                  </a:cubicBezTo>
                  <a:cubicBezTo>
                    <a:pt x="12408" y="7722"/>
                    <a:pt x="12639" y="7805"/>
                    <a:pt x="12848" y="7701"/>
                  </a:cubicBezTo>
                  <a:cubicBezTo>
                    <a:pt x="13057" y="7596"/>
                    <a:pt x="13162" y="7429"/>
                    <a:pt x="13162" y="7157"/>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90" name="Google Shape;2290;p74"/>
            <p:cNvSpPr/>
            <p:nvPr/>
          </p:nvSpPr>
          <p:spPr>
            <a:xfrm>
              <a:off x="7392713" y="2349750"/>
              <a:ext cx="534100" cy="545600"/>
            </a:xfrm>
            <a:custGeom>
              <a:avLst/>
              <a:gdLst/>
              <a:ahLst/>
              <a:cxnLst/>
              <a:rect l="l" t="t" r="r" b="b"/>
              <a:pathLst>
                <a:path w="21364" h="21824" extrusionOk="0">
                  <a:moveTo>
                    <a:pt x="21363" y="12659"/>
                  </a:moveTo>
                  <a:lnTo>
                    <a:pt x="21363" y="14751"/>
                  </a:lnTo>
                  <a:cubicBezTo>
                    <a:pt x="21363" y="14981"/>
                    <a:pt x="21342" y="15191"/>
                    <a:pt x="21217" y="15400"/>
                  </a:cubicBezTo>
                  <a:cubicBezTo>
                    <a:pt x="21028" y="15714"/>
                    <a:pt x="20986" y="16049"/>
                    <a:pt x="20735" y="16362"/>
                  </a:cubicBezTo>
                  <a:cubicBezTo>
                    <a:pt x="20421" y="16781"/>
                    <a:pt x="20087" y="17157"/>
                    <a:pt x="19647" y="17429"/>
                  </a:cubicBezTo>
                  <a:cubicBezTo>
                    <a:pt x="19313" y="17639"/>
                    <a:pt x="19041" y="17953"/>
                    <a:pt x="18622" y="18036"/>
                  </a:cubicBezTo>
                  <a:cubicBezTo>
                    <a:pt x="18224" y="18455"/>
                    <a:pt x="17701" y="18538"/>
                    <a:pt x="17178" y="18622"/>
                  </a:cubicBezTo>
                  <a:cubicBezTo>
                    <a:pt x="16655" y="18685"/>
                    <a:pt x="16132" y="18790"/>
                    <a:pt x="15609" y="18894"/>
                  </a:cubicBezTo>
                  <a:cubicBezTo>
                    <a:pt x="15400" y="18957"/>
                    <a:pt x="15232" y="18999"/>
                    <a:pt x="15023" y="19082"/>
                  </a:cubicBezTo>
                  <a:cubicBezTo>
                    <a:pt x="14856" y="19145"/>
                    <a:pt x="14709" y="19208"/>
                    <a:pt x="14542" y="19271"/>
                  </a:cubicBezTo>
                  <a:cubicBezTo>
                    <a:pt x="14249" y="19375"/>
                    <a:pt x="13998" y="19501"/>
                    <a:pt x="13705" y="19606"/>
                  </a:cubicBezTo>
                  <a:cubicBezTo>
                    <a:pt x="13600" y="19668"/>
                    <a:pt x="13496" y="19710"/>
                    <a:pt x="13391" y="19731"/>
                  </a:cubicBezTo>
                  <a:cubicBezTo>
                    <a:pt x="12952" y="19878"/>
                    <a:pt x="12533" y="19982"/>
                    <a:pt x="12094" y="20087"/>
                  </a:cubicBezTo>
                  <a:cubicBezTo>
                    <a:pt x="11926" y="20129"/>
                    <a:pt x="11738" y="20150"/>
                    <a:pt x="11592" y="20233"/>
                  </a:cubicBezTo>
                  <a:cubicBezTo>
                    <a:pt x="11278" y="20359"/>
                    <a:pt x="10985" y="20547"/>
                    <a:pt x="10629" y="20568"/>
                  </a:cubicBezTo>
                  <a:cubicBezTo>
                    <a:pt x="10587" y="20568"/>
                    <a:pt x="10587" y="20568"/>
                    <a:pt x="10566" y="20610"/>
                  </a:cubicBezTo>
                  <a:cubicBezTo>
                    <a:pt x="10127" y="20861"/>
                    <a:pt x="9625" y="20986"/>
                    <a:pt x="9123" y="21133"/>
                  </a:cubicBezTo>
                  <a:cubicBezTo>
                    <a:pt x="8307" y="21342"/>
                    <a:pt x="7512" y="21614"/>
                    <a:pt x="6633" y="21656"/>
                  </a:cubicBezTo>
                  <a:cubicBezTo>
                    <a:pt x="6256" y="21656"/>
                    <a:pt x="5859" y="21719"/>
                    <a:pt x="5461" y="21761"/>
                  </a:cubicBezTo>
                  <a:cubicBezTo>
                    <a:pt x="5147" y="21782"/>
                    <a:pt x="4875" y="21823"/>
                    <a:pt x="4582" y="21719"/>
                  </a:cubicBezTo>
                  <a:cubicBezTo>
                    <a:pt x="4499" y="21698"/>
                    <a:pt x="4415" y="21698"/>
                    <a:pt x="4352" y="21719"/>
                  </a:cubicBezTo>
                  <a:cubicBezTo>
                    <a:pt x="3871" y="21823"/>
                    <a:pt x="3452" y="21656"/>
                    <a:pt x="2971" y="21656"/>
                  </a:cubicBezTo>
                  <a:cubicBezTo>
                    <a:pt x="2887" y="21656"/>
                    <a:pt x="2783" y="21593"/>
                    <a:pt x="2657" y="21551"/>
                  </a:cubicBezTo>
                  <a:cubicBezTo>
                    <a:pt x="2532" y="21489"/>
                    <a:pt x="2406" y="21405"/>
                    <a:pt x="2302" y="21447"/>
                  </a:cubicBezTo>
                  <a:cubicBezTo>
                    <a:pt x="1799" y="21489"/>
                    <a:pt x="1402" y="21175"/>
                    <a:pt x="963" y="21028"/>
                  </a:cubicBezTo>
                  <a:cubicBezTo>
                    <a:pt x="837" y="20966"/>
                    <a:pt x="732" y="20882"/>
                    <a:pt x="732" y="20735"/>
                  </a:cubicBezTo>
                  <a:cubicBezTo>
                    <a:pt x="732" y="20652"/>
                    <a:pt x="711" y="20547"/>
                    <a:pt x="649" y="20526"/>
                  </a:cubicBezTo>
                  <a:cubicBezTo>
                    <a:pt x="272" y="20254"/>
                    <a:pt x="293" y="19794"/>
                    <a:pt x="188" y="19396"/>
                  </a:cubicBezTo>
                  <a:cubicBezTo>
                    <a:pt x="84" y="19041"/>
                    <a:pt x="84" y="18643"/>
                    <a:pt x="21" y="18266"/>
                  </a:cubicBezTo>
                  <a:cubicBezTo>
                    <a:pt x="0" y="17932"/>
                    <a:pt x="105" y="17639"/>
                    <a:pt x="314" y="17388"/>
                  </a:cubicBezTo>
                  <a:cubicBezTo>
                    <a:pt x="439" y="17199"/>
                    <a:pt x="544" y="16990"/>
                    <a:pt x="690" y="16802"/>
                  </a:cubicBezTo>
                  <a:cubicBezTo>
                    <a:pt x="921" y="16530"/>
                    <a:pt x="1151" y="16258"/>
                    <a:pt x="1381" y="16007"/>
                  </a:cubicBezTo>
                  <a:cubicBezTo>
                    <a:pt x="1527" y="15860"/>
                    <a:pt x="1674" y="15756"/>
                    <a:pt x="1799" y="15609"/>
                  </a:cubicBezTo>
                  <a:cubicBezTo>
                    <a:pt x="2092" y="15295"/>
                    <a:pt x="2364" y="14919"/>
                    <a:pt x="2720" y="14688"/>
                  </a:cubicBezTo>
                  <a:cubicBezTo>
                    <a:pt x="2783" y="14668"/>
                    <a:pt x="2804" y="14605"/>
                    <a:pt x="2825" y="14563"/>
                  </a:cubicBezTo>
                  <a:cubicBezTo>
                    <a:pt x="3411" y="13831"/>
                    <a:pt x="4164" y="13287"/>
                    <a:pt x="4938" y="12784"/>
                  </a:cubicBezTo>
                  <a:cubicBezTo>
                    <a:pt x="5336" y="12554"/>
                    <a:pt x="5670" y="12261"/>
                    <a:pt x="5963" y="11885"/>
                  </a:cubicBezTo>
                  <a:cubicBezTo>
                    <a:pt x="6131" y="11675"/>
                    <a:pt x="6340" y="11529"/>
                    <a:pt x="6507" y="11320"/>
                  </a:cubicBezTo>
                  <a:cubicBezTo>
                    <a:pt x="6591" y="11236"/>
                    <a:pt x="6675" y="11194"/>
                    <a:pt x="6696" y="11111"/>
                  </a:cubicBezTo>
                  <a:cubicBezTo>
                    <a:pt x="6863" y="10713"/>
                    <a:pt x="7198" y="10462"/>
                    <a:pt x="7491" y="10148"/>
                  </a:cubicBezTo>
                  <a:cubicBezTo>
                    <a:pt x="7867" y="9730"/>
                    <a:pt x="8160" y="9248"/>
                    <a:pt x="8349" y="8704"/>
                  </a:cubicBezTo>
                  <a:cubicBezTo>
                    <a:pt x="8453" y="8390"/>
                    <a:pt x="8600" y="8118"/>
                    <a:pt x="8579" y="7784"/>
                  </a:cubicBezTo>
                  <a:lnTo>
                    <a:pt x="8579" y="7742"/>
                  </a:lnTo>
                  <a:cubicBezTo>
                    <a:pt x="8872" y="7010"/>
                    <a:pt x="8788" y="6235"/>
                    <a:pt x="8851" y="5482"/>
                  </a:cubicBezTo>
                  <a:cubicBezTo>
                    <a:pt x="8872" y="5189"/>
                    <a:pt x="8872" y="4917"/>
                    <a:pt x="8955" y="4645"/>
                  </a:cubicBezTo>
                  <a:cubicBezTo>
                    <a:pt x="8997" y="4436"/>
                    <a:pt x="9081" y="4206"/>
                    <a:pt x="9206" y="4017"/>
                  </a:cubicBezTo>
                  <a:cubicBezTo>
                    <a:pt x="9437" y="3704"/>
                    <a:pt x="9625" y="3390"/>
                    <a:pt x="9834" y="3076"/>
                  </a:cubicBezTo>
                  <a:cubicBezTo>
                    <a:pt x="10002" y="2846"/>
                    <a:pt x="10169" y="2616"/>
                    <a:pt x="10378" y="2427"/>
                  </a:cubicBezTo>
                  <a:cubicBezTo>
                    <a:pt x="10964" y="1925"/>
                    <a:pt x="11487" y="1381"/>
                    <a:pt x="12136" y="1004"/>
                  </a:cubicBezTo>
                  <a:cubicBezTo>
                    <a:pt x="12324" y="900"/>
                    <a:pt x="12470" y="774"/>
                    <a:pt x="12638" y="649"/>
                  </a:cubicBezTo>
                  <a:cubicBezTo>
                    <a:pt x="13077" y="314"/>
                    <a:pt x="13559" y="42"/>
                    <a:pt x="14123" y="21"/>
                  </a:cubicBezTo>
                  <a:cubicBezTo>
                    <a:pt x="14542" y="0"/>
                    <a:pt x="14981" y="63"/>
                    <a:pt x="15379" y="251"/>
                  </a:cubicBezTo>
                  <a:cubicBezTo>
                    <a:pt x="15965" y="523"/>
                    <a:pt x="16530" y="753"/>
                    <a:pt x="17011" y="1193"/>
                  </a:cubicBezTo>
                  <a:cubicBezTo>
                    <a:pt x="17053" y="1256"/>
                    <a:pt x="17116" y="1297"/>
                    <a:pt x="17178" y="1318"/>
                  </a:cubicBezTo>
                  <a:cubicBezTo>
                    <a:pt x="17429" y="1402"/>
                    <a:pt x="17597" y="1569"/>
                    <a:pt x="17701" y="1820"/>
                  </a:cubicBezTo>
                  <a:cubicBezTo>
                    <a:pt x="17743" y="1883"/>
                    <a:pt x="17764" y="1925"/>
                    <a:pt x="17806" y="1946"/>
                  </a:cubicBezTo>
                  <a:cubicBezTo>
                    <a:pt x="18078" y="2113"/>
                    <a:pt x="18204" y="2364"/>
                    <a:pt x="18371" y="2574"/>
                  </a:cubicBezTo>
                  <a:cubicBezTo>
                    <a:pt x="18894" y="3201"/>
                    <a:pt x="19229" y="3913"/>
                    <a:pt x="19647" y="4603"/>
                  </a:cubicBezTo>
                  <a:cubicBezTo>
                    <a:pt x="19752" y="4771"/>
                    <a:pt x="19836" y="4959"/>
                    <a:pt x="19898" y="5168"/>
                  </a:cubicBezTo>
                  <a:cubicBezTo>
                    <a:pt x="19961" y="5294"/>
                    <a:pt x="20003" y="5461"/>
                    <a:pt x="20087" y="5587"/>
                  </a:cubicBezTo>
                  <a:cubicBezTo>
                    <a:pt x="20463" y="6089"/>
                    <a:pt x="20589" y="6696"/>
                    <a:pt x="20735" y="7261"/>
                  </a:cubicBezTo>
                  <a:cubicBezTo>
                    <a:pt x="20840" y="7658"/>
                    <a:pt x="20840" y="8098"/>
                    <a:pt x="20986" y="8495"/>
                  </a:cubicBezTo>
                  <a:cubicBezTo>
                    <a:pt x="21154" y="9039"/>
                    <a:pt x="21133" y="9646"/>
                    <a:pt x="21300" y="10211"/>
                  </a:cubicBezTo>
                  <a:cubicBezTo>
                    <a:pt x="21342" y="10378"/>
                    <a:pt x="21321" y="10567"/>
                    <a:pt x="21321" y="10713"/>
                  </a:cubicBezTo>
                  <a:cubicBezTo>
                    <a:pt x="21363" y="11341"/>
                    <a:pt x="21363" y="11989"/>
                    <a:pt x="21363" y="12659"/>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2291" name="Google Shape;2291;p74"/>
            <p:cNvSpPr/>
            <p:nvPr/>
          </p:nvSpPr>
          <p:spPr>
            <a:xfrm>
              <a:off x="6906738" y="1494475"/>
              <a:ext cx="706200" cy="422700"/>
            </a:xfrm>
            <a:custGeom>
              <a:avLst/>
              <a:gdLst/>
              <a:ahLst/>
              <a:cxnLst/>
              <a:rect l="l" t="t" r="r" b="b"/>
              <a:pathLst>
                <a:path w="28248" h="16908" extrusionOk="0">
                  <a:moveTo>
                    <a:pt x="23435" y="880"/>
                  </a:moveTo>
                  <a:cubicBezTo>
                    <a:pt x="23519" y="1382"/>
                    <a:pt x="23394" y="1738"/>
                    <a:pt x="23017" y="2031"/>
                  </a:cubicBezTo>
                  <a:cubicBezTo>
                    <a:pt x="22787" y="2240"/>
                    <a:pt x="22557" y="2449"/>
                    <a:pt x="22285" y="2658"/>
                  </a:cubicBezTo>
                  <a:cubicBezTo>
                    <a:pt x="21971" y="2909"/>
                    <a:pt x="21762" y="3265"/>
                    <a:pt x="21510" y="3537"/>
                  </a:cubicBezTo>
                  <a:cubicBezTo>
                    <a:pt x="21615" y="3851"/>
                    <a:pt x="21762" y="3997"/>
                    <a:pt x="22117" y="3997"/>
                  </a:cubicBezTo>
                  <a:cubicBezTo>
                    <a:pt x="23498" y="3956"/>
                    <a:pt x="23310" y="3914"/>
                    <a:pt x="24356" y="4541"/>
                  </a:cubicBezTo>
                  <a:cubicBezTo>
                    <a:pt x="24858" y="4855"/>
                    <a:pt x="25319" y="5190"/>
                    <a:pt x="25821" y="5525"/>
                  </a:cubicBezTo>
                  <a:cubicBezTo>
                    <a:pt x="25925" y="5609"/>
                    <a:pt x="26009" y="5713"/>
                    <a:pt x="26093" y="5818"/>
                  </a:cubicBezTo>
                  <a:cubicBezTo>
                    <a:pt x="26448" y="6341"/>
                    <a:pt x="26825" y="6906"/>
                    <a:pt x="27181" y="7429"/>
                  </a:cubicBezTo>
                  <a:cubicBezTo>
                    <a:pt x="27913" y="8475"/>
                    <a:pt x="28227" y="9647"/>
                    <a:pt x="28227" y="10902"/>
                  </a:cubicBezTo>
                  <a:cubicBezTo>
                    <a:pt x="28227" y="11007"/>
                    <a:pt x="28248" y="11132"/>
                    <a:pt x="28206" y="11237"/>
                  </a:cubicBezTo>
                  <a:cubicBezTo>
                    <a:pt x="28039" y="11572"/>
                    <a:pt x="28122" y="11927"/>
                    <a:pt x="28122" y="12241"/>
                  </a:cubicBezTo>
                  <a:cubicBezTo>
                    <a:pt x="28122" y="12764"/>
                    <a:pt x="28122" y="13308"/>
                    <a:pt x="28080" y="13832"/>
                  </a:cubicBezTo>
                  <a:cubicBezTo>
                    <a:pt x="28039" y="14271"/>
                    <a:pt x="27892" y="14396"/>
                    <a:pt x="27390" y="14501"/>
                  </a:cubicBezTo>
                  <a:cubicBezTo>
                    <a:pt x="27264" y="14376"/>
                    <a:pt x="27285" y="14187"/>
                    <a:pt x="27264" y="14041"/>
                  </a:cubicBezTo>
                  <a:cubicBezTo>
                    <a:pt x="27244" y="13957"/>
                    <a:pt x="27202" y="13852"/>
                    <a:pt x="27181" y="13769"/>
                  </a:cubicBezTo>
                  <a:cubicBezTo>
                    <a:pt x="27160" y="13748"/>
                    <a:pt x="27097" y="13727"/>
                    <a:pt x="27055" y="13706"/>
                  </a:cubicBezTo>
                  <a:cubicBezTo>
                    <a:pt x="27034" y="13706"/>
                    <a:pt x="26972" y="13727"/>
                    <a:pt x="26951" y="13748"/>
                  </a:cubicBezTo>
                  <a:cubicBezTo>
                    <a:pt x="26930" y="13769"/>
                    <a:pt x="26888" y="13811"/>
                    <a:pt x="26888" y="13852"/>
                  </a:cubicBezTo>
                  <a:cubicBezTo>
                    <a:pt x="26846" y="14187"/>
                    <a:pt x="26679" y="14501"/>
                    <a:pt x="26574" y="14815"/>
                  </a:cubicBezTo>
                  <a:cubicBezTo>
                    <a:pt x="26469" y="15129"/>
                    <a:pt x="26260" y="15380"/>
                    <a:pt x="26030" y="15652"/>
                  </a:cubicBezTo>
                  <a:cubicBezTo>
                    <a:pt x="25737" y="15652"/>
                    <a:pt x="25402" y="15694"/>
                    <a:pt x="25088" y="15652"/>
                  </a:cubicBezTo>
                  <a:cubicBezTo>
                    <a:pt x="24963" y="15652"/>
                    <a:pt x="24837" y="15610"/>
                    <a:pt x="24733" y="15547"/>
                  </a:cubicBezTo>
                  <a:cubicBezTo>
                    <a:pt x="24544" y="15484"/>
                    <a:pt x="24377" y="15380"/>
                    <a:pt x="24210" y="15317"/>
                  </a:cubicBezTo>
                  <a:cubicBezTo>
                    <a:pt x="23917" y="15233"/>
                    <a:pt x="23707" y="15066"/>
                    <a:pt x="23540" y="14815"/>
                  </a:cubicBezTo>
                  <a:cubicBezTo>
                    <a:pt x="23331" y="14564"/>
                    <a:pt x="23101" y="14292"/>
                    <a:pt x="22891" y="14041"/>
                  </a:cubicBezTo>
                  <a:cubicBezTo>
                    <a:pt x="22745" y="13873"/>
                    <a:pt x="22578" y="13727"/>
                    <a:pt x="22473" y="13518"/>
                  </a:cubicBezTo>
                  <a:cubicBezTo>
                    <a:pt x="22389" y="13350"/>
                    <a:pt x="22243" y="13225"/>
                    <a:pt x="22075" y="13099"/>
                  </a:cubicBezTo>
                  <a:cubicBezTo>
                    <a:pt x="21950" y="12974"/>
                    <a:pt x="21762" y="12974"/>
                    <a:pt x="21615" y="13036"/>
                  </a:cubicBezTo>
                  <a:cubicBezTo>
                    <a:pt x="21448" y="13120"/>
                    <a:pt x="21385" y="13308"/>
                    <a:pt x="21406" y="13497"/>
                  </a:cubicBezTo>
                  <a:cubicBezTo>
                    <a:pt x="21427" y="13622"/>
                    <a:pt x="21490" y="13748"/>
                    <a:pt x="21552" y="13852"/>
                  </a:cubicBezTo>
                  <a:cubicBezTo>
                    <a:pt x="21762" y="14062"/>
                    <a:pt x="21720" y="14292"/>
                    <a:pt x="21699" y="14564"/>
                  </a:cubicBezTo>
                  <a:lnTo>
                    <a:pt x="21301" y="14648"/>
                  </a:lnTo>
                  <a:cubicBezTo>
                    <a:pt x="20653" y="14668"/>
                    <a:pt x="19962" y="14668"/>
                    <a:pt x="19313" y="14480"/>
                  </a:cubicBezTo>
                  <a:cubicBezTo>
                    <a:pt x="18707" y="14313"/>
                    <a:pt x="18100" y="14124"/>
                    <a:pt x="17619" y="13727"/>
                  </a:cubicBezTo>
                  <a:cubicBezTo>
                    <a:pt x="16572" y="12890"/>
                    <a:pt x="15568" y="12032"/>
                    <a:pt x="14857" y="10798"/>
                  </a:cubicBezTo>
                  <a:cubicBezTo>
                    <a:pt x="14899" y="10505"/>
                    <a:pt x="14961" y="10170"/>
                    <a:pt x="14815" y="9751"/>
                  </a:cubicBezTo>
                  <a:cubicBezTo>
                    <a:pt x="14585" y="10065"/>
                    <a:pt x="14376" y="10358"/>
                    <a:pt x="14124" y="10609"/>
                  </a:cubicBezTo>
                  <a:cubicBezTo>
                    <a:pt x="13915" y="10881"/>
                    <a:pt x="13685" y="11132"/>
                    <a:pt x="13476" y="11404"/>
                  </a:cubicBezTo>
                  <a:cubicBezTo>
                    <a:pt x="12953" y="12032"/>
                    <a:pt x="12409" y="12618"/>
                    <a:pt x="11886" y="13246"/>
                  </a:cubicBezTo>
                  <a:cubicBezTo>
                    <a:pt x="11697" y="13455"/>
                    <a:pt x="11509" y="13664"/>
                    <a:pt x="11279" y="13852"/>
                  </a:cubicBezTo>
                  <a:cubicBezTo>
                    <a:pt x="10986" y="14062"/>
                    <a:pt x="10714" y="14292"/>
                    <a:pt x="10421" y="14501"/>
                  </a:cubicBezTo>
                  <a:lnTo>
                    <a:pt x="9710" y="14982"/>
                  </a:lnTo>
                  <a:cubicBezTo>
                    <a:pt x="9249" y="15233"/>
                    <a:pt x="9249" y="15233"/>
                    <a:pt x="8622" y="15171"/>
                  </a:cubicBezTo>
                  <a:cubicBezTo>
                    <a:pt x="8475" y="14920"/>
                    <a:pt x="8538" y="14689"/>
                    <a:pt x="8642" y="14459"/>
                  </a:cubicBezTo>
                  <a:cubicBezTo>
                    <a:pt x="8998" y="13643"/>
                    <a:pt x="9354" y="12806"/>
                    <a:pt x="9877" y="12095"/>
                  </a:cubicBezTo>
                  <a:cubicBezTo>
                    <a:pt x="10002" y="11886"/>
                    <a:pt x="10149" y="11676"/>
                    <a:pt x="10254" y="11467"/>
                  </a:cubicBezTo>
                  <a:cubicBezTo>
                    <a:pt x="10358" y="11258"/>
                    <a:pt x="10421" y="11049"/>
                    <a:pt x="10463" y="10839"/>
                  </a:cubicBezTo>
                  <a:cubicBezTo>
                    <a:pt x="10400" y="10714"/>
                    <a:pt x="10295" y="10714"/>
                    <a:pt x="10212" y="10798"/>
                  </a:cubicBezTo>
                  <a:cubicBezTo>
                    <a:pt x="10023" y="10944"/>
                    <a:pt x="9835" y="11132"/>
                    <a:pt x="9710" y="11342"/>
                  </a:cubicBezTo>
                  <a:cubicBezTo>
                    <a:pt x="9396" y="11781"/>
                    <a:pt x="9082" y="12262"/>
                    <a:pt x="8768" y="12702"/>
                  </a:cubicBezTo>
                  <a:cubicBezTo>
                    <a:pt x="8663" y="12869"/>
                    <a:pt x="8538" y="12995"/>
                    <a:pt x="8412" y="13120"/>
                  </a:cubicBezTo>
                  <a:cubicBezTo>
                    <a:pt x="7701" y="13706"/>
                    <a:pt x="7010" y="14292"/>
                    <a:pt x="6466" y="15024"/>
                  </a:cubicBezTo>
                  <a:cubicBezTo>
                    <a:pt x="6383" y="15129"/>
                    <a:pt x="6278" y="15233"/>
                    <a:pt x="6173" y="15296"/>
                  </a:cubicBezTo>
                  <a:cubicBezTo>
                    <a:pt x="5588" y="15715"/>
                    <a:pt x="4960" y="16133"/>
                    <a:pt x="4353" y="16552"/>
                  </a:cubicBezTo>
                  <a:cubicBezTo>
                    <a:pt x="4123" y="16698"/>
                    <a:pt x="3872" y="16782"/>
                    <a:pt x="3621" y="16782"/>
                  </a:cubicBezTo>
                  <a:cubicBezTo>
                    <a:pt x="2888" y="16803"/>
                    <a:pt x="2156" y="16865"/>
                    <a:pt x="1340" y="16907"/>
                  </a:cubicBezTo>
                  <a:cubicBezTo>
                    <a:pt x="775" y="16363"/>
                    <a:pt x="378" y="15694"/>
                    <a:pt x="315" y="14815"/>
                  </a:cubicBezTo>
                  <a:cubicBezTo>
                    <a:pt x="294" y="14376"/>
                    <a:pt x="210" y="13936"/>
                    <a:pt x="85" y="13497"/>
                  </a:cubicBezTo>
                  <a:cubicBezTo>
                    <a:pt x="43" y="13350"/>
                    <a:pt x="1" y="13204"/>
                    <a:pt x="1" y="13036"/>
                  </a:cubicBezTo>
                  <a:cubicBezTo>
                    <a:pt x="1" y="12597"/>
                    <a:pt x="43" y="12137"/>
                    <a:pt x="85" y="11676"/>
                  </a:cubicBezTo>
                  <a:cubicBezTo>
                    <a:pt x="106" y="11342"/>
                    <a:pt x="315" y="11091"/>
                    <a:pt x="524" y="10839"/>
                  </a:cubicBezTo>
                  <a:cubicBezTo>
                    <a:pt x="691" y="10672"/>
                    <a:pt x="796" y="10484"/>
                    <a:pt x="901" y="10295"/>
                  </a:cubicBezTo>
                  <a:cubicBezTo>
                    <a:pt x="1194" y="9772"/>
                    <a:pt x="1466" y="9228"/>
                    <a:pt x="1759" y="8705"/>
                  </a:cubicBezTo>
                  <a:cubicBezTo>
                    <a:pt x="1884" y="8475"/>
                    <a:pt x="2072" y="8266"/>
                    <a:pt x="2240" y="8057"/>
                  </a:cubicBezTo>
                  <a:cubicBezTo>
                    <a:pt x="3014" y="7052"/>
                    <a:pt x="3956" y="6236"/>
                    <a:pt x="4981" y="5504"/>
                  </a:cubicBezTo>
                  <a:cubicBezTo>
                    <a:pt x="5420" y="5169"/>
                    <a:pt x="5943" y="4876"/>
                    <a:pt x="6445" y="4646"/>
                  </a:cubicBezTo>
                  <a:cubicBezTo>
                    <a:pt x="7115" y="4332"/>
                    <a:pt x="7826" y="4039"/>
                    <a:pt x="8559" y="3809"/>
                  </a:cubicBezTo>
                  <a:cubicBezTo>
                    <a:pt x="8956" y="3684"/>
                    <a:pt x="9375" y="3600"/>
                    <a:pt x="9772" y="3516"/>
                  </a:cubicBezTo>
                  <a:cubicBezTo>
                    <a:pt x="10546" y="3370"/>
                    <a:pt x="11342" y="3244"/>
                    <a:pt x="12116" y="3098"/>
                  </a:cubicBezTo>
                  <a:cubicBezTo>
                    <a:pt x="12409" y="3056"/>
                    <a:pt x="12702" y="3056"/>
                    <a:pt x="12953" y="3035"/>
                  </a:cubicBezTo>
                  <a:cubicBezTo>
                    <a:pt x="13497" y="2993"/>
                    <a:pt x="14062" y="2993"/>
                    <a:pt x="14606" y="2993"/>
                  </a:cubicBezTo>
                  <a:cubicBezTo>
                    <a:pt x="14961" y="2993"/>
                    <a:pt x="15338" y="3035"/>
                    <a:pt x="15673" y="3056"/>
                  </a:cubicBezTo>
                  <a:cubicBezTo>
                    <a:pt x="15987" y="3077"/>
                    <a:pt x="16300" y="3181"/>
                    <a:pt x="16593" y="3307"/>
                  </a:cubicBezTo>
                  <a:cubicBezTo>
                    <a:pt x="16949" y="3495"/>
                    <a:pt x="17326" y="3621"/>
                    <a:pt x="17681" y="3788"/>
                  </a:cubicBezTo>
                  <a:cubicBezTo>
                    <a:pt x="17744" y="3809"/>
                    <a:pt x="17786" y="3809"/>
                    <a:pt x="17849" y="3809"/>
                  </a:cubicBezTo>
                  <a:cubicBezTo>
                    <a:pt x="17974" y="3809"/>
                    <a:pt x="18100" y="3704"/>
                    <a:pt x="18142" y="3579"/>
                  </a:cubicBezTo>
                  <a:cubicBezTo>
                    <a:pt x="18163" y="3453"/>
                    <a:pt x="18142" y="3349"/>
                    <a:pt x="18058" y="3265"/>
                  </a:cubicBezTo>
                  <a:cubicBezTo>
                    <a:pt x="17974" y="3181"/>
                    <a:pt x="17870" y="3140"/>
                    <a:pt x="17765" y="3077"/>
                  </a:cubicBezTo>
                  <a:cubicBezTo>
                    <a:pt x="17263" y="2763"/>
                    <a:pt x="16782" y="2449"/>
                    <a:pt x="16300" y="2114"/>
                  </a:cubicBezTo>
                  <a:cubicBezTo>
                    <a:pt x="16217" y="2052"/>
                    <a:pt x="16175" y="1989"/>
                    <a:pt x="16091" y="1926"/>
                  </a:cubicBezTo>
                  <a:cubicBezTo>
                    <a:pt x="15903" y="1717"/>
                    <a:pt x="15694" y="1507"/>
                    <a:pt x="15443" y="1382"/>
                  </a:cubicBezTo>
                  <a:cubicBezTo>
                    <a:pt x="15171" y="1256"/>
                    <a:pt x="15108" y="1047"/>
                    <a:pt x="15129" y="775"/>
                  </a:cubicBezTo>
                  <a:lnTo>
                    <a:pt x="15129" y="733"/>
                  </a:lnTo>
                  <a:cubicBezTo>
                    <a:pt x="15129" y="147"/>
                    <a:pt x="15317" y="1"/>
                    <a:pt x="15861" y="106"/>
                  </a:cubicBezTo>
                  <a:cubicBezTo>
                    <a:pt x="16468" y="231"/>
                    <a:pt x="17033" y="419"/>
                    <a:pt x="17472" y="880"/>
                  </a:cubicBezTo>
                  <a:cubicBezTo>
                    <a:pt x="17535" y="943"/>
                    <a:pt x="17577" y="1005"/>
                    <a:pt x="17640" y="1047"/>
                  </a:cubicBezTo>
                  <a:cubicBezTo>
                    <a:pt x="18163" y="1382"/>
                    <a:pt x="18560" y="1884"/>
                    <a:pt x="18895" y="2407"/>
                  </a:cubicBezTo>
                  <a:cubicBezTo>
                    <a:pt x="19021" y="2575"/>
                    <a:pt x="19104" y="2784"/>
                    <a:pt x="19209" y="2993"/>
                  </a:cubicBezTo>
                  <a:cubicBezTo>
                    <a:pt x="19230" y="3056"/>
                    <a:pt x="19334" y="3140"/>
                    <a:pt x="19397" y="3140"/>
                  </a:cubicBezTo>
                  <a:cubicBezTo>
                    <a:pt x="19460" y="3098"/>
                    <a:pt x="19544" y="3056"/>
                    <a:pt x="19627" y="2993"/>
                  </a:cubicBezTo>
                  <a:cubicBezTo>
                    <a:pt x="19648" y="2993"/>
                    <a:pt x="19648" y="2972"/>
                    <a:pt x="19648" y="2951"/>
                  </a:cubicBezTo>
                  <a:cubicBezTo>
                    <a:pt x="19627" y="2533"/>
                    <a:pt x="19941" y="2261"/>
                    <a:pt x="20150" y="1947"/>
                  </a:cubicBezTo>
                  <a:cubicBezTo>
                    <a:pt x="20276" y="1780"/>
                    <a:pt x="20402" y="1633"/>
                    <a:pt x="20590" y="1528"/>
                  </a:cubicBezTo>
                  <a:cubicBezTo>
                    <a:pt x="20674" y="1507"/>
                    <a:pt x="20715" y="1466"/>
                    <a:pt x="20778" y="1403"/>
                  </a:cubicBezTo>
                  <a:cubicBezTo>
                    <a:pt x="21343" y="859"/>
                    <a:pt x="22117" y="796"/>
                    <a:pt x="22808" y="671"/>
                  </a:cubicBezTo>
                  <a:cubicBezTo>
                    <a:pt x="23059" y="566"/>
                    <a:pt x="23226" y="754"/>
                    <a:pt x="23435" y="880"/>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2292" name="Google Shape;2292;p74"/>
            <p:cNvSpPr/>
            <p:nvPr/>
          </p:nvSpPr>
          <p:spPr>
            <a:xfrm>
              <a:off x="4841588" y="2747300"/>
              <a:ext cx="458775" cy="505325"/>
            </a:xfrm>
            <a:custGeom>
              <a:avLst/>
              <a:gdLst/>
              <a:ahLst/>
              <a:cxnLst/>
              <a:rect l="l" t="t" r="r" b="b"/>
              <a:pathLst>
                <a:path w="18351" h="20213" extrusionOk="0">
                  <a:moveTo>
                    <a:pt x="1193" y="544"/>
                  </a:moveTo>
                  <a:cubicBezTo>
                    <a:pt x="1361" y="565"/>
                    <a:pt x="1402" y="565"/>
                    <a:pt x="1486" y="586"/>
                  </a:cubicBezTo>
                  <a:cubicBezTo>
                    <a:pt x="2198" y="795"/>
                    <a:pt x="2888" y="795"/>
                    <a:pt x="3620" y="795"/>
                  </a:cubicBezTo>
                  <a:cubicBezTo>
                    <a:pt x="4081" y="795"/>
                    <a:pt x="4541" y="837"/>
                    <a:pt x="4980" y="879"/>
                  </a:cubicBezTo>
                  <a:cubicBezTo>
                    <a:pt x="5775" y="983"/>
                    <a:pt x="6571" y="963"/>
                    <a:pt x="7366" y="963"/>
                  </a:cubicBezTo>
                  <a:cubicBezTo>
                    <a:pt x="7596" y="963"/>
                    <a:pt x="7868" y="879"/>
                    <a:pt x="8098" y="816"/>
                  </a:cubicBezTo>
                  <a:cubicBezTo>
                    <a:pt x="8914" y="670"/>
                    <a:pt x="9688" y="502"/>
                    <a:pt x="10504" y="356"/>
                  </a:cubicBezTo>
                  <a:cubicBezTo>
                    <a:pt x="10797" y="293"/>
                    <a:pt x="11048" y="209"/>
                    <a:pt x="11320" y="126"/>
                  </a:cubicBezTo>
                  <a:cubicBezTo>
                    <a:pt x="11446" y="105"/>
                    <a:pt x="11571" y="42"/>
                    <a:pt x="11697" y="0"/>
                  </a:cubicBezTo>
                  <a:cubicBezTo>
                    <a:pt x="11781" y="126"/>
                    <a:pt x="11864" y="230"/>
                    <a:pt x="11927" y="335"/>
                  </a:cubicBezTo>
                  <a:cubicBezTo>
                    <a:pt x="12199" y="858"/>
                    <a:pt x="12471" y="1381"/>
                    <a:pt x="12743" y="1904"/>
                  </a:cubicBezTo>
                  <a:cubicBezTo>
                    <a:pt x="12848" y="2113"/>
                    <a:pt x="12994" y="2302"/>
                    <a:pt x="13057" y="2490"/>
                  </a:cubicBezTo>
                  <a:cubicBezTo>
                    <a:pt x="13413" y="3390"/>
                    <a:pt x="13852" y="4227"/>
                    <a:pt x="14291" y="5064"/>
                  </a:cubicBezTo>
                  <a:cubicBezTo>
                    <a:pt x="14375" y="5210"/>
                    <a:pt x="14459" y="5398"/>
                    <a:pt x="14563" y="5608"/>
                  </a:cubicBezTo>
                  <a:cubicBezTo>
                    <a:pt x="14417" y="5608"/>
                    <a:pt x="14312" y="5629"/>
                    <a:pt x="14250" y="5629"/>
                  </a:cubicBezTo>
                  <a:cubicBezTo>
                    <a:pt x="13664" y="5608"/>
                    <a:pt x="13120" y="5566"/>
                    <a:pt x="12576" y="5398"/>
                  </a:cubicBezTo>
                  <a:cubicBezTo>
                    <a:pt x="12366" y="5356"/>
                    <a:pt x="12115" y="5336"/>
                    <a:pt x="11885" y="5273"/>
                  </a:cubicBezTo>
                  <a:cubicBezTo>
                    <a:pt x="11592" y="5210"/>
                    <a:pt x="11341" y="5147"/>
                    <a:pt x="11069" y="5064"/>
                  </a:cubicBezTo>
                  <a:cubicBezTo>
                    <a:pt x="10860" y="5001"/>
                    <a:pt x="10630" y="4917"/>
                    <a:pt x="10421" y="4917"/>
                  </a:cubicBezTo>
                  <a:cubicBezTo>
                    <a:pt x="9751" y="4854"/>
                    <a:pt x="9144" y="4561"/>
                    <a:pt x="8558" y="4248"/>
                  </a:cubicBezTo>
                  <a:cubicBezTo>
                    <a:pt x="8014" y="3934"/>
                    <a:pt x="7491" y="3620"/>
                    <a:pt x="7094" y="3097"/>
                  </a:cubicBezTo>
                  <a:cubicBezTo>
                    <a:pt x="6989" y="2971"/>
                    <a:pt x="6863" y="2846"/>
                    <a:pt x="6654" y="2908"/>
                  </a:cubicBezTo>
                  <a:cubicBezTo>
                    <a:pt x="6508" y="2971"/>
                    <a:pt x="6487" y="3201"/>
                    <a:pt x="6571" y="3411"/>
                  </a:cubicBezTo>
                  <a:cubicBezTo>
                    <a:pt x="6759" y="3724"/>
                    <a:pt x="6947" y="4017"/>
                    <a:pt x="7240" y="4248"/>
                  </a:cubicBezTo>
                  <a:cubicBezTo>
                    <a:pt x="7889" y="4833"/>
                    <a:pt x="8642" y="5273"/>
                    <a:pt x="9479" y="5566"/>
                  </a:cubicBezTo>
                  <a:cubicBezTo>
                    <a:pt x="9667" y="5629"/>
                    <a:pt x="9876" y="5691"/>
                    <a:pt x="10086" y="5712"/>
                  </a:cubicBezTo>
                  <a:cubicBezTo>
                    <a:pt x="10400" y="5754"/>
                    <a:pt x="10693" y="5796"/>
                    <a:pt x="10944" y="5963"/>
                  </a:cubicBezTo>
                  <a:cubicBezTo>
                    <a:pt x="10985" y="5984"/>
                    <a:pt x="11027" y="5984"/>
                    <a:pt x="11048" y="5984"/>
                  </a:cubicBezTo>
                  <a:cubicBezTo>
                    <a:pt x="11822" y="6131"/>
                    <a:pt x="12576" y="6298"/>
                    <a:pt x="13329" y="6424"/>
                  </a:cubicBezTo>
                  <a:cubicBezTo>
                    <a:pt x="13831" y="6507"/>
                    <a:pt x="14354" y="6549"/>
                    <a:pt x="14856" y="6612"/>
                  </a:cubicBezTo>
                  <a:cubicBezTo>
                    <a:pt x="14961" y="6612"/>
                    <a:pt x="15024" y="6654"/>
                    <a:pt x="15128" y="6696"/>
                  </a:cubicBezTo>
                  <a:cubicBezTo>
                    <a:pt x="15317" y="7072"/>
                    <a:pt x="15484" y="7491"/>
                    <a:pt x="15651" y="7888"/>
                  </a:cubicBezTo>
                  <a:cubicBezTo>
                    <a:pt x="16216" y="9144"/>
                    <a:pt x="16739" y="10399"/>
                    <a:pt x="17283" y="11655"/>
                  </a:cubicBezTo>
                  <a:cubicBezTo>
                    <a:pt x="17367" y="11843"/>
                    <a:pt x="17430" y="12052"/>
                    <a:pt x="17493" y="12240"/>
                  </a:cubicBezTo>
                  <a:cubicBezTo>
                    <a:pt x="17639" y="12763"/>
                    <a:pt x="17807" y="13245"/>
                    <a:pt x="18058" y="13726"/>
                  </a:cubicBezTo>
                  <a:cubicBezTo>
                    <a:pt x="18204" y="13956"/>
                    <a:pt x="18246" y="14249"/>
                    <a:pt x="18351" y="14542"/>
                  </a:cubicBezTo>
                  <a:cubicBezTo>
                    <a:pt x="17974" y="14960"/>
                    <a:pt x="17702" y="15400"/>
                    <a:pt x="17325" y="15756"/>
                  </a:cubicBezTo>
                  <a:cubicBezTo>
                    <a:pt x="16907" y="16153"/>
                    <a:pt x="16447" y="16467"/>
                    <a:pt x="15944" y="16739"/>
                  </a:cubicBezTo>
                  <a:cubicBezTo>
                    <a:pt x="15442" y="16990"/>
                    <a:pt x="14919" y="17220"/>
                    <a:pt x="14396" y="17471"/>
                  </a:cubicBezTo>
                  <a:cubicBezTo>
                    <a:pt x="14312" y="17513"/>
                    <a:pt x="14208" y="17534"/>
                    <a:pt x="14145" y="17576"/>
                  </a:cubicBezTo>
                  <a:cubicBezTo>
                    <a:pt x="13664" y="17890"/>
                    <a:pt x="13203" y="18204"/>
                    <a:pt x="12701" y="18476"/>
                  </a:cubicBezTo>
                  <a:cubicBezTo>
                    <a:pt x="12471" y="18622"/>
                    <a:pt x="12220" y="18727"/>
                    <a:pt x="11969" y="18831"/>
                  </a:cubicBezTo>
                  <a:cubicBezTo>
                    <a:pt x="11153" y="19082"/>
                    <a:pt x="10337" y="19375"/>
                    <a:pt x="9542" y="19605"/>
                  </a:cubicBezTo>
                  <a:cubicBezTo>
                    <a:pt x="8977" y="19773"/>
                    <a:pt x="8454" y="19898"/>
                    <a:pt x="7868" y="19898"/>
                  </a:cubicBezTo>
                  <a:cubicBezTo>
                    <a:pt x="7282" y="19898"/>
                    <a:pt x="6675" y="20003"/>
                    <a:pt x="6131" y="20149"/>
                  </a:cubicBezTo>
                  <a:cubicBezTo>
                    <a:pt x="5985" y="20212"/>
                    <a:pt x="5796" y="20212"/>
                    <a:pt x="5629" y="20212"/>
                  </a:cubicBezTo>
                  <a:lnTo>
                    <a:pt x="3118" y="20212"/>
                  </a:lnTo>
                  <a:cubicBezTo>
                    <a:pt x="2783" y="20212"/>
                    <a:pt x="2490" y="20149"/>
                    <a:pt x="2177" y="19919"/>
                  </a:cubicBezTo>
                  <a:cubicBezTo>
                    <a:pt x="2239" y="19501"/>
                    <a:pt x="2009" y="19103"/>
                    <a:pt x="1863" y="18727"/>
                  </a:cubicBezTo>
                  <a:cubicBezTo>
                    <a:pt x="1821" y="18559"/>
                    <a:pt x="1758" y="18434"/>
                    <a:pt x="1758" y="18266"/>
                  </a:cubicBezTo>
                  <a:cubicBezTo>
                    <a:pt x="1800" y="17848"/>
                    <a:pt x="1633" y="17492"/>
                    <a:pt x="1528" y="17116"/>
                  </a:cubicBezTo>
                  <a:cubicBezTo>
                    <a:pt x="1423" y="16676"/>
                    <a:pt x="1319" y="16216"/>
                    <a:pt x="1214" y="15756"/>
                  </a:cubicBezTo>
                  <a:cubicBezTo>
                    <a:pt x="1109" y="15295"/>
                    <a:pt x="1068" y="14856"/>
                    <a:pt x="1068" y="14375"/>
                  </a:cubicBezTo>
                  <a:cubicBezTo>
                    <a:pt x="1068" y="14270"/>
                    <a:pt x="1005" y="14165"/>
                    <a:pt x="984" y="14040"/>
                  </a:cubicBezTo>
                  <a:cubicBezTo>
                    <a:pt x="963" y="13935"/>
                    <a:pt x="900" y="13851"/>
                    <a:pt x="921" y="13747"/>
                  </a:cubicBezTo>
                  <a:cubicBezTo>
                    <a:pt x="984" y="13140"/>
                    <a:pt x="754" y="12596"/>
                    <a:pt x="712" y="11989"/>
                  </a:cubicBezTo>
                  <a:cubicBezTo>
                    <a:pt x="712" y="11968"/>
                    <a:pt x="712" y="11927"/>
                    <a:pt x="691" y="11885"/>
                  </a:cubicBezTo>
                  <a:cubicBezTo>
                    <a:pt x="461" y="11424"/>
                    <a:pt x="545" y="10880"/>
                    <a:pt x="398" y="10399"/>
                  </a:cubicBezTo>
                  <a:cubicBezTo>
                    <a:pt x="377" y="10315"/>
                    <a:pt x="356" y="10190"/>
                    <a:pt x="377" y="10106"/>
                  </a:cubicBezTo>
                  <a:cubicBezTo>
                    <a:pt x="503" y="9792"/>
                    <a:pt x="377" y="9478"/>
                    <a:pt x="356" y="9165"/>
                  </a:cubicBezTo>
                  <a:cubicBezTo>
                    <a:pt x="356" y="8851"/>
                    <a:pt x="356" y="8516"/>
                    <a:pt x="335" y="8202"/>
                  </a:cubicBezTo>
                  <a:cubicBezTo>
                    <a:pt x="335" y="8077"/>
                    <a:pt x="273" y="7951"/>
                    <a:pt x="252" y="7805"/>
                  </a:cubicBezTo>
                  <a:cubicBezTo>
                    <a:pt x="231" y="7658"/>
                    <a:pt x="147" y="7491"/>
                    <a:pt x="189" y="7323"/>
                  </a:cubicBezTo>
                  <a:cubicBezTo>
                    <a:pt x="231" y="7177"/>
                    <a:pt x="168" y="7051"/>
                    <a:pt x="147" y="6926"/>
                  </a:cubicBezTo>
                  <a:cubicBezTo>
                    <a:pt x="63" y="6549"/>
                    <a:pt x="21" y="6214"/>
                    <a:pt x="105" y="5859"/>
                  </a:cubicBezTo>
                  <a:cubicBezTo>
                    <a:pt x="105" y="5796"/>
                    <a:pt x="126" y="5754"/>
                    <a:pt x="126" y="5691"/>
                  </a:cubicBezTo>
                  <a:cubicBezTo>
                    <a:pt x="1" y="5064"/>
                    <a:pt x="210" y="4478"/>
                    <a:pt x="335" y="3913"/>
                  </a:cubicBezTo>
                  <a:cubicBezTo>
                    <a:pt x="419" y="3578"/>
                    <a:pt x="524" y="3264"/>
                    <a:pt x="482" y="2929"/>
                  </a:cubicBezTo>
                  <a:cubicBezTo>
                    <a:pt x="482" y="2867"/>
                    <a:pt x="482" y="2825"/>
                    <a:pt x="524" y="2762"/>
                  </a:cubicBezTo>
                  <a:cubicBezTo>
                    <a:pt x="754" y="1988"/>
                    <a:pt x="963" y="1276"/>
                    <a:pt x="1193" y="544"/>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2293" name="Google Shape;2293;p74"/>
            <p:cNvSpPr/>
            <p:nvPr/>
          </p:nvSpPr>
          <p:spPr>
            <a:xfrm>
              <a:off x="4735413" y="2269175"/>
              <a:ext cx="578025" cy="480225"/>
            </a:xfrm>
            <a:custGeom>
              <a:avLst/>
              <a:gdLst/>
              <a:ahLst/>
              <a:cxnLst/>
              <a:rect l="l" t="t" r="r" b="b"/>
              <a:pathLst>
                <a:path w="23121" h="19209" extrusionOk="0">
                  <a:moveTo>
                    <a:pt x="0" y="12367"/>
                  </a:moveTo>
                  <a:cubicBezTo>
                    <a:pt x="314" y="12178"/>
                    <a:pt x="628" y="12011"/>
                    <a:pt x="963" y="11927"/>
                  </a:cubicBezTo>
                  <a:cubicBezTo>
                    <a:pt x="1276" y="11865"/>
                    <a:pt x="1548" y="11739"/>
                    <a:pt x="1779" y="11551"/>
                  </a:cubicBezTo>
                  <a:cubicBezTo>
                    <a:pt x="1988" y="11425"/>
                    <a:pt x="2197" y="11300"/>
                    <a:pt x="2385" y="11132"/>
                  </a:cubicBezTo>
                  <a:cubicBezTo>
                    <a:pt x="3013" y="10672"/>
                    <a:pt x="3264" y="10065"/>
                    <a:pt x="3097" y="9312"/>
                  </a:cubicBezTo>
                  <a:lnTo>
                    <a:pt x="3097" y="9207"/>
                  </a:lnTo>
                  <a:cubicBezTo>
                    <a:pt x="3369" y="8998"/>
                    <a:pt x="3683" y="8789"/>
                    <a:pt x="3955" y="8538"/>
                  </a:cubicBezTo>
                  <a:cubicBezTo>
                    <a:pt x="4478" y="8098"/>
                    <a:pt x="4896" y="7575"/>
                    <a:pt x="5001" y="6906"/>
                  </a:cubicBezTo>
                  <a:cubicBezTo>
                    <a:pt x="5043" y="6529"/>
                    <a:pt x="5022" y="6152"/>
                    <a:pt x="5022" y="5776"/>
                  </a:cubicBezTo>
                  <a:cubicBezTo>
                    <a:pt x="5022" y="5671"/>
                    <a:pt x="5001" y="5587"/>
                    <a:pt x="5001" y="5483"/>
                  </a:cubicBezTo>
                  <a:cubicBezTo>
                    <a:pt x="5356" y="5253"/>
                    <a:pt x="5838" y="5232"/>
                    <a:pt x="6152" y="4897"/>
                  </a:cubicBezTo>
                  <a:cubicBezTo>
                    <a:pt x="6465" y="4541"/>
                    <a:pt x="6758" y="4207"/>
                    <a:pt x="6968" y="3788"/>
                  </a:cubicBezTo>
                  <a:cubicBezTo>
                    <a:pt x="7177" y="3370"/>
                    <a:pt x="7030" y="2930"/>
                    <a:pt x="7135" y="2491"/>
                  </a:cubicBezTo>
                  <a:cubicBezTo>
                    <a:pt x="7512" y="2386"/>
                    <a:pt x="7846" y="2240"/>
                    <a:pt x="8181" y="2198"/>
                  </a:cubicBezTo>
                  <a:cubicBezTo>
                    <a:pt x="8976" y="2030"/>
                    <a:pt x="9604" y="1591"/>
                    <a:pt x="10232" y="1089"/>
                  </a:cubicBezTo>
                  <a:cubicBezTo>
                    <a:pt x="10650" y="754"/>
                    <a:pt x="10734" y="587"/>
                    <a:pt x="10985" y="1"/>
                  </a:cubicBezTo>
                  <a:cubicBezTo>
                    <a:pt x="11173" y="22"/>
                    <a:pt x="11194" y="168"/>
                    <a:pt x="11299" y="315"/>
                  </a:cubicBezTo>
                  <a:cubicBezTo>
                    <a:pt x="11424" y="524"/>
                    <a:pt x="11592" y="691"/>
                    <a:pt x="11843" y="775"/>
                  </a:cubicBezTo>
                  <a:cubicBezTo>
                    <a:pt x="12010" y="838"/>
                    <a:pt x="12136" y="942"/>
                    <a:pt x="12261" y="1047"/>
                  </a:cubicBezTo>
                  <a:cubicBezTo>
                    <a:pt x="12387" y="1152"/>
                    <a:pt x="12554" y="1256"/>
                    <a:pt x="12701" y="1256"/>
                  </a:cubicBezTo>
                  <a:cubicBezTo>
                    <a:pt x="13224" y="1277"/>
                    <a:pt x="13789" y="1277"/>
                    <a:pt x="14270" y="1110"/>
                  </a:cubicBezTo>
                  <a:cubicBezTo>
                    <a:pt x="14458" y="1068"/>
                    <a:pt x="14626" y="963"/>
                    <a:pt x="14772" y="838"/>
                  </a:cubicBezTo>
                  <a:cubicBezTo>
                    <a:pt x="14856" y="754"/>
                    <a:pt x="14960" y="670"/>
                    <a:pt x="15086" y="566"/>
                  </a:cubicBezTo>
                  <a:cubicBezTo>
                    <a:pt x="15191" y="691"/>
                    <a:pt x="15295" y="838"/>
                    <a:pt x="15379" y="942"/>
                  </a:cubicBezTo>
                  <a:cubicBezTo>
                    <a:pt x="15609" y="1319"/>
                    <a:pt x="15923" y="1675"/>
                    <a:pt x="16237" y="1989"/>
                  </a:cubicBezTo>
                  <a:cubicBezTo>
                    <a:pt x="16655" y="2407"/>
                    <a:pt x="17199" y="2574"/>
                    <a:pt x="17785" y="2637"/>
                  </a:cubicBezTo>
                  <a:lnTo>
                    <a:pt x="18120" y="2637"/>
                  </a:lnTo>
                  <a:cubicBezTo>
                    <a:pt x="18559" y="2658"/>
                    <a:pt x="18936" y="2470"/>
                    <a:pt x="19250" y="2156"/>
                  </a:cubicBezTo>
                  <a:lnTo>
                    <a:pt x="19898" y="1507"/>
                  </a:lnTo>
                  <a:cubicBezTo>
                    <a:pt x="20108" y="1738"/>
                    <a:pt x="20212" y="1947"/>
                    <a:pt x="20380" y="2198"/>
                  </a:cubicBezTo>
                  <a:cubicBezTo>
                    <a:pt x="20484" y="2365"/>
                    <a:pt x="20610" y="2533"/>
                    <a:pt x="20735" y="2679"/>
                  </a:cubicBezTo>
                  <a:cubicBezTo>
                    <a:pt x="21217" y="3181"/>
                    <a:pt x="21572" y="3265"/>
                    <a:pt x="22200" y="2993"/>
                  </a:cubicBezTo>
                  <a:cubicBezTo>
                    <a:pt x="22284" y="2972"/>
                    <a:pt x="22346" y="2951"/>
                    <a:pt x="22451" y="2930"/>
                  </a:cubicBezTo>
                  <a:cubicBezTo>
                    <a:pt x="22681" y="3370"/>
                    <a:pt x="22870" y="3830"/>
                    <a:pt x="22974" y="4311"/>
                  </a:cubicBezTo>
                  <a:cubicBezTo>
                    <a:pt x="23037" y="4855"/>
                    <a:pt x="23100" y="5399"/>
                    <a:pt x="23100" y="5964"/>
                  </a:cubicBezTo>
                  <a:cubicBezTo>
                    <a:pt x="23121" y="6529"/>
                    <a:pt x="23100" y="7136"/>
                    <a:pt x="23100" y="7701"/>
                  </a:cubicBezTo>
                  <a:cubicBezTo>
                    <a:pt x="23121" y="9333"/>
                    <a:pt x="22807" y="10881"/>
                    <a:pt x="22179" y="12367"/>
                  </a:cubicBezTo>
                  <a:cubicBezTo>
                    <a:pt x="22095" y="12555"/>
                    <a:pt x="21991" y="12764"/>
                    <a:pt x="21928" y="12911"/>
                  </a:cubicBezTo>
                  <a:cubicBezTo>
                    <a:pt x="21656" y="13392"/>
                    <a:pt x="21363" y="13831"/>
                    <a:pt x="21133" y="14292"/>
                  </a:cubicBezTo>
                  <a:cubicBezTo>
                    <a:pt x="20798" y="14982"/>
                    <a:pt x="20254" y="15484"/>
                    <a:pt x="19668" y="15945"/>
                  </a:cubicBezTo>
                  <a:cubicBezTo>
                    <a:pt x="19061" y="16426"/>
                    <a:pt x="18413" y="16865"/>
                    <a:pt x="17785" y="17305"/>
                  </a:cubicBezTo>
                  <a:cubicBezTo>
                    <a:pt x="17639" y="17409"/>
                    <a:pt x="17429" y="17514"/>
                    <a:pt x="17241" y="17598"/>
                  </a:cubicBezTo>
                  <a:cubicBezTo>
                    <a:pt x="16551" y="17849"/>
                    <a:pt x="15860" y="18142"/>
                    <a:pt x="15170" y="18372"/>
                  </a:cubicBezTo>
                  <a:cubicBezTo>
                    <a:pt x="14751" y="18518"/>
                    <a:pt x="14333" y="18581"/>
                    <a:pt x="13914" y="18686"/>
                  </a:cubicBezTo>
                  <a:cubicBezTo>
                    <a:pt x="13307" y="18832"/>
                    <a:pt x="12722" y="18937"/>
                    <a:pt x="12136" y="19062"/>
                  </a:cubicBezTo>
                  <a:cubicBezTo>
                    <a:pt x="11382" y="19209"/>
                    <a:pt x="10587" y="19209"/>
                    <a:pt x="9813" y="19146"/>
                  </a:cubicBezTo>
                  <a:cubicBezTo>
                    <a:pt x="8914" y="19062"/>
                    <a:pt x="8035" y="18958"/>
                    <a:pt x="7135" y="18979"/>
                  </a:cubicBezTo>
                  <a:cubicBezTo>
                    <a:pt x="6696" y="18979"/>
                    <a:pt x="6277" y="18958"/>
                    <a:pt x="5838" y="19000"/>
                  </a:cubicBezTo>
                  <a:cubicBezTo>
                    <a:pt x="5566" y="19041"/>
                    <a:pt x="5315" y="19000"/>
                    <a:pt x="5043" y="18979"/>
                  </a:cubicBezTo>
                  <a:cubicBezTo>
                    <a:pt x="4896" y="18958"/>
                    <a:pt x="4729" y="18874"/>
                    <a:pt x="4582" y="18832"/>
                  </a:cubicBezTo>
                  <a:cubicBezTo>
                    <a:pt x="4561" y="18832"/>
                    <a:pt x="4499" y="18790"/>
                    <a:pt x="4478" y="18769"/>
                  </a:cubicBezTo>
                  <a:cubicBezTo>
                    <a:pt x="3850" y="18414"/>
                    <a:pt x="3264" y="17995"/>
                    <a:pt x="2595" y="17723"/>
                  </a:cubicBezTo>
                  <a:cubicBezTo>
                    <a:pt x="2364" y="17619"/>
                    <a:pt x="2197" y="17472"/>
                    <a:pt x="2092" y="17200"/>
                  </a:cubicBezTo>
                  <a:cubicBezTo>
                    <a:pt x="2051" y="17054"/>
                    <a:pt x="1946" y="16907"/>
                    <a:pt x="1799" y="16782"/>
                  </a:cubicBezTo>
                  <a:cubicBezTo>
                    <a:pt x="1590" y="16572"/>
                    <a:pt x="1465" y="16342"/>
                    <a:pt x="1381" y="16049"/>
                  </a:cubicBezTo>
                  <a:cubicBezTo>
                    <a:pt x="1214" y="15526"/>
                    <a:pt x="942" y="15024"/>
                    <a:pt x="732" y="14543"/>
                  </a:cubicBezTo>
                  <a:cubicBezTo>
                    <a:pt x="628" y="14292"/>
                    <a:pt x="544" y="14041"/>
                    <a:pt x="481" y="13769"/>
                  </a:cubicBezTo>
                  <a:cubicBezTo>
                    <a:pt x="293" y="13329"/>
                    <a:pt x="167" y="12869"/>
                    <a:pt x="0" y="12367"/>
                  </a:cubicBezTo>
                  <a:close/>
                  <a:moveTo>
                    <a:pt x="10127" y="12388"/>
                  </a:moveTo>
                  <a:cubicBezTo>
                    <a:pt x="10546" y="13413"/>
                    <a:pt x="10797" y="13810"/>
                    <a:pt x="11466" y="14417"/>
                  </a:cubicBezTo>
                  <a:cubicBezTo>
                    <a:pt x="11822" y="14752"/>
                    <a:pt x="12199" y="15066"/>
                    <a:pt x="12575" y="15380"/>
                  </a:cubicBezTo>
                  <a:cubicBezTo>
                    <a:pt x="12722" y="15484"/>
                    <a:pt x="12889" y="15589"/>
                    <a:pt x="13077" y="15631"/>
                  </a:cubicBezTo>
                  <a:cubicBezTo>
                    <a:pt x="13831" y="15882"/>
                    <a:pt x="14605" y="16028"/>
                    <a:pt x="15379" y="15945"/>
                  </a:cubicBezTo>
                  <a:lnTo>
                    <a:pt x="15776" y="15945"/>
                  </a:lnTo>
                  <a:cubicBezTo>
                    <a:pt x="16216" y="15945"/>
                    <a:pt x="16634" y="15819"/>
                    <a:pt x="17011" y="15568"/>
                  </a:cubicBezTo>
                  <a:cubicBezTo>
                    <a:pt x="17283" y="15359"/>
                    <a:pt x="17555" y="15108"/>
                    <a:pt x="17806" y="14857"/>
                  </a:cubicBezTo>
                  <a:cubicBezTo>
                    <a:pt x="18308" y="14375"/>
                    <a:pt x="18517" y="13790"/>
                    <a:pt x="18517" y="13120"/>
                  </a:cubicBezTo>
                  <a:lnTo>
                    <a:pt x="18517" y="11425"/>
                  </a:lnTo>
                  <a:cubicBezTo>
                    <a:pt x="18517" y="11028"/>
                    <a:pt x="18517" y="10651"/>
                    <a:pt x="18392" y="10253"/>
                  </a:cubicBezTo>
                  <a:cubicBezTo>
                    <a:pt x="18329" y="10128"/>
                    <a:pt x="18371" y="9940"/>
                    <a:pt x="18329" y="9814"/>
                  </a:cubicBezTo>
                  <a:cubicBezTo>
                    <a:pt x="18287" y="9563"/>
                    <a:pt x="18225" y="9333"/>
                    <a:pt x="18120" y="9103"/>
                  </a:cubicBezTo>
                  <a:cubicBezTo>
                    <a:pt x="18078" y="8998"/>
                    <a:pt x="17953" y="8872"/>
                    <a:pt x="17848" y="8831"/>
                  </a:cubicBezTo>
                  <a:cubicBezTo>
                    <a:pt x="17450" y="8789"/>
                    <a:pt x="17053" y="8726"/>
                    <a:pt x="16697" y="8998"/>
                  </a:cubicBezTo>
                  <a:cubicBezTo>
                    <a:pt x="16404" y="9207"/>
                    <a:pt x="16048" y="9354"/>
                    <a:pt x="15714" y="9458"/>
                  </a:cubicBezTo>
                  <a:cubicBezTo>
                    <a:pt x="15588" y="9521"/>
                    <a:pt x="15484" y="9563"/>
                    <a:pt x="15358" y="9647"/>
                  </a:cubicBezTo>
                  <a:cubicBezTo>
                    <a:pt x="15086" y="9835"/>
                    <a:pt x="14772" y="9961"/>
                    <a:pt x="14479" y="10065"/>
                  </a:cubicBezTo>
                  <a:cubicBezTo>
                    <a:pt x="14144" y="10191"/>
                    <a:pt x="13810" y="10295"/>
                    <a:pt x="13496" y="10484"/>
                  </a:cubicBezTo>
                  <a:cubicBezTo>
                    <a:pt x="13182" y="10672"/>
                    <a:pt x="12868" y="10818"/>
                    <a:pt x="12533" y="10965"/>
                  </a:cubicBezTo>
                  <a:cubicBezTo>
                    <a:pt x="11864" y="11195"/>
                    <a:pt x="11215" y="11425"/>
                    <a:pt x="10608" y="11823"/>
                  </a:cubicBezTo>
                  <a:cubicBezTo>
                    <a:pt x="10420" y="11969"/>
                    <a:pt x="10232" y="12137"/>
                    <a:pt x="10127" y="12388"/>
                  </a:cubicBezTo>
                  <a:close/>
                  <a:moveTo>
                    <a:pt x="8809" y="9040"/>
                  </a:moveTo>
                  <a:cubicBezTo>
                    <a:pt x="8788" y="8684"/>
                    <a:pt x="8642" y="8391"/>
                    <a:pt x="8495" y="8098"/>
                  </a:cubicBezTo>
                  <a:cubicBezTo>
                    <a:pt x="8432" y="7973"/>
                    <a:pt x="8286" y="7952"/>
                    <a:pt x="8160" y="7994"/>
                  </a:cubicBezTo>
                  <a:cubicBezTo>
                    <a:pt x="7909" y="8098"/>
                    <a:pt x="7679" y="8266"/>
                    <a:pt x="7658" y="8559"/>
                  </a:cubicBezTo>
                  <a:cubicBezTo>
                    <a:pt x="7616" y="8914"/>
                    <a:pt x="7909" y="9416"/>
                    <a:pt x="8265" y="9542"/>
                  </a:cubicBezTo>
                  <a:cubicBezTo>
                    <a:pt x="8453" y="9626"/>
                    <a:pt x="8704" y="9521"/>
                    <a:pt x="8788" y="9333"/>
                  </a:cubicBezTo>
                  <a:cubicBezTo>
                    <a:pt x="8788" y="9228"/>
                    <a:pt x="8809" y="9124"/>
                    <a:pt x="8809" y="9040"/>
                  </a:cubicBezTo>
                  <a:close/>
                  <a:moveTo>
                    <a:pt x="17576" y="4479"/>
                  </a:moveTo>
                  <a:cubicBezTo>
                    <a:pt x="17241" y="4479"/>
                    <a:pt x="17136" y="4541"/>
                    <a:pt x="17074" y="4855"/>
                  </a:cubicBezTo>
                  <a:cubicBezTo>
                    <a:pt x="17053" y="4939"/>
                    <a:pt x="17053" y="5023"/>
                    <a:pt x="17053" y="5106"/>
                  </a:cubicBezTo>
                  <a:cubicBezTo>
                    <a:pt x="17032" y="5525"/>
                    <a:pt x="17262" y="5734"/>
                    <a:pt x="17681" y="5671"/>
                  </a:cubicBezTo>
                  <a:cubicBezTo>
                    <a:pt x="18057" y="5629"/>
                    <a:pt x="18204" y="5420"/>
                    <a:pt x="18183" y="5043"/>
                  </a:cubicBezTo>
                  <a:cubicBezTo>
                    <a:pt x="18162" y="4939"/>
                    <a:pt x="18120" y="4813"/>
                    <a:pt x="18099" y="4709"/>
                  </a:cubicBezTo>
                  <a:cubicBezTo>
                    <a:pt x="18057" y="4583"/>
                    <a:pt x="17973" y="4479"/>
                    <a:pt x="17806" y="4479"/>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294" name="Google Shape;2294;p74"/>
            <p:cNvSpPr/>
            <p:nvPr/>
          </p:nvSpPr>
          <p:spPr>
            <a:xfrm>
              <a:off x="7258788" y="2203800"/>
              <a:ext cx="357825" cy="566525"/>
            </a:xfrm>
            <a:custGeom>
              <a:avLst/>
              <a:gdLst/>
              <a:ahLst/>
              <a:cxnLst/>
              <a:rect l="l" t="t" r="r" b="b"/>
              <a:pathLst>
                <a:path w="14313" h="22661" extrusionOk="0">
                  <a:moveTo>
                    <a:pt x="9500" y="0"/>
                  </a:moveTo>
                  <a:cubicBezTo>
                    <a:pt x="9625" y="105"/>
                    <a:pt x="9751" y="189"/>
                    <a:pt x="9856" y="293"/>
                  </a:cubicBezTo>
                  <a:cubicBezTo>
                    <a:pt x="9981" y="419"/>
                    <a:pt x="10065" y="544"/>
                    <a:pt x="10190" y="649"/>
                  </a:cubicBezTo>
                  <a:cubicBezTo>
                    <a:pt x="10944" y="1256"/>
                    <a:pt x="11446" y="2072"/>
                    <a:pt x="12053" y="2804"/>
                  </a:cubicBezTo>
                  <a:cubicBezTo>
                    <a:pt x="12387" y="3557"/>
                    <a:pt x="12973" y="4122"/>
                    <a:pt x="13371" y="4855"/>
                  </a:cubicBezTo>
                  <a:cubicBezTo>
                    <a:pt x="13559" y="5252"/>
                    <a:pt x="13747" y="5671"/>
                    <a:pt x="13852" y="6110"/>
                  </a:cubicBezTo>
                  <a:cubicBezTo>
                    <a:pt x="13998" y="6696"/>
                    <a:pt x="14250" y="7219"/>
                    <a:pt x="14270" y="7826"/>
                  </a:cubicBezTo>
                  <a:cubicBezTo>
                    <a:pt x="14270" y="7993"/>
                    <a:pt x="14312" y="8161"/>
                    <a:pt x="14312" y="8349"/>
                  </a:cubicBezTo>
                  <a:cubicBezTo>
                    <a:pt x="14312" y="8726"/>
                    <a:pt x="14229" y="9060"/>
                    <a:pt x="13957" y="9395"/>
                  </a:cubicBezTo>
                  <a:cubicBezTo>
                    <a:pt x="13685" y="9730"/>
                    <a:pt x="13517" y="10169"/>
                    <a:pt x="13517" y="10630"/>
                  </a:cubicBezTo>
                  <a:cubicBezTo>
                    <a:pt x="13517" y="11111"/>
                    <a:pt x="13434" y="11571"/>
                    <a:pt x="13392" y="12052"/>
                  </a:cubicBezTo>
                  <a:cubicBezTo>
                    <a:pt x="13392" y="12136"/>
                    <a:pt x="13371" y="12199"/>
                    <a:pt x="13371" y="12283"/>
                  </a:cubicBezTo>
                  <a:cubicBezTo>
                    <a:pt x="13392" y="12889"/>
                    <a:pt x="13224" y="13433"/>
                    <a:pt x="12994" y="13977"/>
                  </a:cubicBezTo>
                  <a:cubicBezTo>
                    <a:pt x="12910" y="14166"/>
                    <a:pt x="12869" y="14375"/>
                    <a:pt x="12806" y="14584"/>
                  </a:cubicBezTo>
                  <a:cubicBezTo>
                    <a:pt x="12743" y="14877"/>
                    <a:pt x="12597" y="15128"/>
                    <a:pt x="12366" y="15296"/>
                  </a:cubicBezTo>
                  <a:cubicBezTo>
                    <a:pt x="12032" y="15547"/>
                    <a:pt x="11843" y="15902"/>
                    <a:pt x="11634" y="16216"/>
                  </a:cubicBezTo>
                  <a:cubicBezTo>
                    <a:pt x="11529" y="16384"/>
                    <a:pt x="11404" y="16551"/>
                    <a:pt x="11237" y="16677"/>
                  </a:cubicBezTo>
                  <a:cubicBezTo>
                    <a:pt x="11027" y="16865"/>
                    <a:pt x="10881" y="17074"/>
                    <a:pt x="10713" y="17262"/>
                  </a:cubicBezTo>
                  <a:cubicBezTo>
                    <a:pt x="10525" y="17493"/>
                    <a:pt x="10295" y="17702"/>
                    <a:pt x="10044" y="17827"/>
                  </a:cubicBezTo>
                  <a:cubicBezTo>
                    <a:pt x="9353" y="18204"/>
                    <a:pt x="8809" y="18685"/>
                    <a:pt x="8203" y="19166"/>
                  </a:cubicBezTo>
                  <a:lnTo>
                    <a:pt x="7972" y="19397"/>
                  </a:lnTo>
                  <a:cubicBezTo>
                    <a:pt x="7533" y="19941"/>
                    <a:pt x="7094" y="20464"/>
                    <a:pt x="6529" y="20924"/>
                  </a:cubicBezTo>
                  <a:cubicBezTo>
                    <a:pt x="6194" y="21196"/>
                    <a:pt x="5943" y="21594"/>
                    <a:pt x="5483" y="21782"/>
                  </a:cubicBezTo>
                  <a:cubicBezTo>
                    <a:pt x="5357" y="21824"/>
                    <a:pt x="5252" y="22012"/>
                    <a:pt x="5169" y="22179"/>
                  </a:cubicBezTo>
                  <a:cubicBezTo>
                    <a:pt x="5043" y="22410"/>
                    <a:pt x="4876" y="22493"/>
                    <a:pt x="4625" y="22514"/>
                  </a:cubicBezTo>
                  <a:cubicBezTo>
                    <a:pt x="4143" y="22535"/>
                    <a:pt x="3683" y="22598"/>
                    <a:pt x="3202" y="22640"/>
                  </a:cubicBezTo>
                  <a:cubicBezTo>
                    <a:pt x="2762" y="22661"/>
                    <a:pt x="2344" y="22556"/>
                    <a:pt x="1926" y="22493"/>
                  </a:cubicBezTo>
                  <a:cubicBezTo>
                    <a:pt x="1382" y="22389"/>
                    <a:pt x="858" y="22284"/>
                    <a:pt x="294" y="22138"/>
                  </a:cubicBezTo>
                  <a:cubicBezTo>
                    <a:pt x="252" y="22075"/>
                    <a:pt x="231" y="21970"/>
                    <a:pt x="210" y="21866"/>
                  </a:cubicBezTo>
                  <a:cubicBezTo>
                    <a:pt x="126" y="21259"/>
                    <a:pt x="84" y="20652"/>
                    <a:pt x="21" y="20045"/>
                  </a:cubicBezTo>
                  <a:cubicBezTo>
                    <a:pt x="1" y="19815"/>
                    <a:pt x="21" y="19606"/>
                    <a:pt x="42" y="19376"/>
                  </a:cubicBezTo>
                  <a:cubicBezTo>
                    <a:pt x="105" y="19062"/>
                    <a:pt x="84" y="18769"/>
                    <a:pt x="42" y="18455"/>
                  </a:cubicBezTo>
                  <a:cubicBezTo>
                    <a:pt x="21" y="18141"/>
                    <a:pt x="1" y="17806"/>
                    <a:pt x="1" y="17493"/>
                  </a:cubicBezTo>
                  <a:cubicBezTo>
                    <a:pt x="21" y="15735"/>
                    <a:pt x="63" y="14019"/>
                    <a:pt x="105" y="12262"/>
                  </a:cubicBezTo>
                  <a:cubicBezTo>
                    <a:pt x="105" y="12178"/>
                    <a:pt x="105" y="12094"/>
                    <a:pt x="126" y="11990"/>
                  </a:cubicBezTo>
                  <a:cubicBezTo>
                    <a:pt x="231" y="11927"/>
                    <a:pt x="335" y="11843"/>
                    <a:pt x="440" y="11780"/>
                  </a:cubicBezTo>
                  <a:cubicBezTo>
                    <a:pt x="545" y="11739"/>
                    <a:pt x="628" y="11655"/>
                    <a:pt x="733" y="11634"/>
                  </a:cubicBezTo>
                  <a:cubicBezTo>
                    <a:pt x="1695" y="11195"/>
                    <a:pt x="2532" y="10588"/>
                    <a:pt x="3390" y="9981"/>
                  </a:cubicBezTo>
                  <a:cubicBezTo>
                    <a:pt x="3871" y="9667"/>
                    <a:pt x="4290" y="9228"/>
                    <a:pt x="4834" y="8956"/>
                  </a:cubicBezTo>
                  <a:cubicBezTo>
                    <a:pt x="5629" y="8286"/>
                    <a:pt x="6257" y="7470"/>
                    <a:pt x="6675" y="6529"/>
                  </a:cubicBezTo>
                  <a:cubicBezTo>
                    <a:pt x="6780" y="6278"/>
                    <a:pt x="6801" y="5985"/>
                    <a:pt x="6843" y="5692"/>
                  </a:cubicBezTo>
                  <a:cubicBezTo>
                    <a:pt x="6884" y="5608"/>
                    <a:pt x="6822" y="5503"/>
                    <a:pt x="6780" y="5441"/>
                  </a:cubicBezTo>
                  <a:cubicBezTo>
                    <a:pt x="6696" y="5252"/>
                    <a:pt x="6466" y="5252"/>
                    <a:pt x="6361" y="5399"/>
                  </a:cubicBezTo>
                  <a:cubicBezTo>
                    <a:pt x="6278" y="5503"/>
                    <a:pt x="6215" y="5650"/>
                    <a:pt x="6194" y="5775"/>
                  </a:cubicBezTo>
                  <a:cubicBezTo>
                    <a:pt x="5985" y="6424"/>
                    <a:pt x="5545" y="6968"/>
                    <a:pt x="5127" y="7491"/>
                  </a:cubicBezTo>
                  <a:cubicBezTo>
                    <a:pt x="4918" y="7763"/>
                    <a:pt x="4646" y="7993"/>
                    <a:pt x="4395" y="8223"/>
                  </a:cubicBezTo>
                  <a:cubicBezTo>
                    <a:pt x="4290" y="8328"/>
                    <a:pt x="4164" y="8412"/>
                    <a:pt x="4018" y="8495"/>
                  </a:cubicBezTo>
                  <a:cubicBezTo>
                    <a:pt x="3704" y="8642"/>
                    <a:pt x="3432" y="8830"/>
                    <a:pt x="3223" y="9102"/>
                  </a:cubicBezTo>
                  <a:cubicBezTo>
                    <a:pt x="3223" y="9123"/>
                    <a:pt x="3181" y="9123"/>
                    <a:pt x="3160" y="9144"/>
                  </a:cubicBezTo>
                  <a:cubicBezTo>
                    <a:pt x="3034" y="9249"/>
                    <a:pt x="2909" y="9353"/>
                    <a:pt x="2742" y="9437"/>
                  </a:cubicBezTo>
                  <a:cubicBezTo>
                    <a:pt x="1967" y="9897"/>
                    <a:pt x="1235" y="10504"/>
                    <a:pt x="335" y="10818"/>
                  </a:cubicBezTo>
                  <a:cubicBezTo>
                    <a:pt x="210" y="10734"/>
                    <a:pt x="252" y="10609"/>
                    <a:pt x="294" y="10504"/>
                  </a:cubicBezTo>
                  <a:cubicBezTo>
                    <a:pt x="440" y="9437"/>
                    <a:pt x="524" y="8370"/>
                    <a:pt x="482" y="7261"/>
                  </a:cubicBezTo>
                  <a:cubicBezTo>
                    <a:pt x="482" y="7010"/>
                    <a:pt x="545" y="6738"/>
                    <a:pt x="586" y="6487"/>
                  </a:cubicBezTo>
                  <a:cubicBezTo>
                    <a:pt x="733" y="5692"/>
                    <a:pt x="691" y="4876"/>
                    <a:pt x="775" y="4101"/>
                  </a:cubicBezTo>
                  <a:cubicBezTo>
                    <a:pt x="817" y="3934"/>
                    <a:pt x="817" y="3767"/>
                    <a:pt x="838" y="3599"/>
                  </a:cubicBezTo>
                  <a:cubicBezTo>
                    <a:pt x="879" y="3390"/>
                    <a:pt x="984" y="3181"/>
                    <a:pt x="1047" y="2951"/>
                  </a:cubicBezTo>
                  <a:cubicBezTo>
                    <a:pt x="1298" y="2846"/>
                    <a:pt x="1591" y="2888"/>
                    <a:pt x="1821" y="2888"/>
                  </a:cubicBezTo>
                  <a:cubicBezTo>
                    <a:pt x="2302" y="2930"/>
                    <a:pt x="2762" y="2846"/>
                    <a:pt x="3202" y="2679"/>
                  </a:cubicBezTo>
                  <a:cubicBezTo>
                    <a:pt x="4018" y="2428"/>
                    <a:pt x="4855" y="2218"/>
                    <a:pt x="5671" y="1946"/>
                  </a:cubicBezTo>
                  <a:cubicBezTo>
                    <a:pt x="6340" y="1716"/>
                    <a:pt x="7031" y="1465"/>
                    <a:pt x="7680" y="1172"/>
                  </a:cubicBezTo>
                  <a:cubicBezTo>
                    <a:pt x="7868" y="1088"/>
                    <a:pt x="8056" y="963"/>
                    <a:pt x="8203" y="858"/>
                  </a:cubicBezTo>
                  <a:cubicBezTo>
                    <a:pt x="8621" y="565"/>
                    <a:pt x="9040" y="293"/>
                    <a:pt x="9500" y="0"/>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295" name="Google Shape;2295;p74"/>
            <p:cNvSpPr/>
            <p:nvPr/>
          </p:nvSpPr>
          <p:spPr>
            <a:xfrm>
              <a:off x="4614563" y="2949200"/>
              <a:ext cx="285625" cy="463475"/>
            </a:xfrm>
            <a:custGeom>
              <a:avLst/>
              <a:gdLst/>
              <a:ahLst/>
              <a:cxnLst/>
              <a:rect l="l" t="t" r="r" b="b"/>
              <a:pathLst>
                <a:path w="11425" h="18539" extrusionOk="0">
                  <a:moveTo>
                    <a:pt x="8558" y="1172"/>
                  </a:moveTo>
                  <a:cubicBezTo>
                    <a:pt x="8579" y="1298"/>
                    <a:pt x="8600" y="1340"/>
                    <a:pt x="8579" y="1382"/>
                  </a:cubicBezTo>
                  <a:cubicBezTo>
                    <a:pt x="8517" y="2072"/>
                    <a:pt x="8684" y="2679"/>
                    <a:pt x="8830" y="3348"/>
                  </a:cubicBezTo>
                  <a:cubicBezTo>
                    <a:pt x="8935" y="3725"/>
                    <a:pt x="9019" y="4123"/>
                    <a:pt x="9123" y="4499"/>
                  </a:cubicBezTo>
                  <a:cubicBezTo>
                    <a:pt x="9207" y="4834"/>
                    <a:pt x="9228" y="5211"/>
                    <a:pt x="9270" y="5566"/>
                  </a:cubicBezTo>
                  <a:cubicBezTo>
                    <a:pt x="9333" y="6110"/>
                    <a:pt x="9458" y="6696"/>
                    <a:pt x="9437" y="7261"/>
                  </a:cubicBezTo>
                  <a:cubicBezTo>
                    <a:pt x="9667" y="7952"/>
                    <a:pt x="9646" y="8684"/>
                    <a:pt x="9898" y="9353"/>
                  </a:cubicBezTo>
                  <a:cubicBezTo>
                    <a:pt x="10023" y="9646"/>
                    <a:pt x="10044" y="9981"/>
                    <a:pt x="10086" y="10295"/>
                  </a:cubicBezTo>
                  <a:cubicBezTo>
                    <a:pt x="10107" y="10462"/>
                    <a:pt x="10170" y="10651"/>
                    <a:pt x="10190" y="10797"/>
                  </a:cubicBezTo>
                  <a:cubicBezTo>
                    <a:pt x="10211" y="11027"/>
                    <a:pt x="10295" y="11237"/>
                    <a:pt x="10274" y="11488"/>
                  </a:cubicBezTo>
                  <a:cubicBezTo>
                    <a:pt x="10253" y="11822"/>
                    <a:pt x="10379" y="12157"/>
                    <a:pt x="10421" y="12471"/>
                  </a:cubicBezTo>
                  <a:cubicBezTo>
                    <a:pt x="10463" y="12680"/>
                    <a:pt x="10609" y="12806"/>
                    <a:pt x="10818" y="12806"/>
                  </a:cubicBezTo>
                  <a:cubicBezTo>
                    <a:pt x="11027" y="12827"/>
                    <a:pt x="11237" y="12827"/>
                    <a:pt x="11425" y="13078"/>
                  </a:cubicBezTo>
                  <a:cubicBezTo>
                    <a:pt x="11425" y="14647"/>
                    <a:pt x="11425" y="16237"/>
                    <a:pt x="11404" y="17848"/>
                  </a:cubicBezTo>
                  <a:cubicBezTo>
                    <a:pt x="11404" y="17932"/>
                    <a:pt x="11383" y="18037"/>
                    <a:pt x="11341" y="18141"/>
                  </a:cubicBezTo>
                  <a:cubicBezTo>
                    <a:pt x="11090" y="18162"/>
                    <a:pt x="10860" y="18225"/>
                    <a:pt x="10588" y="18225"/>
                  </a:cubicBezTo>
                  <a:cubicBezTo>
                    <a:pt x="9960" y="18204"/>
                    <a:pt x="9354" y="18351"/>
                    <a:pt x="8726" y="18267"/>
                  </a:cubicBezTo>
                  <a:cubicBezTo>
                    <a:pt x="8579" y="18246"/>
                    <a:pt x="8412" y="18246"/>
                    <a:pt x="8286" y="18309"/>
                  </a:cubicBezTo>
                  <a:cubicBezTo>
                    <a:pt x="7973" y="18434"/>
                    <a:pt x="7638" y="18455"/>
                    <a:pt x="7303" y="18497"/>
                  </a:cubicBezTo>
                  <a:cubicBezTo>
                    <a:pt x="7052" y="18497"/>
                    <a:pt x="6822" y="18539"/>
                    <a:pt x="6592" y="18434"/>
                  </a:cubicBezTo>
                  <a:cubicBezTo>
                    <a:pt x="6069" y="18497"/>
                    <a:pt x="5587" y="18309"/>
                    <a:pt x="5127" y="18037"/>
                  </a:cubicBezTo>
                  <a:cubicBezTo>
                    <a:pt x="4897" y="17911"/>
                    <a:pt x="4688" y="17974"/>
                    <a:pt x="4499" y="18141"/>
                  </a:cubicBezTo>
                  <a:cubicBezTo>
                    <a:pt x="4374" y="18037"/>
                    <a:pt x="4227" y="17953"/>
                    <a:pt x="4102" y="17890"/>
                  </a:cubicBezTo>
                  <a:cubicBezTo>
                    <a:pt x="3955" y="17786"/>
                    <a:pt x="3809" y="17639"/>
                    <a:pt x="3662" y="17514"/>
                  </a:cubicBezTo>
                  <a:cubicBezTo>
                    <a:pt x="3537" y="17409"/>
                    <a:pt x="3432" y="17283"/>
                    <a:pt x="3286" y="17158"/>
                  </a:cubicBezTo>
                  <a:cubicBezTo>
                    <a:pt x="3160" y="17011"/>
                    <a:pt x="3056" y="16865"/>
                    <a:pt x="2909" y="16760"/>
                  </a:cubicBezTo>
                  <a:cubicBezTo>
                    <a:pt x="2742" y="16656"/>
                    <a:pt x="2616" y="16488"/>
                    <a:pt x="2532" y="16342"/>
                  </a:cubicBezTo>
                  <a:cubicBezTo>
                    <a:pt x="2240" y="15819"/>
                    <a:pt x="1926" y="15296"/>
                    <a:pt x="1779" y="14689"/>
                  </a:cubicBezTo>
                  <a:cubicBezTo>
                    <a:pt x="1696" y="14396"/>
                    <a:pt x="1570" y="14124"/>
                    <a:pt x="1444" y="13852"/>
                  </a:cubicBezTo>
                  <a:cubicBezTo>
                    <a:pt x="1403" y="13789"/>
                    <a:pt x="1361" y="13664"/>
                    <a:pt x="1361" y="13601"/>
                  </a:cubicBezTo>
                  <a:cubicBezTo>
                    <a:pt x="1382" y="13141"/>
                    <a:pt x="1193" y="12743"/>
                    <a:pt x="1089" y="12304"/>
                  </a:cubicBezTo>
                  <a:cubicBezTo>
                    <a:pt x="1047" y="12178"/>
                    <a:pt x="1047" y="12032"/>
                    <a:pt x="1005" y="11864"/>
                  </a:cubicBezTo>
                  <a:lnTo>
                    <a:pt x="1005" y="11634"/>
                  </a:lnTo>
                  <a:cubicBezTo>
                    <a:pt x="796" y="10944"/>
                    <a:pt x="796" y="10211"/>
                    <a:pt x="566" y="9542"/>
                  </a:cubicBezTo>
                  <a:cubicBezTo>
                    <a:pt x="524" y="9416"/>
                    <a:pt x="524" y="9249"/>
                    <a:pt x="482" y="9102"/>
                  </a:cubicBezTo>
                  <a:cubicBezTo>
                    <a:pt x="461" y="8935"/>
                    <a:pt x="440" y="8809"/>
                    <a:pt x="377" y="8642"/>
                  </a:cubicBezTo>
                  <a:cubicBezTo>
                    <a:pt x="231" y="8224"/>
                    <a:pt x="147" y="7805"/>
                    <a:pt x="147" y="7366"/>
                  </a:cubicBezTo>
                  <a:cubicBezTo>
                    <a:pt x="147" y="7115"/>
                    <a:pt x="147" y="6843"/>
                    <a:pt x="43" y="6592"/>
                  </a:cubicBezTo>
                  <a:cubicBezTo>
                    <a:pt x="1" y="6445"/>
                    <a:pt x="1" y="6299"/>
                    <a:pt x="22" y="6131"/>
                  </a:cubicBezTo>
                  <a:cubicBezTo>
                    <a:pt x="126" y="5378"/>
                    <a:pt x="315" y="4646"/>
                    <a:pt x="628" y="3976"/>
                  </a:cubicBezTo>
                  <a:cubicBezTo>
                    <a:pt x="691" y="3788"/>
                    <a:pt x="796" y="3579"/>
                    <a:pt x="859" y="3390"/>
                  </a:cubicBezTo>
                  <a:cubicBezTo>
                    <a:pt x="963" y="3139"/>
                    <a:pt x="1068" y="2867"/>
                    <a:pt x="1340" y="2721"/>
                  </a:cubicBezTo>
                  <a:cubicBezTo>
                    <a:pt x="1465" y="2637"/>
                    <a:pt x="1570" y="2449"/>
                    <a:pt x="1612" y="2323"/>
                  </a:cubicBezTo>
                  <a:cubicBezTo>
                    <a:pt x="1905" y="1716"/>
                    <a:pt x="2344" y="1277"/>
                    <a:pt x="2825" y="838"/>
                  </a:cubicBezTo>
                  <a:cubicBezTo>
                    <a:pt x="3097" y="566"/>
                    <a:pt x="3453" y="356"/>
                    <a:pt x="3809" y="210"/>
                  </a:cubicBezTo>
                  <a:cubicBezTo>
                    <a:pt x="4332" y="1"/>
                    <a:pt x="4876" y="63"/>
                    <a:pt x="5441" y="231"/>
                  </a:cubicBezTo>
                  <a:cubicBezTo>
                    <a:pt x="5692" y="273"/>
                    <a:pt x="5964" y="356"/>
                    <a:pt x="6215" y="419"/>
                  </a:cubicBezTo>
                  <a:cubicBezTo>
                    <a:pt x="6696" y="524"/>
                    <a:pt x="7136" y="628"/>
                    <a:pt x="7575" y="796"/>
                  </a:cubicBezTo>
                  <a:cubicBezTo>
                    <a:pt x="7701" y="858"/>
                    <a:pt x="7868" y="900"/>
                    <a:pt x="7994" y="963"/>
                  </a:cubicBezTo>
                  <a:cubicBezTo>
                    <a:pt x="8245" y="1026"/>
                    <a:pt x="8391" y="1089"/>
                    <a:pt x="8558" y="1172"/>
                  </a:cubicBezTo>
                  <a:close/>
                  <a:moveTo>
                    <a:pt x="4709" y="8496"/>
                  </a:moveTo>
                  <a:cubicBezTo>
                    <a:pt x="4625" y="8579"/>
                    <a:pt x="4583" y="8600"/>
                    <a:pt x="4541" y="8684"/>
                  </a:cubicBezTo>
                  <a:cubicBezTo>
                    <a:pt x="4374" y="9040"/>
                    <a:pt x="4332" y="9437"/>
                    <a:pt x="4437" y="9856"/>
                  </a:cubicBezTo>
                  <a:cubicBezTo>
                    <a:pt x="4583" y="10337"/>
                    <a:pt x="4709" y="10818"/>
                    <a:pt x="4855" y="11278"/>
                  </a:cubicBezTo>
                  <a:cubicBezTo>
                    <a:pt x="5273" y="12366"/>
                    <a:pt x="5859" y="13371"/>
                    <a:pt x="7010" y="13894"/>
                  </a:cubicBezTo>
                  <a:cubicBezTo>
                    <a:pt x="7136" y="13936"/>
                    <a:pt x="7240" y="14019"/>
                    <a:pt x="7345" y="14061"/>
                  </a:cubicBezTo>
                  <a:cubicBezTo>
                    <a:pt x="7450" y="14124"/>
                    <a:pt x="7554" y="14145"/>
                    <a:pt x="7659" y="14145"/>
                  </a:cubicBezTo>
                  <a:lnTo>
                    <a:pt x="9082" y="14061"/>
                  </a:lnTo>
                  <a:cubicBezTo>
                    <a:pt x="9354" y="14040"/>
                    <a:pt x="9500" y="13852"/>
                    <a:pt x="9500" y="13538"/>
                  </a:cubicBezTo>
                  <a:cubicBezTo>
                    <a:pt x="9312" y="13434"/>
                    <a:pt x="9102" y="13413"/>
                    <a:pt x="8893" y="13392"/>
                  </a:cubicBezTo>
                  <a:cubicBezTo>
                    <a:pt x="8642" y="13371"/>
                    <a:pt x="8454" y="13329"/>
                    <a:pt x="8203" y="13371"/>
                  </a:cubicBezTo>
                  <a:cubicBezTo>
                    <a:pt x="7847" y="13392"/>
                    <a:pt x="7533" y="13287"/>
                    <a:pt x="7240" y="13078"/>
                  </a:cubicBezTo>
                  <a:lnTo>
                    <a:pt x="6843" y="12848"/>
                  </a:lnTo>
                  <a:cubicBezTo>
                    <a:pt x="6592" y="12701"/>
                    <a:pt x="6403" y="12492"/>
                    <a:pt x="6236" y="12262"/>
                  </a:cubicBezTo>
                  <a:cubicBezTo>
                    <a:pt x="5755" y="11613"/>
                    <a:pt x="5399" y="10881"/>
                    <a:pt x="5148" y="10086"/>
                  </a:cubicBezTo>
                  <a:cubicBezTo>
                    <a:pt x="5043" y="9814"/>
                    <a:pt x="4939" y="9521"/>
                    <a:pt x="4960" y="9207"/>
                  </a:cubicBezTo>
                  <a:cubicBezTo>
                    <a:pt x="4960" y="8935"/>
                    <a:pt x="4918" y="8705"/>
                    <a:pt x="4709" y="8496"/>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2296" name="Google Shape;2296;p74"/>
            <p:cNvSpPr/>
            <p:nvPr/>
          </p:nvSpPr>
          <p:spPr>
            <a:xfrm>
              <a:off x="4922663" y="3127050"/>
              <a:ext cx="509000" cy="310750"/>
            </a:xfrm>
            <a:custGeom>
              <a:avLst/>
              <a:gdLst/>
              <a:ahLst/>
              <a:cxnLst/>
              <a:rect l="l" t="t" r="r" b="b"/>
              <a:pathLst>
                <a:path w="20360" h="12430" extrusionOk="0">
                  <a:moveTo>
                    <a:pt x="147" y="11927"/>
                  </a:moveTo>
                  <a:cubicBezTo>
                    <a:pt x="105" y="11467"/>
                    <a:pt x="22" y="11027"/>
                    <a:pt x="22" y="10588"/>
                  </a:cubicBezTo>
                  <a:cubicBezTo>
                    <a:pt x="1" y="9186"/>
                    <a:pt x="1" y="7784"/>
                    <a:pt x="1" y="6382"/>
                  </a:cubicBezTo>
                  <a:cubicBezTo>
                    <a:pt x="1" y="6215"/>
                    <a:pt x="22" y="6089"/>
                    <a:pt x="22" y="5901"/>
                  </a:cubicBezTo>
                  <a:cubicBezTo>
                    <a:pt x="231" y="5901"/>
                    <a:pt x="377" y="5880"/>
                    <a:pt x="545" y="5880"/>
                  </a:cubicBezTo>
                  <a:lnTo>
                    <a:pt x="2574" y="5880"/>
                  </a:lnTo>
                  <a:cubicBezTo>
                    <a:pt x="2825" y="5880"/>
                    <a:pt x="3035" y="5817"/>
                    <a:pt x="3265" y="5776"/>
                  </a:cubicBezTo>
                  <a:cubicBezTo>
                    <a:pt x="3369" y="5755"/>
                    <a:pt x="3474" y="5713"/>
                    <a:pt x="3600" y="5692"/>
                  </a:cubicBezTo>
                  <a:cubicBezTo>
                    <a:pt x="4185" y="5629"/>
                    <a:pt x="4771" y="5566"/>
                    <a:pt x="5357" y="5462"/>
                  </a:cubicBezTo>
                  <a:cubicBezTo>
                    <a:pt x="6089" y="5315"/>
                    <a:pt x="6801" y="5106"/>
                    <a:pt x="7491" y="4918"/>
                  </a:cubicBezTo>
                  <a:cubicBezTo>
                    <a:pt x="7701" y="4855"/>
                    <a:pt x="7910" y="4750"/>
                    <a:pt x="8161" y="4708"/>
                  </a:cubicBezTo>
                  <a:cubicBezTo>
                    <a:pt x="8328" y="4646"/>
                    <a:pt x="8517" y="4583"/>
                    <a:pt x="8684" y="4520"/>
                  </a:cubicBezTo>
                  <a:cubicBezTo>
                    <a:pt x="8789" y="4478"/>
                    <a:pt x="8893" y="4395"/>
                    <a:pt x="8977" y="4395"/>
                  </a:cubicBezTo>
                  <a:cubicBezTo>
                    <a:pt x="9667" y="4311"/>
                    <a:pt x="10170" y="3892"/>
                    <a:pt x="10651" y="3495"/>
                  </a:cubicBezTo>
                  <a:cubicBezTo>
                    <a:pt x="10797" y="3390"/>
                    <a:pt x="10944" y="3348"/>
                    <a:pt x="11111" y="3265"/>
                  </a:cubicBezTo>
                  <a:cubicBezTo>
                    <a:pt x="11634" y="3035"/>
                    <a:pt x="12178" y="2763"/>
                    <a:pt x="12701" y="2532"/>
                  </a:cubicBezTo>
                  <a:cubicBezTo>
                    <a:pt x="13245" y="2302"/>
                    <a:pt x="13727" y="1967"/>
                    <a:pt x="14187" y="1591"/>
                  </a:cubicBezTo>
                  <a:cubicBezTo>
                    <a:pt x="14584" y="1298"/>
                    <a:pt x="14919" y="942"/>
                    <a:pt x="15191" y="503"/>
                  </a:cubicBezTo>
                  <a:cubicBezTo>
                    <a:pt x="15296" y="314"/>
                    <a:pt x="15421" y="147"/>
                    <a:pt x="15547" y="1"/>
                  </a:cubicBezTo>
                  <a:cubicBezTo>
                    <a:pt x="15861" y="42"/>
                    <a:pt x="16091" y="210"/>
                    <a:pt x="16300" y="398"/>
                  </a:cubicBezTo>
                  <a:cubicBezTo>
                    <a:pt x="16489" y="524"/>
                    <a:pt x="16677" y="670"/>
                    <a:pt x="16865" y="817"/>
                  </a:cubicBezTo>
                  <a:cubicBezTo>
                    <a:pt x="16907" y="858"/>
                    <a:pt x="16991" y="879"/>
                    <a:pt x="17033" y="942"/>
                  </a:cubicBezTo>
                  <a:cubicBezTo>
                    <a:pt x="17514" y="1444"/>
                    <a:pt x="18079" y="1654"/>
                    <a:pt x="18748" y="1758"/>
                  </a:cubicBezTo>
                  <a:cubicBezTo>
                    <a:pt x="19104" y="1800"/>
                    <a:pt x="19502" y="1800"/>
                    <a:pt x="19836" y="1988"/>
                  </a:cubicBezTo>
                  <a:cubicBezTo>
                    <a:pt x="19941" y="2030"/>
                    <a:pt x="20046" y="2093"/>
                    <a:pt x="20129" y="2177"/>
                  </a:cubicBezTo>
                  <a:cubicBezTo>
                    <a:pt x="20318" y="2344"/>
                    <a:pt x="20359" y="2637"/>
                    <a:pt x="20213" y="2846"/>
                  </a:cubicBezTo>
                  <a:cubicBezTo>
                    <a:pt x="20025" y="3076"/>
                    <a:pt x="19983" y="3369"/>
                    <a:pt x="19920" y="3641"/>
                  </a:cubicBezTo>
                  <a:cubicBezTo>
                    <a:pt x="19857" y="3851"/>
                    <a:pt x="19794" y="4060"/>
                    <a:pt x="19711" y="4290"/>
                  </a:cubicBezTo>
                  <a:cubicBezTo>
                    <a:pt x="19627" y="4520"/>
                    <a:pt x="19522" y="4729"/>
                    <a:pt x="19418" y="4959"/>
                  </a:cubicBezTo>
                  <a:cubicBezTo>
                    <a:pt x="19271" y="5336"/>
                    <a:pt x="19125" y="5692"/>
                    <a:pt x="18811" y="5985"/>
                  </a:cubicBezTo>
                  <a:cubicBezTo>
                    <a:pt x="18748" y="6068"/>
                    <a:pt x="18665" y="6194"/>
                    <a:pt x="18644" y="6320"/>
                  </a:cubicBezTo>
                  <a:cubicBezTo>
                    <a:pt x="18434" y="7094"/>
                    <a:pt x="17932" y="7659"/>
                    <a:pt x="17305" y="8098"/>
                  </a:cubicBezTo>
                  <a:cubicBezTo>
                    <a:pt x="16802" y="8475"/>
                    <a:pt x="16300" y="8809"/>
                    <a:pt x="15735" y="8998"/>
                  </a:cubicBezTo>
                  <a:cubicBezTo>
                    <a:pt x="15631" y="9019"/>
                    <a:pt x="15526" y="9081"/>
                    <a:pt x="15421" y="9144"/>
                  </a:cubicBezTo>
                  <a:cubicBezTo>
                    <a:pt x="14794" y="9667"/>
                    <a:pt x="14061" y="9939"/>
                    <a:pt x="13266" y="10190"/>
                  </a:cubicBezTo>
                  <a:cubicBezTo>
                    <a:pt x="12952" y="10295"/>
                    <a:pt x="12618" y="10400"/>
                    <a:pt x="12387" y="10672"/>
                  </a:cubicBezTo>
                  <a:cubicBezTo>
                    <a:pt x="12304" y="10755"/>
                    <a:pt x="12199" y="10776"/>
                    <a:pt x="12095" y="10818"/>
                  </a:cubicBezTo>
                  <a:cubicBezTo>
                    <a:pt x="11864" y="10923"/>
                    <a:pt x="11592" y="11027"/>
                    <a:pt x="11362" y="11174"/>
                  </a:cubicBezTo>
                  <a:cubicBezTo>
                    <a:pt x="11132" y="11278"/>
                    <a:pt x="10923" y="11383"/>
                    <a:pt x="10651" y="11404"/>
                  </a:cubicBezTo>
                  <a:cubicBezTo>
                    <a:pt x="10546" y="11404"/>
                    <a:pt x="10483" y="11425"/>
                    <a:pt x="10400" y="11467"/>
                  </a:cubicBezTo>
                  <a:cubicBezTo>
                    <a:pt x="9500" y="11906"/>
                    <a:pt x="8538" y="11990"/>
                    <a:pt x="7596" y="12094"/>
                  </a:cubicBezTo>
                  <a:lnTo>
                    <a:pt x="7491" y="12094"/>
                  </a:lnTo>
                  <a:cubicBezTo>
                    <a:pt x="7031" y="12283"/>
                    <a:pt x="6529" y="12199"/>
                    <a:pt x="6027" y="12241"/>
                  </a:cubicBezTo>
                  <a:cubicBezTo>
                    <a:pt x="5880" y="12241"/>
                    <a:pt x="5692" y="12241"/>
                    <a:pt x="5566" y="12366"/>
                  </a:cubicBezTo>
                  <a:cubicBezTo>
                    <a:pt x="5504" y="12429"/>
                    <a:pt x="5357" y="12429"/>
                    <a:pt x="5253" y="12429"/>
                  </a:cubicBezTo>
                  <a:lnTo>
                    <a:pt x="2281" y="12429"/>
                  </a:lnTo>
                  <a:lnTo>
                    <a:pt x="2240" y="12429"/>
                  </a:lnTo>
                  <a:cubicBezTo>
                    <a:pt x="1905" y="12429"/>
                    <a:pt x="1612" y="12178"/>
                    <a:pt x="1235" y="12241"/>
                  </a:cubicBezTo>
                  <a:cubicBezTo>
                    <a:pt x="900" y="12283"/>
                    <a:pt x="607" y="12136"/>
                    <a:pt x="294" y="12053"/>
                  </a:cubicBezTo>
                  <a:cubicBezTo>
                    <a:pt x="231" y="12011"/>
                    <a:pt x="231" y="12011"/>
                    <a:pt x="147" y="11927"/>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297" name="Google Shape;2297;p74"/>
            <p:cNvSpPr/>
            <p:nvPr/>
          </p:nvSpPr>
          <p:spPr>
            <a:xfrm>
              <a:off x="5428488" y="3056950"/>
              <a:ext cx="711425" cy="207175"/>
            </a:xfrm>
            <a:custGeom>
              <a:avLst/>
              <a:gdLst/>
              <a:ahLst/>
              <a:cxnLst/>
              <a:rect l="l" t="t" r="r" b="b"/>
              <a:pathLst>
                <a:path w="28457" h="8287" extrusionOk="0">
                  <a:moveTo>
                    <a:pt x="28457" y="22"/>
                  </a:moveTo>
                  <a:cubicBezTo>
                    <a:pt x="28373" y="440"/>
                    <a:pt x="28143" y="796"/>
                    <a:pt x="28038" y="1152"/>
                  </a:cubicBezTo>
                  <a:cubicBezTo>
                    <a:pt x="27934" y="1549"/>
                    <a:pt x="27892" y="1947"/>
                    <a:pt x="27808" y="2302"/>
                  </a:cubicBezTo>
                  <a:cubicBezTo>
                    <a:pt x="27683" y="2365"/>
                    <a:pt x="27578" y="2386"/>
                    <a:pt x="27474" y="2407"/>
                  </a:cubicBezTo>
                  <a:cubicBezTo>
                    <a:pt x="25318" y="2763"/>
                    <a:pt x="23226" y="3370"/>
                    <a:pt x="21113" y="3955"/>
                  </a:cubicBezTo>
                  <a:cubicBezTo>
                    <a:pt x="19899" y="4290"/>
                    <a:pt x="18686" y="4541"/>
                    <a:pt x="17472" y="4855"/>
                  </a:cubicBezTo>
                  <a:cubicBezTo>
                    <a:pt x="17347" y="4897"/>
                    <a:pt x="17242" y="4918"/>
                    <a:pt x="17075" y="4855"/>
                  </a:cubicBezTo>
                  <a:cubicBezTo>
                    <a:pt x="17012" y="4813"/>
                    <a:pt x="16844" y="4834"/>
                    <a:pt x="16740" y="4834"/>
                  </a:cubicBezTo>
                  <a:cubicBezTo>
                    <a:pt x="15463" y="5023"/>
                    <a:pt x="14187" y="5148"/>
                    <a:pt x="12911" y="5420"/>
                  </a:cubicBezTo>
                  <a:cubicBezTo>
                    <a:pt x="11446" y="5713"/>
                    <a:pt x="10002" y="6069"/>
                    <a:pt x="8559" y="6487"/>
                  </a:cubicBezTo>
                  <a:cubicBezTo>
                    <a:pt x="7805" y="6696"/>
                    <a:pt x="6989" y="6780"/>
                    <a:pt x="6194" y="6906"/>
                  </a:cubicBezTo>
                  <a:cubicBezTo>
                    <a:pt x="5776" y="6989"/>
                    <a:pt x="5336" y="6989"/>
                    <a:pt x="4897" y="7031"/>
                  </a:cubicBezTo>
                  <a:cubicBezTo>
                    <a:pt x="4499" y="7094"/>
                    <a:pt x="4102" y="7219"/>
                    <a:pt x="3746" y="7303"/>
                  </a:cubicBezTo>
                  <a:cubicBezTo>
                    <a:pt x="3328" y="7408"/>
                    <a:pt x="2888" y="7450"/>
                    <a:pt x="2470" y="7596"/>
                  </a:cubicBezTo>
                  <a:cubicBezTo>
                    <a:pt x="2093" y="7701"/>
                    <a:pt x="1758" y="7826"/>
                    <a:pt x="1382" y="7952"/>
                  </a:cubicBezTo>
                  <a:cubicBezTo>
                    <a:pt x="1256" y="8015"/>
                    <a:pt x="1110" y="8077"/>
                    <a:pt x="963" y="8140"/>
                  </a:cubicBezTo>
                  <a:cubicBezTo>
                    <a:pt x="629" y="8287"/>
                    <a:pt x="336" y="8245"/>
                    <a:pt x="105" y="7952"/>
                  </a:cubicBezTo>
                  <a:cubicBezTo>
                    <a:pt x="85" y="7910"/>
                    <a:pt x="22" y="7847"/>
                    <a:pt x="1" y="7805"/>
                  </a:cubicBezTo>
                  <a:cubicBezTo>
                    <a:pt x="168" y="7387"/>
                    <a:pt x="419" y="6947"/>
                    <a:pt x="440" y="6487"/>
                  </a:cubicBezTo>
                  <a:cubicBezTo>
                    <a:pt x="482" y="6048"/>
                    <a:pt x="524" y="5608"/>
                    <a:pt x="545" y="5127"/>
                  </a:cubicBezTo>
                  <a:cubicBezTo>
                    <a:pt x="921" y="4960"/>
                    <a:pt x="1277" y="4960"/>
                    <a:pt x="1675" y="4918"/>
                  </a:cubicBezTo>
                  <a:cubicBezTo>
                    <a:pt x="5315" y="4416"/>
                    <a:pt x="8956" y="3788"/>
                    <a:pt x="12534" y="3014"/>
                  </a:cubicBezTo>
                  <a:cubicBezTo>
                    <a:pt x="14145" y="2679"/>
                    <a:pt x="15777" y="2365"/>
                    <a:pt x="17367" y="2030"/>
                  </a:cubicBezTo>
                  <a:cubicBezTo>
                    <a:pt x="17451" y="2010"/>
                    <a:pt x="17535" y="2010"/>
                    <a:pt x="17577" y="1989"/>
                  </a:cubicBezTo>
                  <a:cubicBezTo>
                    <a:pt x="19104" y="1507"/>
                    <a:pt x="20694" y="1277"/>
                    <a:pt x="22243" y="1026"/>
                  </a:cubicBezTo>
                  <a:cubicBezTo>
                    <a:pt x="24230" y="670"/>
                    <a:pt x="26239" y="357"/>
                    <a:pt x="28248" y="43"/>
                  </a:cubicBezTo>
                  <a:cubicBezTo>
                    <a:pt x="28331" y="1"/>
                    <a:pt x="28352" y="1"/>
                    <a:pt x="28457" y="22"/>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298" name="Google Shape;2298;p74"/>
            <p:cNvSpPr/>
            <p:nvPr/>
          </p:nvSpPr>
          <p:spPr>
            <a:xfrm>
              <a:off x="6556288" y="2833075"/>
              <a:ext cx="620925" cy="192000"/>
            </a:xfrm>
            <a:custGeom>
              <a:avLst/>
              <a:gdLst/>
              <a:ahLst/>
              <a:cxnLst/>
              <a:rect l="l" t="t" r="r" b="b"/>
              <a:pathLst>
                <a:path w="24837" h="7680" extrusionOk="0">
                  <a:moveTo>
                    <a:pt x="24836" y="1"/>
                  </a:moveTo>
                  <a:cubicBezTo>
                    <a:pt x="24732" y="210"/>
                    <a:pt x="24669" y="335"/>
                    <a:pt x="24627" y="461"/>
                  </a:cubicBezTo>
                  <a:cubicBezTo>
                    <a:pt x="24481" y="691"/>
                    <a:pt x="24355" y="921"/>
                    <a:pt x="24230" y="1130"/>
                  </a:cubicBezTo>
                  <a:cubicBezTo>
                    <a:pt x="24146" y="1298"/>
                    <a:pt x="24062" y="1423"/>
                    <a:pt x="24000" y="1591"/>
                  </a:cubicBezTo>
                  <a:cubicBezTo>
                    <a:pt x="23916" y="1737"/>
                    <a:pt x="23811" y="1925"/>
                    <a:pt x="23728" y="2072"/>
                  </a:cubicBezTo>
                  <a:cubicBezTo>
                    <a:pt x="23581" y="2428"/>
                    <a:pt x="23602" y="2742"/>
                    <a:pt x="23832" y="3055"/>
                  </a:cubicBezTo>
                  <a:cubicBezTo>
                    <a:pt x="23895" y="3097"/>
                    <a:pt x="23916" y="3160"/>
                    <a:pt x="24000" y="3286"/>
                  </a:cubicBezTo>
                  <a:cubicBezTo>
                    <a:pt x="23686" y="3369"/>
                    <a:pt x="23414" y="3432"/>
                    <a:pt x="23121" y="3495"/>
                  </a:cubicBezTo>
                  <a:cubicBezTo>
                    <a:pt x="22807" y="3537"/>
                    <a:pt x="22493" y="3599"/>
                    <a:pt x="22179" y="3725"/>
                  </a:cubicBezTo>
                  <a:cubicBezTo>
                    <a:pt x="22033" y="3809"/>
                    <a:pt x="21844" y="3788"/>
                    <a:pt x="21698" y="3809"/>
                  </a:cubicBezTo>
                  <a:cubicBezTo>
                    <a:pt x="21238" y="3850"/>
                    <a:pt x="20777" y="3830"/>
                    <a:pt x="20359" y="4060"/>
                  </a:cubicBezTo>
                  <a:cubicBezTo>
                    <a:pt x="20254" y="4122"/>
                    <a:pt x="20087" y="4122"/>
                    <a:pt x="19961" y="4122"/>
                  </a:cubicBezTo>
                  <a:cubicBezTo>
                    <a:pt x="19396" y="4185"/>
                    <a:pt x="18790" y="4248"/>
                    <a:pt x="18204" y="4353"/>
                  </a:cubicBezTo>
                  <a:cubicBezTo>
                    <a:pt x="17869" y="4415"/>
                    <a:pt x="17555" y="4520"/>
                    <a:pt x="17220" y="4541"/>
                  </a:cubicBezTo>
                  <a:cubicBezTo>
                    <a:pt x="15672" y="4646"/>
                    <a:pt x="14165" y="4897"/>
                    <a:pt x="12659" y="5190"/>
                  </a:cubicBezTo>
                  <a:cubicBezTo>
                    <a:pt x="11676" y="5378"/>
                    <a:pt x="10671" y="5671"/>
                    <a:pt x="9688" y="5922"/>
                  </a:cubicBezTo>
                  <a:cubicBezTo>
                    <a:pt x="7637" y="6445"/>
                    <a:pt x="5608" y="6968"/>
                    <a:pt x="3515" y="7261"/>
                  </a:cubicBezTo>
                  <a:cubicBezTo>
                    <a:pt x="2992" y="7324"/>
                    <a:pt x="2469" y="7449"/>
                    <a:pt x="1946" y="7554"/>
                  </a:cubicBezTo>
                  <a:cubicBezTo>
                    <a:pt x="1653" y="7596"/>
                    <a:pt x="1402" y="7679"/>
                    <a:pt x="1109" y="7554"/>
                  </a:cubicBezTo>
                  <a:cubicBezTo>
                    <a:pt x="732" y="6863"/>
                    <a:pt x="398" y="6194"/>
                    <a:pt x="0" y="5462"/>
                  </a:cubicBezTo>
                  <a:cubicBezTo>
                    <a:pt x="105" y="5399"/>
                    <a:pt x="209" y="5357"/>
                    <a:pt x="314" y="5315"/>
                  </a:cubicBezTo>
                  <a:cubicBezTo>
                    <a:pt x="3411" y="4562"/>
                    <a:pt x="6528" y="3830"/>
                    <a:pt x="9625" y="3265"/>
                  </a:cubicBezTo>
                  <a:cubicBezTo>
                    <a:pt x="12387" y="2742"/>
                    <a:pt x="15149" y="2239"/>
                    <a:pt x="17890" y="1653"/>
                  </a:cubicBezTo>
                  <a:cubicBezTo>
                    <a:pt x="19417" y="1340"/>
                    <a:pt x="20924" y="963"/>
                    <a:pt x="22430" y="586"/>
                  </a:cubicBezTo>
                  <a:cubicBezTo>
                    <a:pt x="23079" y="440"/>
                    <a:pt x="23748" y="273"/>
                    <a:pt x="24418" y="126"/>
                  </a:cubicBezTo>
                  <a:cubicBezTo>
                    <a:pt x="24544" y="42"/>
                    <a:pt x="24627" y="42"/>
                    <a:pt x="24836" y="1"/>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299" name="Google Shape;2299;p74"/>
            <p:cNvSpPr/>
            <p:nvPr/>
          </p:nvSpPr>
          <p:spPr>
            <a:xfrm>
              <a:off x="7169863" y="2779725"/>
              <a:ext cx="210300" cy="162700"/>
            </a:xfrm>
            <a:custGeom>
              <a:avLst/>
              <a:gdLst/>
              <a:ahLst/>
              <a:cxnLst/>
              <a:rect l="l" t="t" r="r" b="b"/>
              <a:pathLst>
                <a:path w="8412" h="6508" extrusionOk="0">
                  <a:moveTo>
                    <a:pt x="1" y="4624"/>
                  </a:moveTo>
                  <a:cubicBezTo>
                    <a:pt x="105" y="4415"/>
                    <a:pt x="147" y="4290"/>
                    <a:pt x="231" y="4143"/>
                  </a:cubicBezTo>
                  <a:cubicBezTo>
                    <a:pt x="293" y="4039"/>
                    <a:pt x="377" y="3892"/>
                    <a:pt x="419" y="3787"/>
                  </a:cubicBezTo>
                  <a:cubicBezTo>
                    <a:pt x="524" y="3411"/>
                    <a:pt x="775" y="3097"/>
                    <a:pt x="1005" y="2783"/>
                  </a:cubicBezTo>
                  <a:cubicBezTo>
                    <a:pt x="1340" y="2386"/>
                    <a:pt x="1570" y="1946"/>
                    <a:pt x="1800" y="1465"/>
                  </a:cubicBezTo>
                  <a:cubicBezTo>
                    <a:pt x="1988" y="1109"/>
                    <a:pt x="2260" y="795"/>
                    <a:pt x="2511" y="440"/>
                  </a:cubicBezTo>
                  <a:cubicBezTo>
                    <a:pt x="2532" y="398"/>
                    <a:pt x="2574" y="377"/>
                    <a:pt x="2637" y="335"/>
                  </a:cubicBezTo>
                  <a:cubicBezTo>
                    <a:pt x="3034" y="272"/>
                    <a:pt x="3369" y="0"/>
                    <a:pt x="3788" y="126"/>
                  </a:cubicBezTo>
                  <a:cubicBezTo>
                    <a:pt x="4374" y="21"/>
                    <a:pt x="4897" y="230"/>
                    <a:pt x="5441" y="335"/>
                  </a:cubicBezTo>
                  <a:cubicBezTo>
                    <a:pt x="6110" y="502"/>
                    <a:pt x="6822" y="482"/>
                    <a:pt x="7533" y="377"/>
                  </a:cubicBezTo>
                  <a:cubicBezTo>
                    <a:pt x="7784" y="335"/>
                    <a:pt x="8056" y="293"/>
                    <a:pt x="8328" y="314"/>
                  </a:cubicBezTo>
                  <a:cubicBezTo>
                    <a:pt x="8307" y="502"/>
                    <a:pt x="8286" y="691"/>
                    <a:pt x="8265" y="837"/>
                  </a:cubicBezTo>
                  <a:lnTo>
                    <a:pt x="8265" y="1360"/>
                  </a:lnTo>
                  <a:cubicBezTo>
                    <a:pt x="8265" y="1591"/>
                    <a:pt x="8265" y="1842"/>
                    <a:pt x="8224" y="2093"/>
                  </a:cubicBezTo>
                  <a:cubicBezTo>
                    <a:pt x="8182" y="2323"/>
                    <a:pt x="8307" y="2574"/>
                    <a:pt x="8328" y="2825"/>
                  </a:cubicBezTo>
                  <a:cubicBezTo>
                    <a:pt x="8370" y="3013"/>
                    <a:pt x="8328" y="3181"/>
                    <a:pt x="8328" y="3411"/>
                  </a:cubicBezTo>
                  <a:cubicBezTo>
                    <a:pt x="8328" y="3515"/>
                    <a:pt x="8370" y="3620"/>
                    <a:pt x="8370" y="3746"/>
                  </a:cubicBezTo>
                  <a:cubicBezTo>
                    <a:pt x="8370" y="3850"/>
                    <a:pt x="8412" y="3976"/>
                    <a:pt x="8391" y="4080"/>
                  </a:cubicBezTo>
                  <a:cubicBezTo>
                    <a:pt x="8203" y="4750"/>
                    <a:pt x="8056" y="5440"/>
                    <a:pt x="7742" y="6068"/>
                  </a:cubicBezTo>
                  <a:cubicBezTo>
                    <a:pt x="7617" y="6319"/>
                    <a:pt x="7428" y="6424"/>
                    <a:pt x="7156" y="6424"/>
                  </a:cubicBezTo>
                  <a:lnTo>
                    <a:pt x="7010" y="6424"/>
                  </a:lnTo>
                  <a:cubicBezTo>
                    <a:pt x="6487" y="6319"/>
                    <a:pt x="5964" y="6403"/>
                    <a:pt x="5399" y="6466"/>
                  </a:cubicBezTo>
                  <a:cubicBezTo>
                    <a:pt x="5022" y="6508"/>
                    <a:pt x="4625" y="6487"/>
                    <a:pt x="4227" y="6319"/>
                  </a:cubicBezTo>
                  <a:cubicBezTo>
                    <a:pt x="3809" y="6173"/>
                    <a:pt x="3369" y="6068"/>
                    <a:pt x="2930" y="5943"/>
                  </a:cubicBezTo>
                  <a:cubicBezTo>
                    <a:pt x="2658" y="5859"/>
                    <a:pt x="2365" y="5775"/>
                    <a:pt x="2114" y="5671"/>
                  </a:cubicBezTo>
                  <a:cubicBezTo>
                    <a:pt x="1465" y="5420"/>
                    <a:pt x="838" y="5127"/>
                    <a:pt x="168" y="4834"/>
                  </a:cubicBezTo>
                  <a:cubicBezTo>
                    <a:pt x="210" y="4750"/>
                    <a:pt x="126" y="4708"/>
                    <a:pt x="1" y="4624"/>
                  </a:cubicBezTo>
                  <a:close/>
                </a:path>
              </a:pathLst>
            </a:custGeom>
            <a:solidFill>
              <a:schemeClr val="dk2"/>
            </a:solidFill>
            <a:ln>
              <a:noFill/>
            </a:ln>
          </p:spPr>
          <p:txBody>
            <a:bodyPr spcFirstLastPara="1" wrap="square" lIns="91425" tIns="91425" rIns="91425" bIns="91425" anchor="ctr" anchorCtr="0">
              <a:noAutofit/>
            </a:bodyPr>
            <a:lstStyle/>
            <a:p>
              <a:endParaRPr/>
            </a:p>
          </p:txBody>
        </p:sp>
        <p:sp>
          <p:nvSpPr>
            <p:cNvPr id="2300" name="Google Shape;2300;p74"/>
            <p:cNvSpPr/>
            <p:nvPr/>
          </p:nvSpPr>
          <p:spPr>
            <a:xfrm>
              <a:off x="4445613" y="1943300"/>
              <a:ext cx="888225" cy="863125"/>
            </a:xfrm>
            <a:custGeom>
              <a:avLst/>
              <a:gdLst/>
              <a:ahLst/>
              <a:cxnLst/>
              <a:rect l="l" t="t" r="r" b="b"/>
              <a:pathLst>
                <a:path w="35529" h="34525" extrusionOk="0">
                  <a:moveTo>
                    <a:pt x="6173" y="7261"/>
                  </a:moveTo>
                  <a:cubicBezTo>
                    <a:pt x="5943" y="6863"/>
                    <a:pt x="5859" y="6445"/>
                    <a:pt x="5796" y="6026"/>
                  </a:cubicBezTo>
                  <a:lnTo>
                    <a:pt x="5796" y="5922"/>
                  </a:lnTo>
                  <a:cubicBezTo>
                    <a:pt x="5796" y="5441"/>
                    <a:pt x="6361" y="4666"/>
                    <a:pt x="6801" y="4541"/>
                  </a:cubicBezTo>
                  <a:cubicBezTo>
                    <a:pt x="7386" y="4353"/>
                    <a:pt x="7993" y="4185"/>
                    <a:pt x="8579" y="4248"/>
                  </a:cubicBezTo>
                  <a:cubicBezTo>
                    <a:pt x="8893" y="4269"/>
                    <a:pt x="9186" y="4248"/>
                    <a:pt x="9500" y="4248"/>
                  </a:cubicBezTo>
                  <a:cubicBezTo>
                    <a:pt x="9730" y="4248"/>
                    <a:pt x="9939" y="4269"/>
                    <a:pt x="10190" y="4394"/>
                  </a:cubicBezTo>
                  <a:cubicBezTo>
                    <a:pt x="10232" y="4541"/>
                    <a:pt x="10253" y="4708"/>
                    <a:pt x="10337" y="4876"/>
                  </a:cubicBezTo>
                  <a:cubicBezTo>
                    <a:pt x="10399" y="5001"/>
                    <a:pt x="10462" y="5169"/>
                    <a:pt x="10567" y="5273"/>
                  </a:cubicBezTo>
                  <a:cubicBezTo>
                    <a:pt x="10839" y="5524"/>
                    <a:pt x="11195" y="5524"/>
                    <a:pt x="11487" y="5273"/>
                  </a:cubicBezTo>
                  <a:cubicBezTo>
                    <a:pt x="11780" y="5001"/>
                    <a:pt x="11801" y="4646"/>
                    <a:pt x="11571" y="4353"/>
                  </a:cubicBezTo>
                  <a:cubicBezTo>
                    <a:pt x="11404" y="4164"/>
                    <a:pt x="11257" y="4018"/>
                    <a:pt x="11069" y="3850"/>
                  </a:cubicBezTo>
                  <a:cubicBezTo>
                    <a:pt x="10943" y="3411"/>
                    <a:pt x="11132" y="3076"/>
                    <a:pt x="11467" y="2783"/>
                  </a:cubicBezTo>
                  <a:cubicBezTo>
                    <a:pt x="11822" y="2469"/>
                    <a:pt x="12220" y="2239"/>
                    <a:pt x="12722" y="2156"/>
                  </a:cubicBezTo>
                  <a:cubicBezTo>
                    <a:pt x="12743" y="2156"/>
                    <a:pt x="12806" y="2135"/>
                    <a:pt x="12827" y="2135"/>
                  </a:cubicBezTo>
                  <a:cubicBezTo>
                    <a:pt x="13538" y="1842"/>
                    <a:pt x="14270" y="1884"/>
                    <a:pt x="15024" y="1884"/>
                  </a:cubicBezTo>
                  <a:cubicBezTo>
                    <a:pt x="15316" y="1884"/>
                    <a:pt x="15547" y="1988"/>
                    <a:pt x="15651" y="2281"/>
                  </a:cubicBezTo>
                  <a:cubicBezTo>
                    <a:pt x="15693" y="2407"/>
                    <a:pt x="15756" y="2511"/>
                    <a:pt x="15840" y="2658"/>
                  </a:cubicBezTo>
                  <a:cubicBezTo>
                    <a:pt x="15902" y="2762"/>
                    <a:pt x="15986" y="2867"/>
                    <a:pt x="16091" y="2972"/>
                  </a:cubicBezTo>
                  <a:cubicBezTo>
                    <a:pt x="16363" y="3181"/>
                    <a:pt x="16823" y="3202"/>
                    <a:pt x="17032" y="2993"/>
                  </a:cubicBezTo>
                  <a:cubicBezTo>
                    <a:pt x="17241" y="2804"/>
                    <a:pt x="17262" y="2302"/>
                    <a:pt x="17053" y="2051"/>
                  </a:cubicBezTo>
                  <a:cubicBezTo>
                    <a:pt x="16948" y="1925"/>
                    <a:pt x="16823" y="1821"/>
                    <a:pt x="16697" y="1674"/>
                  </a:cubicBezTo>
                  <a:cubicBezTo>
                    <a:pt x="16614" y="1612"/>
                    <a:pt x="16509" y="1549"/>
                    <a:pt x="16425" y="1507"/>
                  </a:cubicBezTo>
                  <a:cubicBezTo>
                    <a:pt x="16404" y="1193"/>
                    <a:pt x="16509" y="942"/>
                    <a:pt x="16718" y="775"/>
                  </a:cubicBezTo>
                  <a:cubicBezTo>
                    <a:pt x="16802" y="712"/>
                    <a:pt x="16844" y="628"/>
                    <a:pt x="16928" y="565"/>
                  </a:cubicBezTo>
                  <a:cubicBezTo>
                    <a:pt x="17409" y="0"/>
                    <a:pt x="17974" y="0"/>
                    <a:pt x="18622" y="147"/>
                  </a:cubicBezTo>
                  <a:cubicBezTo>
                    <a:pt x="19564" y="314"/>
                    <a:pt x="20359" y="775"/>
                    <a:pt x="21133" y="1298"/>
                  </a:cubicBezTo>
                  <a:cubicBezTo>
                    <a:pt x="21384" y="1444"/>
                    <a:pt x="21531" y="1653"/>
                    <a:pt x="21552" y="1905"/>
                  </a:cubicBezTo>
                  <a:cubicBezTo>
                    <a:pt x="21594" y="2009"/>
                    <a:pt x="21594" y="2156"/>
                    <a:pt x="21614" y="2260"/>
                  </a:cubicBezTo>
                  <a:cubicBezTo>
                    <a:pt x="21656" y="2407"/>
                    <a:pt x="21824" y="2553"/>
                    <a:pt x="21970" y="2574"/>
                  </a:cubicBezTo>
                  <a:cubicBezTo>
                    <a:pt x="22179" y="2595"/>
                    <a:pt x="22368" y="2490"/>
                    <a:pt x="22430" y="2281"/>
                  </a:cubicBezTo>
                  <a:cubicBezTo>
                    <a:pt x="22451" y="2156"/>
                    <a:pt x="22472" y="2009"/>
                    <a:pt x="22472" y="1884"/>
                  </a:cubicBezTo>
                  <a:cubicBezTo>
                    <a:pt x="22472" y="1674"/>
                    <a:pt x="22598" y="1549"/>
                    <a:pt x="22744" y="1423"/>
                  </a:cubicBezTo>
                  <a:cubicBezTo>
                    <a:pt x="23205" y="1005"/>
                    <a:pt x="23749" y="1026"/>
                    <a:pt x="24314" y="1109"/>
                  </a:cubicBezTo>
                  <a:cubicBezTo>
                    <a:pt x="24523" y="1130"/>
                    <a:pt x="24690" y="1214"/>
                    <a:pt x="24899" y="1277"/>
                  </a:cubicBezTo>
                  <a:cubicBezTo>
                    <a:pt x="25674" y="1633"/>
                    <a:pt x="26260" y="2177"/>
                    <a:pt x="26824" y="2783"/>
                  </a:cubicBezTo>
                  <a:cubicBezTo>
                    <a:pt x="26866" y="2825"/>
                    <a:pt x="26929" y="2909"/>
                    <a:pt x="26950" y="2951"/>
                  </a:cubicBezTo>
                  <a:cubicBezTo>
                    <a:pt x="26971" y="3034"/>
                    <a:pt x="26971" y="3118"/>
                    <a:pt x="26992" y="3202"/>
                  </a:cubicBezTo>
                  <a:cubicBezTo>
                    <a:pt x="26887" y="3306"/>
                    <a:pt x="26783" y="3411"/>
                    <a:pt x="26720" y="3516"/>
                  </a:cubicBezTo>
                  <a:cubicBezTo>
                    <a:pt x="26552" y="3683"/>
                    <a:pt x="26511" y="3934"/>
                    <a:pt x="26636" y="4143"/>
                  </a:cubicBezTo>
                  <a:cubicBezTo>
                    <a:pt x="26741" y="4353"/>
                    <a:pt x="26929" y="4394"/>
                    <a:pt x="27159" y="4415"/>
                  </a:cubicBezTo>
                  <a:cubicBezTo>
                    <a:pt x="27578" y="4478"/>
                    <a:pt x="27892" y="4353"/>
                    <a:pt x="28038" y="3892"/>
                  </a:cubicBezTo>
                  <a:lnTo>
                    <a:pt x="28561" y="3892"/>
                  </a:lnTo>
                  <a:cubicBezTo>
                    <a:pt x="28812" y="3892"/>
                    <a:pt x="29021" y="3955"/>
                    <a:pt x="29231" y="4081"/>
                  </a:cubicBezTo>
                  <a:cubicBezTo>
                    <a:pt x="29482" y="4248"/>
                    <a:pt x="29775" y="4353"/>
                    <a:pt x="30026" y="4499"/>
                  </a:cubicBezTo>
                  <a:cubicBezTo>
                    <a:pt x="30193" y="4583"/>
                    <a:pt x="30319" y="4687"/>
                    <a:pt x="30423" y="4813"/>
                  </a:cubicBezTo>
                  <a:cubicBezTo>
                    <a:pt x="30612" y="5085"/>
                    <a:pt x="30800" y="5336"/>
                    <a:pt x="30925" y="5650"/>
                  </a:cubicBezTo>
                  <a:cubicBezTo>
                    <a:pt x="31051" y="5964"/>
                    <a:pt x="31072" y="6278"/>
                    <a:pt x="30842" y="6612"/>
                  </a:cubicBezTo>
                  <a:cubicBezTo>
                    <a:pt x="30591" y="6989"/>
                    <a:pt x="30758" y="7324"/>
                    <a:pt x="31239" y="7345"/>
                  </a:cubicBezTo>
                  <a:cubicBezTo>
                    <a:pt x="31679" y="7345"/>
                    <a:pt x="32097" y="7386"/>
                    <a:pt x="32537" y="7345"/>
                  </a:cubicBezTo>
                  <a:cubicBezTo>
                    <a:pt x="32892" y="7324"/>
                    <a:pt x="33164" y="7428"/>
                    <a:pt x="33436" y="7638"/>
                  </a:cubicBezTo>
                  <a:cubicBezTo>
                    <a:pt x="33750" y="7910"/>
                    <a:pt x="34085" y="8161"/>
                    <a:pt x="34399" y="8454"/>
                  </a:cubicBezTo>
                  <a:cubicBezTo>
                    <a:pt x="34922" y="8914"/>
                    <a:pt x="35006" y="9583"/>
                    <a:pt x="34922" y="10232"/>
                  </a:cubicBezTo>
                  <a:cubicBezTo>
                    <a:pt x="34922" y="10316"/>
                    <a:pt x="34838" y="10420"/>
                    <a:pt x="34817" y="10483"/>
                  </a:cubicBezTo>
                  <a:cubicBezTo>
                    <a:pt x="34713" y="10734"/>
                    <a:pt x="34587" y="10964"/>
                    <a:pt x="34441" y="11195"/>
                  </a:cubicBezTo>
                  <a:cubicBezTo>
                    <a:pt x="34315" y="11425"/>
                    <a:pt x="34273" y="11697"/>
                    <a:pt x="34273" y="11948"/>
                  </a:cubicBezTo>
                  <a:cubicBezTo>
                    <a:pt x="34273" y="12157"/>
                    <a:pt x="34210" y="12366"/>
                    <a:pt x="34190" y="12555"/>
                  </a:cubicBezTo>
                  <a:cubicBezTo>
                    <a:pt x="34524" y="12868"/>
                    <a:pt x="35027" y="12827"/>
                    <a:pt x="35529" y="12994"/>
                  </a:cubicBezTo>
                  <a:cubicBezTo>
                    <a:pt x="35340" y="13078"/>
                    <a:pt x="35236" y="13140"/>
                    <a:pt x="35152" y="13161"/>
                  </a:cubicBezTo>
                  <a:cubicBezTo>
                    <a:pt x="34754" y="13245"/>
                    <a:pt x="34482" y="13454"/>
                    <a:pt x="34231" y="13789"/>
                  </a:cubicBezTo>
                  <a:cubicBezTo>
                    <a:pt x="34190" y="13831"/>
                    <a:pt x="34127" y="13894"/>
                    <a:pt x="34085" y="13998"/>
                  </a:cubicBezTo>
                  <a:cubicBezTo>
                    <a:pt x="33897" y="13685"/>
                    <a:pt x="33708" y="13392"/>
                    <a:pt x="33562" y="13099"/>
                  </a:cubicBezTo>
                  <a:cubicBezTo>
                    <a:pt x="33353" y="12743"/>
                    <a:pt x="33018" y="12555"/>
                    <a:pt x="32620" y="12450"/>
                  </a:cubicBezTo>
                  <a:cubicBezTo>
                    <a:pt x="32495" y="12555"/>
                    <a:pt x="32516" y="12659"/>
                    <a:pt x="32578" y="12764"/>
                  </a:cubicBezTo>
                  <a:cubicBezTo>
                    <a:pt x="32850" y="13392"/>
                    <a:pt x="33143" y="13998"/>
                    <a:pt x="33436" y="14626"/>
                  </a:cubicBezTo>
                  <a:cubicBezTo>
                    <a:pt x="33478" y="14752"/>
                    <a:pt x="33541" y="14856"/>
                    <a:pt x="33583" y="14982"/>
                  </a:cubicBezTo>
                  <a:cubicBezTo>
                    <a:pt x="33646" y="15128"/>
                    <a:pt x="33562" y="15254"/>
                    <a:pt x="33457" y="15337"/>
                  </a:cubicBezTo>
                  <a:cubicBezTo>
                    <a:pt x="33353" y="15400"/>
                    <a:pt x="33206" y="15400"/>
                    <a:pt x="33102" y="15296"/>
                  </a:cubicBezTo>
                  <a:cubicBezTo>
                    <a:pt x="32997" y="15191"/>
                    <a:pt x="32850" y="15086"/>
                    <a:pt x="32788" y="14961"/>
                  </a:cubicBezTo>
                  <a:cubicBezTo>
                    <a:pt x="32516" y="14501"/>
                    <a:pt x="32181" y="14082"/>
                    <a:pt x="32014" y="13580"/>
                  </a:cubicBezTo>
                  <a:cubicBezTo>
                    <a:pt x="31909" y="13266"/>
                    <a:pt x="31741" y="13161"/>
                    <a:pt x="31469" y="13182"/>
                  </a:cubicBezTo>
                  <a:cubicBezTo>
                    <a:pt x="31281" y="13203"/>
                    <a:pt x="31135" y="13266"/>
                    <a:pt x="31072" y="13454"/>
                  </a:cubicBezTo>
                  <a:cubicBezTo>
                    <a:pt x="31030" y="13580"/>
                    <a:pt x="30967" y="13685"/>
                    <a:pt x="30925" y="13810"/>
                  </a:cubicBezTo>
                  <a:cubicBezTo>
                    <a:pt x="30758" y="14208"/>
                    <a:pt x="30444" y="14459"/>
                    <a:pt x="30172" y="14731"/>
                  </a:cubicBezTo>
                  <a:cubicBezTo>
                    <a:pt x="30089" y="14773"/>
                    <a:pt x="30005" y="14835"/>
                    <a:pt x="29900" y="14835"/>
                  </a:cubicBezTo>
                  <a:cubicBezTo>
                    <a:pt x="29335" y="14877"/>
                    <a:pt x="28770" y="14814"/>
                    <a:pt x="28331" y="14333"/>
                  </a:cubicBezTo>
                  <a:cubicBezTo>
                    <a:pt x="27912" y="13915"/>
                    <a:pt x="27620" y="13454"/>
                    <a:pt x="27306" y="12973"/>
                  </a:cubicBezTo>
                  <a:cubicBezTo>
                    <a:pt x="27243" y="12848"/>
                    <a:pt x="27243" y="12680"/>
                    <a:pt x="27201" y="12534"/>
                  </a:cubicBezTo>
                  <a:cubicBezTo>
                    <a:pt x="27180" y="12408"/>
                    <a:pt x="27201" y="12262"/>
                    <a:pt x="27180" y="12136"/>
                  </a:cubicBezTo>
                  <a:cubicBezTo>
                    <a:pt x="27159" y="11990"/>
                    <a:pt x="27055" y="11885"/>
                    <a:pt x="26866" y="11843"/>
                  </a:cubicBezTo>
                  <a:cubicBezTo>
                    <a:pt x="26720" y="11822"/>
                    <a:pt x="26552" y="11843"/>
                    <a:pt x="26469" y="12011"/>
                  </a:cubicBezTo>
                  <a:cubicBezTo>
                    <a:pt x="26343" y="12199"/>
                    <a:pt x="26239" y="12408"/>
                    <a:pt x="26218" y="12638"/>
                  </a:cubicBezTo>
                  <a:cubicBezTo>
                    <a:pt x="26134" y="13099"/>
                    <a:pt x="25841" y="13371"/>
                    <a:pt x="25381" y="13454"/>
                  </a:cubicBezTo>
                  <a:cubicBezTo>
                    <a:pt x="25109" y="13496"/>
                    <a:pt x="24858" y="13475"/>
                    <a:pt x="24586" y="13496"/>
                  </a:cubicBezTo>
                  <a:lnTo>
                    <a:pt x="24544" y="13496"/>
                  </a:lnTo>
                  <a:cubicBezTo>
                    <a:pt x="24460" y="13475"/>
                    <a:pt x="24376" y="13475"/>
                    <a:pt x="24335" y="13412"/>
                  </a:cubicBezTo>
                  <a:cubicBezTo>
                    <a:pt x="24104" y="13161"/>
                    <a:pt x="23686" y="13182"/>
                    <a:pt x="23498" y="12868"/>
                  </a:cubicBezTo>
                  <a:cubicBezTo>
                    <a:pt x="23393" y="12659"/>
                    <a:pt x="23267" y="12471"/>
                    <a:pt x="23100" y="12304"/>
                  </a:cubicBezTo>
                  <a:cubicBezTo>
                    <a:pt x="22954" y="12094"/>
                    <a:pt x="22870" y="11843"/>
                    <a:pt x="22849" y="11571"/>
                  </a:cubicBezTo>
                  <a:cubicBezTo>
                    <a:pt x="22807" y="11174"/>
                    <a:pt x="22744" y="10776"/>
                    <a:pt x="22661" y="10379"/>
                  </a:cubicBezTo>
                  <a:cubicBezTo>
                    <a:pt x="22577" y="10023"/>
                    <a:pt x="22389" y="9709"/>
                    <a:pt x="22158" y="9437"/>
                  </a:cubicBezTo>
                  <a:cubicBezTo>
                    <a:pt x="22075" y="9332"/>
                    <a:pt x="21970" y="9228"/>
                    <a:pt x="21845" y="9228"/>
                  </a:cubicBezTo>
                  <a:cubicBezTo>
                    <a:pt x="21698" y="9228"/>
                    <a:pt x="21552" y="9311"/>
                    <a:pt x="21489" y="9500"/>
                  </a:cubicBezTo>
                  <a:cubicBezTo>
                    <a:pt x="21531" y="9583"/>
                    <a:pt x="21594" y="9688"/>
                    <a:pt x="21656" y="9751"/>
                  </a:cubicBezTo>
                  <a:cubicBezTo>
                    <a:pt x="22054" y="10420"/>
                    <a:pt x="22158" y="11090"/>
                    <a:pt x="22033" y="11822"/>
                  </a:cubicBezTo>
                  <a:cubicBezTo>
                    <a:pt x="21970" y="12115"/>
                    <a:pt x="21907" y="12429"/>
                    <a:pt x="21845" y="12722"/>
                  </a:cubicBezTo>
                  <a:cubicBezTo>
                    <a:pt x="21761" y="13099"/>
                    <a:pt x="21531" y="13392"/>
                    <a:pt x="21217" y="13622"/>
                  </a:cubicBezTo>
                  <a:cubicBezTo>
                    <a:pt x="20694" y="14019"/>
                    <a:pt x="20150" y="14333"/>
                    <a:pt x="19501" y="14459"/>
                  </a:cubicBezTo>
                  <a:cubicBezTo>
                    <a:pt x="19250" y="14521"/>
                    <a:pt x="19020" y="14605"/>
                    <a:pt x="18790" y="14647"/>
                  </a:cubicBezTo>
                  <a:cubicBezTo>
                    <a:pt x="18706" y="14668"/>
                    <a:pt x="18601" y="14668"/>
                    <a:pt x="18497" y="14668"/>
                  </a:cubicBezTo>
                  <a:cubicBezTo>
                    <a:pt x="18392" y="14521"/>
                    <a:pt x="18288" y="14396"/>
                    <a:pt x="18183" y="14249"/>
                  </a:cubicBezTo>
                  <a:cubicBezTo>
                    <a:pt x="18057" y="14103"/>
                    <a:pt x="17890" y="14019"/>
                    <a:pt x="17681" y="14019"/>
                  </a:cubicBezTo>
                  <a:lnTo>
                    <a:pt x="17158" y="14019"/>
                  </a:lnTo>
                  <a:cubicBezTo>
                    <a:pt x="16697" y="14040"/>
                    <a:pt x="16488" y="14501"/>
                    <a:pt x="16739" y="14877"/>
                  </a:cubicBezTo>
                  <a:cubicBezTo>
                    <a:pt x="16844" y="15045"/>
                    <a:pt x="17011" y="15149"/>
                    <a:pt x="17200" y="15254"/>
                  </a:cubicBezTo>
                  <a:cubicBezTo>
                    <a:pt x="17367" y="15358"/>
                    <a:pt x="17576" y="15400"/>
                    <a:pt x="17765" y="15484"/>
                  </a:cubicBezTo>
                  <a:cubicBezTo>
                    <a:pt x="18162" y="16551"/>
                    <a:pt x="17200" y="17681"/>
                    <a:pt x="16195" y="17681"/>
                  </a:cubicBezTo>
                  <a:cubicBezTo>
                    <a:pt x="16174" y="17660"/>
                    <a:pt x="16091" y="17639"/>
                    <a:pt x="16070" y="17576"/>
                  </a:cubicBezTo>
                  <a:cubicBezTo>
                    <a:pt x="15756" y="17221"/>
                    <a:pt x="15337" y="17221"/>
                    <a:pt x="14919" y="17242"/>
                  </a:cubicBezTo>
                  <a:cubicBezTo>
                    <a:pt x="14480" y="17283"/>
                    <a:pt x="14291" y="17744"/>
                    <a:pt x="14521" y="18099"/>
                  </a:cubicBezTo>
                  <a:cubicBezTo>
                    <a:pt x="14710" y="18392"/>
                    <a:pt x="14940" y="18643"/>
                    <a:pt x="15358" y="18622"/>
                  </a:cubicBezTo>
                  <a:cubicBezTo>
                    <a:pt x="15463" y="18622"/>
                    <a:pt x="15547" y="18643"/>
                    <a:pt x="15630" y="18643"/>
                  </a:cubicBezTo>
                  <a:cubicBezTo>
                    <a:pt x="15672" y="18706"/>
                    <a:pt x="15735" y="18748"/>
                    <a:pt x="15735" y="18811"/>
                  </a:cubicBezTo>
                  <a:cubicBezTo>
                    <a:pt x="15860" y="19480"/>
                    <a:pt x="15860" y="20150"/>
                    <a:pt x="15337" y="20673"/>
                  </a:cubicBezTo>
                  <a:cubicBezTo>
                    <a:pt x="15065" y="20924"/>
                    <a:pt x="14814" y="21154"/>
                    <a:pt x="14500" y="21343"/>
                  </a:cubicBezTo>
                  <a:cubicBezTo>
                    <a:pt x="14312" y="21447"/>
                    <a:pt x="14082" y="21468"/>
                    <a:pt x="13852" y="21531"/>
                  </a:cubicBezTo>
                  <a:cubicBezTo>
                    <a:pt x="13684" y="21552"/>
                    <a:pt x="13538" y="21531"/>
                    <a:pt x="13391" y="21552"/>
                  </a:cubicBezTo>
                  <a:cubicBezTo>
                    <a:pt x="13245" y="21573"/>
                    <a:pt x="13119" y="21740"/>
                    <a:pt x="13078" y="21928"/>
                  </a:cubicBezTo>
                  <a:cubicBezTo>
                    <a:pt x="13057" y="22075"/>
                    <a:pt x="13161" y="22263"/>
                    <a:pt x="13329" y="22347"/>
                  </a:cubicBezTo>
                  <a:cubicBezTo>
                    <a:pt x="13391" y="22368"/>
                    <a:pt x="13475" y="22368"/>
                    <a:pt x="13538" y="22389"/>
                  </a:cubicBezTo>
                  <a:cubicBezTo>
                    <a:pt x="13747" y="22451"/>
                    <a:pt x="13873" y="22577"/>
                    <a:pt x="13873" y="22786"/>
                  </a:cubicBezTo>
                  <a:cubicBezTo>
                    <a:pt x="13894" y="23037"/>
                    <a:pt x="13810" y="23288"/>
                    <a:pt x="13601" y="23435"/>
                  </a:cubicBezTo>
                  <a:cubicBezTo>
                    <a:pt x="13161" y="23749"/>
                    <a:pt x="12743" y="24146"/>
                    <a:pt x="12199" y="24230"/>
                  </a:cubicBezTo>
                  <a:cubicBezTo>
                    <a:pt x="12094" y="24251"/>
                    <a:pt x="11969" y="24272"/>
                    <a:pt x="11885" y="24335"/>
                  </a:cubicBezTo>
                  <a:cubicBezTo>
                    <a:pt x="11467" y="24607"/>
                    <a:pt x="10985" y="24607"/>
                    <a:pt x="10525" y="24586"/>
                  </a:cubicBezTo>
                  <a:cubicBezTo>
                    <a:pt x="10253" y="24586"/>
                    <a:pt x="10002" y="24607"/>
                    <a:pt x="9730" y="24565"/>
                  </a:cubicBezTo>
                  <a:cubicBezTo>
                    <a:pt x="9604" y="24146"/>
                    <a:pt x="9583" y="23874"/>
                    <a:pt x="9667" y="23435"/>
                  </a:cubicBezTo>
                  <a:cubicBezTo>
                    <a:pt x="9709" y="23184"/>
                    <a:pt x="9730" y="22912"/>
                    <a:pt x="9709" y="22661"/>
                  </a:cubicBezTo>
                  <a:cubicBezTo>
                    <a:pt x="9688" y="22368"/>
                    <a:pt x="9793" y="22096"/>
                    <a:pt x="10044" y="21928"/>
                  </a:cubicBezTo>
                  <a:cubicBezTo>
                    <a:pt x="10106" y="21907"/>
                    <a:pt x="10127" y="21845"/>
                    <a:pt x="10148" y="21824"/>
                  </a:cubicBezTo>
                  <a:cubicBezTo>
                    <a:pt x="10106" y="21635"/>
                    <a:pt x="9981" y="21635"/>
                    <a:pt x="9834" y="21615"/>
                  </a:cubicBezTo>
                  <a:cubicBezTo>
                    <a:pt x="9709" y="21594"/>
                    <a:pt x="9604" y="21615"/>
                    <a:pt x="9521" y="21719"/>
                  </a:cubicBezTo>
                  <a:cubicBezTo>
                    <a:pt x="9353" y="22033"/>
                    <a:pt x="9102" y="22326"/>
                    <a:pt x="9060" y="22744"/>
                  </a:cubicBezTo>
                  <a:cubicBezTo>
                    <a:pt x="8998" y="23205"/>
                    <a:pt x="8935" y="23707"/>
                    <a:pt x="8579" y="24125"/>
                  </a:cubicBezTo>
                  <a:cubicBezTo>
                    <a:pt x="8474" y="24251"/>
                    <a:pt x="8454" y="24439"/>
                    <a:pt x="8537" y="24607"/>
                  </a:cubicBezTo>
                  <a:cubicBezTo>
                    <a:pt x="8579" y="24774"/>
                    <a:pt x="8663" y="24941"/>
                    <a:pt x="8746" y="25088"/>
                  </a:cubicBezTo>
                  <a:cubicBezTo>
                    <a:pt x="8684" y="25276"/>
                    <a:pt x="8558" y="25381"/>
                    <a:pt x="8412" y="25444"/>
                  </a:cubicBezTo>
                  <a:cubicBezTo>
                    <a:pt x="8119" y="25590"/>
                    <a:pt x="7951" y="25841"/>
                    <a:pt x="7784" y="26071"/>
                  </a:cubicBezTo>
                  <a:cubicBezTo>
                    <a:pt x="7512" y="26448"/>
                    <a:pt x="7386" y="26845"/>
                    <a:pt x="7428" y="27306"/>
                  </a:cubicBezTo>
                  <a:cubicBezTo>
                    <a:pt x="7470" y="27536"/>
                    <a:pt x="7470" y="27808"/>
                    <a:pt x="7428" y="28038"/>
                  </a:cubicBezTo>
                  <a:cubicBezTo>
                    <a:pt x="7407" y="28331"/>
                    <a:pt x="7491" y="28624"/>
                    <a:pt x="7700" y="28833"/>
                  </a:cubicBezTo>
                  <a:cubicBezTo>
                    <a:pt x="7909" y="29084"/>
                    <a:pt x="8140" y="29356"/>
                    <a:pt x="8370" y="29586"/>
                  </a:cubicBezTo>
                  <a:cubicBezTo>
                    <a:pt x="8516" y="29733"/>
                    <a:pt x="8684" y="29879"/>
                    <a:pt x="8851" y="30005"/>
                  </a:cubicBezTo>
                  <a:cubicBezTo>
                    <a:pt x="9039" y="30193"/>
                    <a:pt x="9270" y="30298"/>
                    <a:pt x="9500" y="30319"/>
                  </a:cubicBezTo>
                  <a:cubicBezTo>
                    <a:pt x="9814" y="30340"/>
                    <a:pt x="10127" y="30423"/>
                    <a:pt x="10441" y="30507"/>
                  </a:cubicBezTo>
                  <a:cubicBezTo>
                    <a:pt x="11048" y="30612"/>
                    <a:pt x="11655" y="30633"/>
                    <a:pt x="12241" y="30423"/>
                  </a:cubicBezTo>
                  <a:cubicBezTo>
                    <a:pt x="12429" y="30361"/>
                    <a:pt x="12659" y="30340"/>
                    <a:pt x="12847" y="30319"/>
                  </a:cubicBezTo>
                  <a:cubicBezTo>
                    <a:pt x="12973" y="30716"/>
                    <a:pt x="12973" y="30716"/>
                    <a:pt x="13287" y="31051"/>
                  </a:cubicBezTo>
                  <a:cubicBezTo>
                    <a:pt x="13350" y="31135"/>
                    <a:pt x="13454" y="31177"/>
                    <a:pt x="13475" y="31260"/>
                  </a:cubicBezTo>
                  <a:cubicBezTo>
                    <a:pt x="13559" y="31616"/>
                    <a:pt x="13852" y="31721"/>
                    <a:pt x="14166" y="31867"/>
                  </a:cubicBezTo>
                  <a:cubicBezTo>
                    <a:pt x="14542" y="32014"/>
                    <a:pt x="14940" y="32202"/>
                    <a:pt x="15379" y="32390"/>
                  </a:cubicBezTo>
                  <a:cubicBezTo>
                    <a:pt x="15128" y="32871"/>
                    <a:pt x="14793" y="33248"/>
                    <a:pt x="14417" y="33583"/>
                  </a:cubicBezTo>
                  <a:cubicBezTo>
                    <a:pt x="14333" y="33667"/>
                    <a:pt x="14166" y="33667"/>
                    <a:pt x="14061" y="33646"/>
                  </a:cubicBezTo>
                  <a:cubicBezTo>
                    <a:pt x="13580" y="33583"/>
                    <a:pt x="13182" y="33374"/>
                    <a:pt x="12827" y="33081"/>
                  </a:cubicBezTo>
                  <a:cubicBezTo>
                    <a:pt x="12659" y="32955"/>
                    <a:pt x="12492" y="32830"/>
                    <a:pt x="12303" y="32746"/>
                  </a:cubicBezTo>
                  <a:cubicBezTo>
                    <a:pt x="11864" y="32537"/>
                    <a:pt x="11341" y="32599"/>
                    <a:pt x="11048" y="33143"/>
                  </a:cubicBezTo>
                  <a:cubicBezTo>
                    <a:pt x="10943" y="33332"/>
                    <a:pt x="10860" y="33499"/>
                    <a:pt x="10755" y="33687"/>
                  </a:cubicBezTo>
                  <a:cubicBezTo>
                    <a:pt x="10630" y="33897"/>
                    <a:pt x="10504" y="34106"/>
                    <a:pt x="10316" y="34294"/>
                  </a:cubicBezTo>
                  <a:cubicBezTo>
                    <a:pt x="10211" y="34399"/>
                    <a:pt x="10044" y="34483"/>
                    <a:pt x="9918" y="34503"/>
                  </a:cubicBezTo>
                  <a:cubicBezTo>
                    <a:pt x="9667" y="34524"/>
                    <a:pt x="9395" y="34524"/>
                    <a:pt x="9144" y="34503"/>
                  </a:cubicBezTo>
                  <a:cubicBezTo>
                    <a:pt x="9039" y="34503"/>
                    <a:pt x="8893" y="34441"/>
                    <a:pt x="8830" y="34378"/>
                  </a:cubicBezTo>
                  <a:cubicBezTo>
                    <a:pt x="8579" y="34169"/>
                    <a:pt x="8328" y="33959"/>
                    <a:pt x="8161" y="33667"/>
                  </a:cubicBezTo>
                  <a:cubicBezTo>
                    <a:pt x="7930" y="33185"/>
                    <a:pt x="7679" y="32767"/>
                    <a:pt x="7617" y="32223"/>
                  </a:cubicBezTo>
                  <a:cubicBezTo>
                    <a:pt x="7596" y="31972"/>
                    <a:pt x="7407" y="31804"/>
                    <a:pt x="7177" y="31804"/>
                  </a:cubicBezTo>
                  <a:cubicBezTo>
                    <a:pt x="6905" y="31783"/>
                    <a:pt x="6738" y="31888"/>
                    <a:pt x="6633" y="32118"/>
                  </a:cubicBezTo>
                  <a:cubicBezTo>
                    <a:pt x="6591" y="32202"/>
                    <a:pt x="6570" y="32307"/>
                    <a:pt x="6529" y="32390"/>
                  </a:cubicBezTo>
                  <a:cubicBezTo>
                    <a:pt x="6277" y="32851"/>
                    <a:pt x="5922" y="33143"/>
                    <a:pt x="5378" y="33123"/>
                  </a:cubicBezTo>
                  <a:cubicBezTo>
                    <a:pt x="4876" y="33081"/>
                    <a:pt x="4457" y="32934"/>
                    <a:pt x="4018" y="32725"/>
                  </a:cubicBezTo>
                  <a:cubicBezTo>
                    <a:pt x="3913" y="32662"/>
                    <a:pt x="3808" y="32599"/>
                    <a:pt x="3746" y="32516"/>
                  </a:cubicBezTo>
                  <a:cubicBezTo>
                    <a:pt x="3348" y="31888"/>
                    <a:pt x="2992" y="31260"/>
                    <a:pt x="3013" y="30465"/>
                  </a:cubicBezTo>
                  <a:cubicBezTo>
                    <a:pt x="3034" y="29503"/>
                    <a:pt x="3034" y="28540"/>
                    <a:pt x="3181" y="27578"/>
                  </a:cubicBezTo>
                  <a:cubicBezTo>
                    <a:pt x="3223" y="27117"/>
                    <a:pt x="3348" y="26678"/>
                    <a:pt x="3495" y="26239"/>
                  </a:cubicBezTo>
                  <a:cubicBezTo>
                    <a:pt x="3536" y="26071"/>
                    <a:pt x="3662" y="25946"/>
                    <a:pt x="3746" y="25820"/>
                  </a:cubicBezTo>
                  <a:cubicBezTo>
                    <a:pt x="3808" y="25716"/>
                    <a:pt x="3871" y="25611"/>
                    <a:pt x="3767" y="25506"/>
                  </a:cubicBezTo>
                  <a:cubicBezTo>
                    <a:pt x="3725" y="25444"/>
                    <a:pt x="3599" y="25423"/>
                    <a:pt x="3516" y="25485"/>
                  </a:cubicBezTo>
                  <a:cubicBezTo>
                    <a:pt x="3244" y="25611"/>
                    <a:pt x="2972" y="25590"/>
                    <a:pt x="2679" y="25590"/>
                  </a:cubicBezTo>
                  <a:cubicBezTo>
                    <a:pt x="2260" y="25611"/>
                    <a:pt x="1946" y="25444"/>
                    <a:pt x="1632" y="25192"/>
                  </a:cubicBezTo>
                  <a:cubicBezTo>
                    <a:pt x="1026" y="24690"/>
                    <a:pt x="607" y="24084"/>
                    <a:pt x="272" y="23393"/>
                  </a:cubicBezTo>
                  <a:cubicBezTo>
                    <a:pt x="189" y="23205"/>
                    <a:pt x="147" y="22996"/>
                    <a:pt x="105" y="22786"/>
                  </a:cubicBezTo>
                  <a:cubicBezTo>
                    <a:pt x="0" y="21970"/>
                    <a:pt x="147" y="21196"/>
                    <a:pt x="419" y="20422"/>
                  </a:cubicBezTo>
                  <a:cubicBezTo>
                    <a:pt x="565" y="20087"/>
                    <a:pt x="795" y="19752"/>
                    <a:pt x="1047" y="19480"/>
                  </a:cubicBezTo>
                  <a:cubicBezTo>
                    <a:pt x="1402" y="19125"/>
                    <a:pt x="1821" y="18811"/>
                    <a:pt x="2197" y="18497"/>
                  </a:cubicBezTo>
                  <a:cubicBezTo>
                    <a:pt x="2407" y="18330"/>
                    <a:pt x="2658" y="18225"/>
                    <a:pt x="2930" y="18371"/>
                  </a:cubicBezTo>
                  <a:cubicBezTo>
                    <a:pt x="3076" y="18413"/>
                    <a:pt x="3223" y="18392"/>
                    <a:pt x="3390" y="18392"/>
                  </a:cubicBezTo>
                  <a:cubicBezTo>
                    <a:pt x="3662" y="18413"/>
                    <a:pt x="3913" y="18371"/>
                    <a:pt x="4122" y="18183"/>
                  </a:cubicBezTo>
                  <a:cubicBezTo>
                    <a:pt x="4227" y="18099"/>
                    <a:pt x="4332" y="18058"/>
                    <a:pt x="4436" y="17974"/>
                  </a:cubicBezTo>
                  <a:cubicBezTo>
                    <a:pt x="4373" y="17786"/>
                    <a:pt x="4227" y="17744"/>
                    <a:pt x="4060" y="17723"/>
                  </a:cubicBezTo>
                  <a:cubicBezTo>
                    <a:pt x="3955" y="17681"/>
                    <a:pt x="3829" y="17681"/>
                    <a:pt x="3725" y="17681"/>
                  </a:cubicBezTo>
                  <a:cubicBezTo>
                    <a:pt x="3495" y="17660"/>
                    <a:pt x="3285" y="17555"/>
                    <a:pt x="3139" y="17346"/>
                  </a:cubicBezTo>
                  <a:cubicBezTo>
                    <a:pt x="3034" y="17158"/>
                    <a:pt x="2867" y="17053"/>
                    <a:pt x="2720" y="16907"/>
                  </a:cubicBezTo>
                  <a:cubicBezTo>
                    <a:pt x="2260" y="16321"/>
                    <a:pt x="1779" y="15756"/>
                    <a:pt x="1737" y="14961"/>
                  </a:cubicBezTo>
                  <a:cubicBezTo>
                    <a:pt x="1737" y="14710"/>
                    <a:pt x="1716" y="14438"/>
                    <a:pt x="1737" y="14187"/>
                  </a:cubicBezTo>
                  <a:cubicBezTo>
                    <a:pt x="1758" y="13496"/>
                    <a:pt x="2197" y="13057"/>
                    <a:pt x="2888" y="13036"/>
                  </a:cubicBezTo>
                  <a:cubicBezTo>
                    <a:pt x="2972" y="13036"/>
                    <a:pt x="3034" y="13036"/>
                    <a:pt x="3139" y="13057"/>
                  </a:cubicBezTo>
                  <a:cubicBezTo>
                    <a:pt x="3223" y="13161"/>
                    <a:pt x="3285" y="13266"/>
                    <a:pt x="3348" y="13371"/>
                  </a:cubicBezTo>
                  <a:cubicBezTo>
                    <a:pt x="3432" y="13454"/>
                    <a:pt x="3516" y="13559"/>
                    <a:pt x="3599" y="13601"/>
                  </a:cubicBezTo>
                  <a:cubicBezTo>
                    <a:pt x="3829" y="13789"/>
                    <a:pt x="4143" y="13768"/>
                    <a:pt x="4332" y="13580"/>
                  </a:cubicBezTo>
                  <a:cubicBezTo>
                    <a:pt x="4499" y="13392"/>
                    <a:pt x="4541" y="13078"/>
                    <a:pt x="4352" y="12848"/>
                  </a:cubicBezTo>
                  <a:cubicBezTo>
                    <a:pt x="4227" y="12701"/>
                    <a:pt x="4080" y="12513"/>
                    <a:pt x="3913" y="12429"/>
                  </a:cubicBezTo>
                  <a:cubicBezTo>
                    <a:pt x="3495" y="12199"/>
                    <a:pt x="3348" y="11801"/>
                    <a:pt x="3327" y="11383"/>
                  </a:cubicBezTo>
                  <a:cubicBezTo>
                    <a:pt x="3285" y="10881"/>
                    <a:pt x="3285" y="10358"/>
                    <a:pt x="3327" y="9835"/>
                  </a:cubicBezTo>
                  <a:cubicBezTo>
                    <a:pt x="3411" y="9249"/>
                    <a:pt x="3704" y="8767"/>
                    <a:pt x="4332" y="8579"/>
                  </a:cubicBezTo>
                  <a:cubicBezTo>
                    <a:pt x="4583" y="8516"/>
                    <a:pt x="4813" y="8433"/>
                    <a:pt x="5085" y="8328"/>
                  </a:cubicBezTo>
                  <a:cubicBezTo>
                    <a:pt x="5399" y="8223"/>
                    <a:pt x="5713" y="8223"/>
                    <a:pt x="6005" y="8412"/>
                  </a:cubicBezTo>
                  <a:cubicBezTo>
                    <a:pt x="6215" y="8537"/>
                    <a:pt x="6445" y="8621"/>
                    <a:pt x="6696" y="8579"/>
                  </a:cubicBezTo>
                  <a:cubicBezTo>
                    <a:pt x="7156" y="8558"/>
                    <a:pt x="7365" y="8161"/>
                    <a:pt x="7156" y="7784"/>
                  </a:cubicBezTo>
                  <a:cubicBezTo>
                    <a:pt x="7052" y="7575"/>
                    <a:pt x="6863" y="7428"/>
                    <a:pt x="6633" y="7386"/>
                  </a:cubicBezTo>
                  <a:cubicBezTo>
                    <a:pt x="6529" y="7261"/>
                    <a:pt x="6361" y="7261"/>
                    <a:pt x="6173" y="7261"/>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301" name="Google Shape;2301;p74"/>
            <p:cNvSpPr/>
            <p:nvPr/>
          </p:nvSpPr>
          <p:spPr>
            <a:xfrm>
              <a:off x="5299813" y="2376950"/>
              <a:ext cx="134450" cy="253200"/>
            </a:xfrm>
            <a:custGeom>
              <a:avLst/>
              <a:gdLst/>
              <a:ahLst/>
              <a:cxnLst/>
              <a:rect l="l" t="t" r="r" b="b"/>
              <a:pathLst>
                <a:path w="5378" h="10128" extrusionOk="0">
                  <a:moveTo>
                    <a:pt x="1465" y="984"/>
                  </a:moveTo>
                  <a:cubicBezTo>
                    <a:pt x="2093" y="816"/>
                    <a:pt x="2532" y="398"/>
                    <a:pt x="3035" y="0"/>
                  </a:cubicBezTo>
                  <a:cubicBezTo>
                    <a:pt x="3160" y="126"/>
                    <a:pt x="3265" y="272"/>
                    <a:pt x="3390" y="377"/>
                  </a:cubicBezTo>
                  <a:cubicBezTo>
                    <a:pt x="3495" y="460"/>
                    <a:pt x="3662" y="523"/>
                    <a:pt x="3788" y="607"/>
                  </a:cubicBezTo>
                  <a:cubicBezTo>
                    <a:pt x="3872" y="649"/>
                    <a:pt x="3955" y="732"/>
                    <a:pt x="4018" y="753"/>
                  </a:cubicBezTo>
                  <a:cubicBezTo>
                    <a:pt x="4416" y="900"/>
                    <a:pt x="4625" y="1214"/>
                    <a:pt x="4897" y="1486"/>
                  </a:cubicBezTo>
                  <a:cubicBezTo>
                    <a:pt x="4980" y="1590"/>
                    <a:pt x="5022" y="1758"/>
                    <a:pt x="5043" y="1904"/>
                  </a:cubicBezTo>
                  <a:cubicBezTo>
                    <a:pt x="5064" y="2113"/>
                    <a:pt x="5043" y="2323"/>
                    <a:pt x="5043" y="2490"/>
                  </a:cubicBezTo>
                  <a:cubicBezTo>
                    <a:pt x="4792" y="2846"/>
                    <a:pt x="4499" y="2950"/>
                    <a:pt x="4102" y="2929"/>
                  </a:cubicBezTo>
                  <a:cubicBezTo>
                    <a:pt x="3934" y="2929"/>
                    <a:pt x="3788" y="2929"/>
                    <a:pt x="3662" y="2992"/>
                  </a:cubicBezTo>
                  <a:cubicBezTo>
                    <a:pt x="3369" y="3055"/>
                    <a:pt x="3286" y="3369"/>
                    <a:pt x="3453" y="3641"/>
                  </a:cubicBezTo>
                  <a:cubicBezTo>
                    <a:pt x="3495" y="3725"/>
                    <a:pt x="3579" y="3787"/>
                    <a:pt x="3641" y="3850"/>
                  </a:cubicBezTo>
                  <a:cubicBezTo>
                    <a:pt x="3976" y="4101"/>
                    <a:pt x="4332" y="4373"/>
                    <a:pt x="4708" y="4582"/>
                  </a:cubicBezTo>
                  <a:cubicBezTo>
                    <a:pt x="5022" y="4771"/>
                    <a:pt x="5232" y="5001"/>
                    <a:pt x="5315" y="5357"/>
                  </a:cubicBezTo>
                  <a:cubicBezTo>
                    <a:pt x="5378" y="5650"/>
                    <a:pt x="5357" y="5922"/>
                    <a:pt x="5127" y="6152"/>
                  </a:cubicBezTo>
                  <a:cubicBezTo>
                    <a:pt x="4834" y="6445"/>
                    <a:pt x="4541" y="6696"/>
                    <a:pt x="4185" y="6884"/>
                  </a:cubicBezTo>
                  <a:cubicBezTo>
                    <a:pt x="3872" y="7010"/>
                    <a:pt x="3788" y="7261"/>
                    <a:pt x="3809" y="7595"/>
                  </a:cubicBezTo>
                  <a:cubicBezTo>
                    <a:pt x="3809" y="7742"/>
                    <a:pt x="3872" y="7909"/>
                    <a:pt x="3997" y="7972"/>
                  </a:cubicBezTo>
                  <a:cubicBezTo>
                    <a:pt x="4290" y="8139"/>
                    <a:pt x="4416" y="8474"/>
                    <a:pt x="4604" y="8663"/>
                  </a:cubicBezTo>
                  <a:cubicBezTo>
                    <a:pt x="4625" y="8872"/>
                    <a:pt x="4541" y="8955"/>
                    <a:pt x="4436" y="9018"/>
                  </a:cubicBezTo>
                  <a:cubicBezTo>
                    <a:pt x="3997" y="9311"/>
                    <a:pt x="3579" y="9625"/>
                    <a:pt x="3118" y="9918"/>
                  </a:cubicBezTo>
                  <a:cubicBezTo>
                    <a:pt x="2867" y="10064"/>
                    <a:pt x="2595" y="10127"/>
                    <a:pt x="2302" y="10127"/>
                  </a:cubicBezTo>
                  <a:lnTo>
                    <a:pt x="942" y="10127"/>
                  </a:lnTo>
                  <a:cubicBezTo>
                    <a:pt x="503" y="10127"/>
                    <a:pt x="189" y="9939"/>
                    <a:pt x="1" y="9520"/>
                  </a:cubicBezTo>
                  <a:cubicBezTo>
                    <a:pt x="1" y="9458"/>
                    <a:pt x="22" y="9416"/>
                    <a:pt x="42" y="9353"/>
                  </a:cubicBezTo>
                  <a:cubicBezTo>
                    <a:pt x="670" y="8286"/>
                    <a:pt x="1026" y="7135"/>
                    <a:pt x="1256" y="5942"/>
                  </a:cubicBezTo>
                  <a:cubicBezTo>
                    <a:pt x="1382" y="5273"/>
                    <a:pt x="1403" y="4624"/>
                    <a:pt x="1444" y="3955"/>
                  </a:cubicBezTo>
                  <a:cubicBezTo>
                    <a:pt x="1465" y="3160"/>
                    <a:pt x="1444" y="2406"/>
                    <a:pt x="1444" y="1611"/>
                  </a:cubicBezTo>
                  <a:cubicBezTo>
                    <a:pt x="1465" y="1381"/>
                    <a:pt x="1465" y="1214"/>
                    <a:pt x="1465" y="984"/>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302" name="Google Shape;2302;p74"/>
            <p:cNvSpPr/>
            <p:nvPr/>
          </p:nvSpPr>
          <p:spPr>
            <a:xfrm>
              <a:off x="4763388" y="2576250"/>
              <a:ext cx="103600" cy="109350"/>
            </a:xfrm>
            <a:custGeom>
              <a:avLst/>
              <a:gdLst/>
              <a:ahLst/>
              <a:cxnLst/>
              <a:rect l="l" t="t" r="r" b="b"/>
              <a:pathLst>
                <a:path w="4144" h="4374" extrusionOk="0">
                  <a:moveTo>
                    <a:pt x="2804" y="209"/>
                  </a:moveTo>
                  <a:cubicBezTo>
                    <a:pt x="2930" y="711"/>
                    <a:pt x="3056" y="1214"/>
                    <a:pt x="3202" y="1674"/>
                  </a:cubicBezTo>
                  <a:cubicBezTo>
                    <a:pt x="3265" y="1967"/>
                    <a:pt x="3369" y="2260"/>
                    <a:pt x="3495" y="2532"/>
                  </a:cubicBezTo>
                  <a:cubicBezTo>
                    <a:pt x="3725" y="3013"/>
                    <a:pt x="3913" y="3473"/>
                    <a:pt x="4144" y="3976"/>
                  </a:cubicBezTo>
                  <a:cubicBezTo>
                    <a:pt x="4060" y="4038"/>
                    <a:pt x="3997" y="4101"/>
                    <a:pt x="3913" y="4143"/>
                  </a:cubicBezTo>
                  <a:cubicBezTo>
                    <a:pt x="3620" y="4248"/>
                    <a:pt x="3286" y="4373"/>
                    <a:pt x="3014" y="4373"/>
                  </a:cubicBezTo>
                  <a:cubicBezTo>
                    <a:pt x="2595" y="4373"/>
                    <a:pt x="2135" y="4289"/>
                    <a:pt x="1758" y="4164"/>
                  </a:cubicBezTo>
                  <a:cubicBezTo>
                    <a:pt x="1131" y="3955"/>
                    <a:pt x="670" y="3473"/>
                    <a:pt x="294" y="2950"/>
                  </a:cubicBezTo>
                  <a:cubicBezTo>
                    <a:pt x="231" y="2908"/>
                    <a:pt x="189" y="2825"/>
                    <a:pt x="189" y="2762"/>
                  </a:cubicBezTo>
                  <a:cubicBezTo>
                    <a:pt x="147" y="2155"/>
                    <a:pt x="1" y="1548"/>
                    <a:pt x="419" y="1004"/>
                  </a:cubicBezTo>
                  <a:cubicBezTo>
                    <a:pt x="503" y="900"/>
                    <a:pt x="607" y="795"/>
                    <a:pt x="670" y="711"/>
                  </a:cubicBezTo>
                  <a:cubicBezTo>
                    <a:pt x="817" y="607"/>
                    <a:pt x="963" y="523"/>
                    <a:pt x="1089" y="419"/>
                  </a:cubicBezTo>
                  <a:cubicBezTo>
                    <a:pt x="1277" y="230"/>
                    <a:pt x="1465" y="84"/>
                    <a:pt x="1716" y="63"/>
                  </a:cubicBezTo>
                  <a:cubicBezTo>
                    <a:pt x="2051" y="0"/>
                    <a:pt x="2386" y="63"/>
                    <a:pt x="2804" y="209"/>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303" name="Google Shape;2303;p74"/>
            <p:cNvSpPr/>
            <p:nvPr/>
          </p:nvSpPr>
          <p:spPr>
            <a:xfrm>
              <a:off x="5523188" y="3461300"/>
              <a:ext cx="111950" cy="90525"/>
            </a:xfrm>
            <a:custGeom>
              <a:avLst/>
              <a:gdLst/>
              <a:ahLst/>
              <a:cxnLst/>
              <a:rect l="l" t="t" r="r" b="b"/>
              <a:pathLst>
                <a:path w="4478" h="3621" extrusionOk="0">
                  <a:moveTo>
                    <a:pt x="4415" y="3307"/>
                  </a:moveTo>
                  <a:cubicBezTo>
                    <a:pt x="4143" y="3558"/>
                    <a:pt x="3829" y="3579"/>
                    <a:pt x="3473" y="3579"/>
                  </a:cubicBezTo>
                  <a:cubicBezTo>
                    <a:pt x="2887" y="3621"/>
                    <a:pt x="2364" y="3411"/>
                    <a:pt x="1862" y="3181"/>
                  </a:cubicBezTo>
                  <a:cubicBezTo>
                    <a:pt x="1779" y="3160"/>
                    <a:pt x="1737" y="3097"/>
                    <a:pt x="1674" y="3056"/>
                  </a:cubicBezTo>
                  <a:cubicBezTo>
                    <a:pt x="1109" y="2470"/>
                    <a:pt x="460" y="1989"/>
                    <a:pt x="105" y="1193"/>
                  </a:cubicBezTo>
                  <a:cubicBezTo>
                    <a:pt x="21" y="984"/>
                    <a:pt x="0" y="796"/>
                    <a:pt x="84" y="587"/>
                  </a:cubicBezTo>
                  <a:cubicBezTo>
                    <a:pt x="167" y="419"/>
                    <a:pt x="209" y="210"/>
                    <a:pt x="293" y="1"/>
                  </a:cubicBezTo>
                  <a:cubicBezTo>
                    <a:pt x="753" y="1"/>
                    <a:pt x="1214" y="43"/>
                    <a:pt x="1653" y="252"/>
                  </a:cubicBezTo>
                  <a:cubicBezTo>
                    <a:pt x="2155" y="482"/>
                    <a:pt x="2636" y="754"/>
                    <a:pt x="3055" y="1068"/>
                  </a:cubicBezTo>
                  <a:cubicBezTo>
                    <a:pt x="3641" y="1486"/>
                    <a:pt x="4080" y="2030"/>
                    <a:pt x="4352" y="2679"/>
                  </a:cubicBezTo>
                  <a:cubicBezTo>
                    <a:pt x="4457" y="2930"/>
                    <a:pt x="4478" y="3097"/>
                    <a:pt x="4415" y="3307"/>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04" name="Google Shape;2304;p74"/>
            <p:cNvSpPr/>
            <p:nvPr/>
          </p:nvSpPr>
          <p:spPr>
            <a:xfrm>
              <a:off x="7609788" y="1786375"/>
              <a:ext cx="79525" cy="110925"/>
            </a:xfrm>
            <a:custGeom>
              <a:avLst/>
              <a:gdLst/>
              <a:ahLst/>
              <a:cxnLst/>
              <a:rect l="l" t="t" r="r" b="b"/>
              <a:pathLst>
                <a:path w="3181" h="4437" extrusionOk="0">
                  <a:moveTo>
                    <a:pt x="189" y="4164"/>
                  </a:moveTo>
                  <a:cubicBezTo>
                    <a:pt x="84" y="3934"/>
                    <a:pt x="0" y="3725"/>
                    <a:pt x="147" y="3495"/>
                  </a:cubicBezTo>
                  <a:cubicBezTo>
                    <a:pt x="565" y="2867"/>
                    <a:pt x="628" y="2093"/>
                    <a:pt x="712" y="1360"/>
                  </a:cubicBezTo>
                  <a:cubicBezTo>
                    <a:pt x="754" y="1005"/>
                    <a:pt x="774" y="607"/>
                    <a:pt x="816" y="272"/>
                  </a:cubicBezTo>
                  <a:cubicBezTo>
                    <a:pt x="1067" y="42"/>
                    <a:pt x="1339" y="0"/>
                    <a:pt x="1611" y="0"/>
                  </a:cubicBezTo>
                  <a:cubicBezTo>
                    <a:pt x="1946" y="0"/>
                    <a:pt x="2197" y="168"/>
                    <a:pt x="2490" y="293"/>
                  </a:cubicBezTo>
                  <a:cubicBezTo>
                    <a:pt x="2532" y="314"/>
                    <a:pt x="2553" y="377"/>
                    <a:pt x="2595" y="419"/>
                  </a:cubicBezTo>
                  <a:cubicBezTo>
                    <a:pt x="2971" y="1298"/>
                    <a:pt x="3181" y="2176"/>
                    <a:pt x="2720" y="3034"/>
                  </a:cubicBezTo>
                  <a:cubicBezTo>
                    <a:pt x="2386" y="3641"/>
                    <a:pt x="1883" y="4122"/>
                    <a:pt x="1193" y="4332"/>
                  </a:cubicBezTo>
                  <a:cubicBezTo>
                    <a:pt x="942" y="4394"/>
                    <a:pt x="670" y="4436"/>
                    <a:pt x="440" y="4248"/>
                  </a:cubicBezTo>
                  <a:cubicBezTo>
                    <a:pt x="398" y="4185"/>
                    <a:pt x="293" y="4185"/>
                    <a:pt x="189" y="4164"/>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305" name="Google Shape;2305;p74"/>
            <p:cNvSpPr/>
            <p:nvPr/>
          </p:nvSpPr>
          <p:spPr>
            <a:xfrm>
              <a:off x="7383813" y="3035500"/>
              <a:ext cx="106725" cy="69075"/>
            </a:xfrm>
            <a:custGeom>
              <a:avLst/>
              <a:gdLst/>
              <a:ahLst/>
              <a:cxnLst/>
              <a:rect l="l" t="t" r="r" b="b"/>
              <a:pathLst>
                <a:path w="4269" h="2763" extrusionOk="0">
                  <a:moveTo>
                    <a:pt x="0" y="2491"/>
                  </a:moveTo>
                  <a:cubicBezTo>
                    <a:pt x="168" y="2093"/>
                    <a:pt x="356" y="1759"/>
                    <a:pt x="712" y="1549"/>
                  </a:cubicBezTo>
                  <a:cubicBezTo>
                    <a:pt x="984" y="1382"/>
                    <a:pt x="1214" y="1152"/>
                    <a:pt x="1486" y="963"/>
                  </a:cubicBezTo>
                  <a:cubicBezTo>
                    <a:pt x="1632" y="838"/>
                    <a:pt x="1800" y="712"/>
                    <a:pt x="1967" y="608"/>
                  </a:cubicBezTo>
                  <a:cubicBezTo>
                    <a:pt x="2260" y="461"/>
                    <a:pt x="2574" y="357"/>
                    <a:pt x="2804" y="127"/>
                  </a:cubicBezTo>
                  <a:cubicBezTo>
                    <a:pt x="2867" y="85"/>
                    <a:pt x="2992" y="43"/>
                    <a:pt x="3076" y="43"/>
                  </a:cubicBezTo>
                  <a:cubicBezTo>
                    <a:pt x="3369" y="22"/>
                    <a:pt x="3662" y="1"/>
                    <a:pt x="3934" y="1"/>
                  </a:cubicBezTo>
                  <a:cubicBezTo>
                    <a:pt x="4248" y="336"/>
                    <a:pt x="4269" y="733"/>
                    <a:pt x="4122" y="1089"/>
                  </a:cubicBezTo>
                  <a:cubicBezTo>
                    <a:pt x="3997" y="1445"/>
                    <a:pt x="3787" y="1779"/>
                    <a:pt x="3536" y="2072"/>
                  </a:cubicBezTo>
                  <a:cubicBezTo>
                    <a:pt x="3181" y="2491"/>
                    <a:pt x="2658" y="2721"/>
                    <a:pt x="2114" y="2742"/>
                  </a:cubicBezTo>
                  <a:cubicBezTo>
                    <a:pt x="1653" y="2763"/>
                    <a:pt x="1193" y="2763"/>
                    <a:pt x="754" y="2742"/>
                  </a:cubicBezTo>
                  <a:cubicBezTo>
                    <a:pt x="461" y="2721"/>
                    <a:pt x="419" y="2700"/>
                    <a:pt x="0" y="2491"/>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306" name="Google Shape;2306;p74"/>
            <p:cNvSpPr/>
            <p:nvPr/>
          </p:nvSpPr>
          <p:spPr>
            <a:xfrm>
              <a:off x="5310813" y="2282775"/>
              <a:ext cx="60175" cy="99950"/>
            </a:xfrm>
            <a:custGeom>
              <a:avLst/>
              <a:gdLst/>
              <a:ahLst/>
              <a:cxnLst/>
              <a:rect l="l" t="t" r="r" b="b"/>
              <a:pathLst>
                <a:path w="2407" h="3998" extrusionOk="0">
                  <a:moveTo>
                    <a:pt x="942" y="3997"/>
                  </a:moveTo>
                  <a:cubicBezTo>
                    <a:pt x="858" y="3286"/>
                    <a:pt x="544" y="2658"/>
                    <a:pt x="314" y="2051"/>
                  </a:cubicBezTo>
                  <a:cubicBezTo>
                    <a:pt x="209" y="1779"/>
                    <a:pt x="272" y="1466"/>
                    <a:pt x="21" y="1256"/>
                  </a:cubicBezTo>
                  <a:cubicBezTo>
                    <a:pt x="63" y="1005"/>
                    <a:pt x="0" y="733"/>
                    <a:pt x="105" y="503"/>
                  </a:cubicBezTo>
                  <a:cubicBezTo>
                    <a:pt x="209" y="294"/>
                    <a:pt x="439" y="210"/>
                    <a:pt x="649" y="126"/>
                  </a:cubicBezTo>
                  <a:cubicBezTo>
                    <a:pt x="1025" y="1"/>
                    <a:pt x="1318" y="231"/>
                    <a:pt x="1653" y="189"/>
                  </a:cubicBezTo>
                  <a:cubicBezTo>
                    <a:pt x="1946" y="398"/>
                    <a:pt x="2176" y="629"/>
                    <a:pt x="2218" y="1005"/>
                  </a:cubicBezTo>
                  <a:cubicBezTo>
                    <a:pt x="2281" y="1256"/>
                    <a:pt x="2323" y="1528"/>
                    <a:pt x="2364" y="1779"/>
                  </a:cubicBezTo>
                  <a:cubicBezTo>
                    <a:pt x="2406" y="2428"/>
                    <a:pt x="2281" y="3035"/>
                    <a:pt x="1737" y="3453"/>
                  </a:cubicBezTo>
                  <a:cubicBezTo>
                    <a:pt x="1548" y="3663"/>
                    <a:pt x="1318" y="3893"/>
                    <a:pt x="942" y="3997"/>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307" name="Google Shape;2307;p74"/>
            <p:cNvSpPr/>
            <p:nvPr/>
          </p:nvSpPr>
          <p:spPr>
            <a:xfrm>
              <a:off x="6871713" y="1961600"/>
              <a:ext cx="68550" cy="81100"/>
            </a:xfrm>
            <a:custGeom>
              <a:avLst/>
              <a:gdLst/>
              <a:ahLst/>
              <a:cxnLst/>
              <a:rect l="l" t="t" r="r" b="b"/>
              <a:pathLst>
                <a:path w="2742" h="3244" extrusionOk="0">
                  <a:moveTo>
                    <a:pt x="523" y="43"/>
                  </a:moveTo>
                  <a:cubicBezTo>
                    <a:pt x="753" y="43"/>
                    <a:pt x="1025" y="1"/>
                    <a:pt x="1256" y="43"/>
                  </a:cubicBezTo>
                  <a:cubicBezTo>
                    <a:pt x="1590" y="84"/>
                    <a:pt x="1883" y="273"/>
                    <a:pt x="2134" y="503"/>
                  </a:cubicBezTo>
                  <a:cubicBezTo>
                    <a:pt x="2323" y="670"/>
                    <a:pt x="2448" y="880"/>
                    <a:pt x="2636" y="1047"/>
                  </a:cubicBezTo>
                  <a:cubicBezTo>
                    <a:pt x="2720" y="1633"/>
                    <a:pt x="2741" y="2721"/>
                    <a:pt x="2678" y="3139"/>
                  </a:cubicBezTo>
                  <a:cubicBezTo>
                    <a:pt x="2239" y="3244"/>
                    <a:pt x="1841" y="3223"/>
                    <a:pt x="1486" y="2888"/>
                  </a:cubicBezTo>
                  <a:cubicBezTo>
                    <a:pt x="1402" y="2825"/>
                    <a:pt x="1318" y="2763"/>
                    <a:pt x="1256" y="2721"/>
                  </a:cubicBezTo>
                  <a:cubicBezTo>
                    <a:pt x="774" y="2470"/>
                    <a:pt x="419" y="2093"/>
                    <a:pt x="105" y="1654"/>
                  </a:cubicBezTo>
                  <a:cubicBezTo>
                    <a:pt x="42" y="1570"/>
                    <a:pt x="0" y="1465"/>
                    <a:pt x="0" y="1403"/>
                  </a:cubicBezTo>
                  <a:cubicBezTo>
                    <a:pt x="84" y="1026"/>
                    <a:pt x="188" y="670"/>
                    <a:pt x="314" y="315"/>
                  </a:cubicBezTo>
                  <a:cubicBezTo>
                    <a:pt x="356" y="210"/>
                    <a:pt x="439" y="147"/>
                    <a:pt x="523" y="43"/>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308" name="Google Shape;2308;p74"/>
            <p:cNvSpPr/>
            <p:nvPr/>
          </p:nvSpPr>
          <p:spPr>
            <a:xfrm>
              <a:off x="7148938" y="3110825"/>
              <a:ext cx="97325" cy="74850"/>
            </a:xfrm>
            <a:custGeom>
              <a:avLst/>
              <a:gdLst/>
              <a:ahLst/>
              <a:cxnLst/>
              <a:rect l="l" t="t" r="r" b="b"/>
              <a:pathLst>
                <a:path w="3893" h="2994" extrusionOk="0">
                  <a:moveTo>
                    <a:pt x="3641" y="1"/>
                  </a:moveTo>
                  <a:cubicBezTo>
                    <a:pt x="3746" y="147"/>
                    <a:pt x="3809" y="273"/>
                    <a:pt x="3892" y="378"/>
                  </a:cubicBezTo>
                  <a:cubicBezTo>
                    <a:pt x="3871" y="440"/>
                    <a:pt x="3871" y="482"/>
                    <a:pt x="3871" y="524"/>
                  </a:cubicBezTo>
                  <a:cubicBezTo>
                    <a:pt x="3704" y="775"/>
                    <a:pt x="3579" y="1047"/>
                    <a:pt x="3390" y="1298"/>
                  </a:cubicBezTo>
                  <a:cubicBezTo>
                    <a:pt x="3055" y="1800"/>
                    <a:pt x="2532" y="2135"/>
                    <a:pt x="2009" y="2449"/>
                  </a:cubicBezTo>
                  <a:cubicBezTo>
                    <a:pt x="1800" y="2575"/>
                    <a:pt x="1591" y="2679"/>
                    <a:pt x="1361" y="2784"/>
                  </a:cubicBezTo>
                  <a:cubicBezTo>
                    <a:pt x="921" y="2993"/>
                    <a:pt x="440" y="2993"/>
                    <a:pt x="1" y="2742"/>
                  </a:cubicBezTo>
                  <a:cubicBezTo>
                    <a:pt x="22" y="2470"/>
                    <a:pt x="84" y="2219"/>
                    <a:pt x="252" y="2010"/>
                  </a:cubicBezTo>
                  <a:cubicBezTo>
                    <a:pt x="398" y="1821"/>
                    <a:pt x="503" y="1612"/>
                    <a:pt x="628" y="1424"/>
                  </a:cubicBezTo>
                  <a:cubicBezTo>
                    <a:pt x="921" y="984"/>
                    <a:pt x="1361" y="691"/>
                    <a:pt x="1800" y="378"/>
                  </a:cubicBezTo>
                  <a:cubicBezTo>
                    <a:pt x="1926" y="273"/>
                    <a:pt x="2114" y="231"/>
                    <a:pt x="2260" y="189"/>
                  </a:cubicBezTo>
                  <a:cubicBezTo>
                    <a:pt x="2700" y="127"/>
                    <a:pt x="3139" y="64"/>
                    <a:pt x="3641" y="1"/>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309" name="Google Shape;2309;p74"/>
            <p:cNvSpPr/>
            <p:nvPr/>
          </p:nvSpPr>
          <p:spPr>
            <a:xfrm>
              <a:off x="5185788" y="3586850"/>
              <a:ext cx="113525" cy="48675"/>
            </a:xfrm>
            <a:custGeom>
              <a:avLst/>
              <a:gdLst/>
              <a:ahLst/>
              <a:cxnLst/>
              <a:rect l="l" t="t" r="r" b="b"/>
              <a:pathLst>
                <a:path w="4541" h="1947" extrusionOk="0">
                  <a:moveTo>
                    <a:pt x="0" y="21"/>
                  </a:moveTo>
                  <a:cubicBezTo>
                    <a:pt x="168" y="21"/>
                    <a:pt x="251" y="0"/>
                    <a:pt x="356" y="0"/>
                  </a:cubicBezTo>
                  <a:cubicBezTo>
                    <a:pt x="733" y="0"/>
                    <a:pt x="1130" y="42"/>
                    <a:pt x="1528" y="21"/>
                  </a:cubicBezTo>
                  <a:cubicBezTo>
                    <a:pt x="2051" y="0"/>
                    <a:pt x="2553" y="126"/>
                    <a:pt x="3013" y="272"/>
                  </a:cubicBezTo>
                  <a:cubicBezTo>
                    <a:pt x="3097" y="314"/>
                    <a:pt x="3202" y="356"/>
                    <a:pt x="3285" y="377"/>
                  </a:cubicBezTo>
                  <a:cubicBezTo>
                    <a:pt x="3536" y="524"/>
                    <a:pt x="3808" y="670"/>
                    <a:pt x="4080" y="796"/>
                  </a:cubicBezTo>
                  <a:cubicBezTo>
                    <a:pt x="4394" y="963"/>
                    <a:pt x="4541" y="1172"/>
                    <a:pt x="4499" y="1465"/>
                  </a:cubicBezTo>
                  <a:cubicBezTo>
                    <a:pt x="4499" y="1591"/>
                    <a:pt x="4436" y="1716"/>
                    <a:pt x="4331" y="1779"/>
                  </a:cubicBezTo>
                  <a:cubicBezTo>
                    <a:pt x="4143" y="1884"/>
                    <a:pt x="3955" y="1946"/>
                    <a:pt x="3746" y="1946"/>
                  </a:cubicBezTo>
                  <a:lnTo>
                    <a:pt x="2616" y="1946"/>
                  </a:lnTo>
                  <a:cubicBezTo>
                    <a:pt x="2239" y="1925"/>
                    <a:pt x="1842" y="1779"/>
                    <a:pt x="1507" y="1612"/>
                  </a:cubicBezTo>
                  <a:cubicBezTo>
                    <a:pt x="942" y="1381"/>
                    <a:pt x="293" y="670"/>
                    <a:pt x="0" y="2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10" name="Google Shape;2310;p74"/>
            <p:cNvSpPr/>
            <p:nvPr/>
          </p:nvSpPr>
          <p:spPr>
            <a:xfrm>
              <a:off x="6950163" y="2665175"/>
              <a:ext cx="73775" cy="190425"/>
            </a:xfrm>
            <a:custGeom>
              <a:avLst/>
              <a:gdLst/>
              <a:ahLst/>
              <a:cxnLst/>
              <a:rect l="l" t="t" r="r" b="b"/>
              <a:pathLst>
                <a:path w="2951" h="7617" extrusionOk="0">
                  <a:moveTo>
                    <a:pt x="22" y="63"/>
                  </a:moveTo>
                  <a:lnTo>
                    <a:pt x="524" y="63"/>
                  </a:lnTo>
                  <a:cubicBezTo>
                    <a:pt x="545" y="209"/>
                    <a:pt x="566" y="377"/>
                    <a:pt x="607" y="502"/>
                  </a:cubicBezTo>
                  <a:cubicBezTo>
                    <a:pt x="649" y="732"/>
                    <a:pt x="754" y="816"/>
                    <a:pt x="1026" y="816"/>
                  </a:cubicBezTo>
                  <a:cubicBezTo>
                    <a:pt x="1089" y="816"/>
                    <a:pt x="1172" y="816"/>
                    <a:pt x="1256" y="795"/>
                  </a:cubicBezTo>
                  <a:cubicBezTo>
                    <a:pt x="1277" y="795"/>
                    <a:pt x="1298" y="774"/>
                    <a:pt x="1361" y="732"/>
                  </a:cubicBezTo>
                  <a:cubicBezTo>
                    <a:pt x="1465" y="523"/>
                    <a:pt x="1172" y="293"/>
                    <a:pt x="1403" y="63"/>
                  </a:cubicBezTo>
                  <a:cubicBezTo>
                    <a:pt x="1612" y="0"/>
                    <a:pt x="1884" y="0"/>
                    <a:pt x="2135" y="63"/>
                  </a:cubicBezTo>
                  <a:cubicBezTo>
                    <a:pt x="2177" y="105"/>
                    <a:pt x="2198" y="167"/>
                    <a:pt x="2177" y="188"/>
                  </a:cubicBezTo>
                  <a:cubicBezTo>
                    <a:pt x="1988" y="544"/>
                    <a:pt x="2030" y="942"/>
                    <a:pt x="2072" y="1339"/>
                  </a:cubicBezTo>
                  <a:cubicBezTo>
                    <a:pt x="2114" y="1967"/>
                    <a:pt x="2302" y="2574"/>
                    <a:pt x="2302" y="3201"/>
                  </a:cubicBezTo>
                  <a:cubicBezTo>
                    <a:pt x="2302" y="3327"/>
                    <a:pt x="2344" y="3452"/>
                    <a:pt x="2386" y="3578"/>
                  </a:cubicBezTo>
                  <a:cubicBezTo>
                    <a:pt x="2407" y="3724"/>
                    <a:pt x="2449" y="3850"/>
                    <a:pt x="2428" y="3976"/>
                  </a:cubicBezTo>
                  <a:cubicBezTo>
                    <a:pt x="2407" y="4478"/>
                    <a:pt x="2532" y="4959"/>
                    <a:pt x="2658" y="5419"/>
                  </a:cubicBezTo>
                  <a:cubicBezTo>
                    <a:pt x="2700" y="5503"/>
                    <a:pt x="2742" y="5608"/>
                    <a:pt x="2742" y="5670"/>
                  </a:cubicBezTo>
                  <a:cubicBezTo>
                    <a:pt x="2742" y="6152"/>
                    <a:pt x="2804" y="6633"/>
                    <a:pt x="2930" y="7072"/>
                  </a:cubicBezTo>
                  <a:cubicBezTo>
                    <a:pt x="2951" y="7114"/>
                    <a:pt x="2888" y="7219"/>
                    <a:pt x="2888" y="7302"/>
                  </a:cubicBezTo>
                  <a:cubicBezTo>
                    <a:pt x="2428" y="7449"/>
                    <a:pt x="1947" y="7595"/>
                    <a:pt x="1465" y="7616"/>
                  </a:cubicBezTo>
                  <a:cubicBezTo>
                    <a:pt x="1361" y="7219"/>
                    <a:pt x="1172" y="6863"/>
                    <a:pt x="1193" y="6465"/>
                  </a:cubicBezTo>
                  <a:cubicBezTo>
                    <a:pt x="1193" y="6445"/>
                    <a:pt x="1193" y="6382"/>
                    <a:pt x="1172" y="6361"/>
                  </a:cubicBezTo>
                  <a:cubicBezTo>
                    <a:pt x="796" y="5315"/>
                    <a:pt x="796" y="4185"/>
                    <a:pt x="482" y="3139"/>
                  </a:cubicBezTo>
                  <a:cubicBezTo>
                    <a:pt x="314" y="2490"/>
                    <a:pt x="210" y="1820"/>
                    <a:pt x="63" y="1130"/>
                  </a:cubicBezTo>
                  <a:cubicBezTo>
                    <a:pt x="1" y="795"/>
                    <a:pt x="22" y="439"/>
                    <a:pt x="22" y="63"/>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2311" name="Google Shape;2311;p74"/>
            <p:cNvSpPr/>
            <p:nvPr/>
          </p:nvSpPr>
          <p:spPr>
            <a:xfrm>
              <a:off x="5517938" y="2947100"/>
              <a:ext cx="88425" cy="196200"/>
            </a:xfrm>
            <a:custGeom>
              <a:avLst/>
              <a:gdLst/>
              <a:ahLst/>
              <a:cxnLst/>
              <a:rect l="l" t="t" r="r" b="b"/>
              <a:pathLst>
                <a:path w="3537" h="7848" extrusionOk="0">
                  <a:moveTo>
                    <a:pt x="1" y="859"/>
                  </a:moveTo>
                  <a:cubicBezTo>
                    <a:pt x="147" y="796"/>
                    <a:pt x="189" y="733"/>
                    <a:pt x="273" y="712"/>
                  </a:cubicBezTo>
                  <a:cubicBezTo>
                    <a:pt x="440" y="629"/>
                    <a:pt x="608" y="587"/>
                    <a:pt x="754" y="524"/>
                  </a:cubicBezTo>
                  <a:cubicBezTo>
                    <a:pt x="1026" y="670"/>
                    <a:pt x="921" y="942"/>
                    <a:pt x="1026" y="1110"/>
                  </a:cubicBezTo>
                  <a:cubicBezTo>
                    <a:pt x="1214" y="1194"/>
                    <a:pt x="1340" y="1068"/>
                    <a:pt x="1486" y="1026"/>
                  </a:cubicBezTo>
                  <a:cubicBezTo>
                    <a:pt x="1570" y="963"/>
                    <a:pt x="1654" y="838"/>
                    <a:pt x="1654" y="733"/>
                  </a:cubicBezTo>
                  <a:cubicBezTo>
                    <a:pt x="1654" y="587"/>
                    <a:pt x="1612" y="398"/>
                    <a:pt x="1570" y="210"/>
                  </a:cubicBezTo>
                  <a:cubicBezTo>
                    <a:pt x="1717" y="126"/>
                    <a:pt x="1842" y="85"/>
                    <a:pt x="1968" y="1"/>
                  </a:cubicBezTo>
                  <a:cubicBezTo>
                    <a:pt x="2009" y="64"/>
                    <a:pt x="2072" y="85"/>
                    <a:pt x="2093" y="126"/>
                  </a:cubicBezTo>
                  <a:cubicBezTo>
                    <a:pt x="2261" y="587"/>
                    <a:pt x="2407" y="1026"/>
                    <a:pt x="2470" y="1486"/>
                  </a:cubicBezTo>
                  <a:cubicBezTo>
                    <a:pt x="2616" y="2428"/>
                    <a:pt x="2763" y="3411"/>
                    <a:pt x="2993" y="4353"/>
                  </a:cubicBezTo>
                  <a:cubicBezTo>
                    <a:pt x="3139" y="4981"/>
                    <a:pt x="3244" y="5608"/>
                    <a:pt x="3328" y="6236"/>
                  </a:cubicBezTo>
                  <a:cubicBezTo>
                    <a:pt x="3369" y="6613"/>
                    <a:pt x="3537" y="6989"/>
                    <a:pt x="3537" y="7408"/>
                  </a:cubicBezTo>
                  <a:cubicBezTo>
                    <a:pt x="3537" y="7429"/>
                    <a:pt x="3516" y="7492"/>
                    <a:pt x="3516" y="7533"/>
                  </a:cubicBezTo>
                  <a:cubicBezTo>
                    <a:pt x="3097" y="7764"/>
                    <a:pt x="2595" y="7701"/>
                    <a:pt x="2177" y="7847"/>
                  </a:cubicBezTo>
                  <a:cubicBezTo>
                    <a:pt x="1989" y="7743"/>
                    <a:pt x="1968" y="7596"/>
                    <a:pt x="1947" y="7408"/>
                  </a:cubicBezTo>
                  <a:cubicBezTo>
                    <a:pt x="1905" y="7240"/>
                    <a:pt x="1947" y="7073"/>
                    <a:pt x="1863" y="6906"/>
                  </a:cubicBezTo>
                  <a:cubicBezTo>
                    <a:pt x="1675" y="6487"/>
                    <a:pt x="1591" y="6048"/>
                    <a:pt x="1549" y="5608"/>
                  </a:cubicBezTo>
                  <a:cubicBezTo>
                    <a:pt x="1528" y="5253"/>
                    <a:pt x="1445" y="4918"/>
                    <a:pt x="1277" y="4604"/>
                  </a:cubicBezTo>
                  <a:cubicBezTo>
                    <a:pt x="1235" y="4499"/>
                    <a:pt x="1214" y="4353"/>
                    <a:pt x="1193" y="4207"/>
                  </a:cubicBezTo>
                  <a:cubicBezTo>
                    <a:pt x="1152" y="3935"/>
                    <a:pt x="1089" y="3663"/>
                    <a:pt x="963" y="3411"/>
                  </a:cubicBezTo>
                  <a:cubicBezTo>
                    <a:pt x="921" y="3265"/>
                    <a:pt x="921" y="3139"/>
                    <a:pt x="880" y="3014"/>
                  </a:cubicBezTo>
                  <a:cubicBezTo>
                    <a:pt x="817" y="2805"/>
                    <a:pt x="775" y="2574"/>
                    <a:pt x="691" y="2365"/>
                  </a:cubicBezTo>
                  <a:cubicBezTo>
                    <a:pt x="670" y="2219"/>
                    <a:pt x="587" y="2093"/>
                    <a:pt x="587" y="1968"/>
                  </a:cubicBezTo>
                  <a:cubicBezTo>
                    <a:pt x="587" y="1570"/>
                    <a:pt x="398" y="1194"/>
                    <a:pt x="1" y="859"/>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2312" name="Google Shape;2312;p74"/>
            <p:cNvSpPr/>
            <p:nvPr/>
          </p:nvSpPr>
          <p:spPr>
            <a:xfrm>
              <a:off x="6926638" y="2591925"/>
              <a:ext cx="63300" cy="54950"/>
            </a:xfrm>
            <a:custGeom>
              <a:avLst/>
              <a:gdLst/>
              <a:ahLst/>
              <a:cxnLst/>
              <a:rect l="l" t="t" r="r" b="b"/>
              <a:pathLst>
                <a:path w="2532" h="2198" extrusionOk="0">
                  <a:moveTo>
                    <a:pt x="1611" y="2198"/>
                  </a:moveTo>
                  <a:lnTo>
                    <a:pt x="105" y="2198"/>
                  </a:lnTo>
                  <a:cubicBezTo>
                    <a:pt x="0" y="1800"/>
                    <a:pt x="21" y="1424"/>
                    <a:pt x="42" y="1047"/>
                  </a:cubicBezTo>
                  <a:cubicBezTo>
                    <a:pt x="188" y="1047"/>
                    <a:pt x="188" y="1152"/>
                    <a:pt x="209" y="1214"/>
                  </a:cubicBezTo>
                  <a:cubicBezTo>
                    <a:pt x="251" y="1340"/>
                    <a:pt x="314" y="1507"/>
                    <a:pt x="356" y="1633"/>
                  </a:cubicBezTo>
                  <a:cubicBezTo>
                    <a:pt x="398" y="1716"/>
                    <a:pt x="398" y="1821"/>
                    <a:pt x="439" y="1884"/>
                  </a:cubicBezTo>
                  <a:cubicBezTo>
                    <a:pt x="502" y="1968"/>
                    <a:pt x="565" y="2030"/>
                    <a:pt x="649" y="2051"/>
                  </a:cubicBezTo>
                  <a:cubicBezTo>
                    <a:pt x="774" y="2072"/>
                    <a:pt x="858" y="1988"/>
                    <a:pt x="921" y="1884"/>
                  </a:cubicBezTo>
                  <a:cubicBezTo>
                    <a:pt x="1025" y="1633"/>
                    <a:pt x="1025" y="1361"/>
                    <a:pt x="921" y="1131"/>
                  </a:cubicBezTo>
                  <a:cubicBezTo>
                    <a:pt x="837" y="942"/>
                    <a:pt x="753" y="733"/>
                    <a:pt x="670" y="566"/>
                  </a:cubicBezTo>
                  <a:cubicBezTo>
                    <a:pt x="649" y="419"/>
                    <a:pt x="649" y="294"/>
                    <a:pt x="649" y="189"/>
                  </a:cubicBezTo>
                  <a:cubicBezTo>
                    <a:pt x="1172" y="1"/>
                    <a:pt x="1925" y="1"/>
                    <a:pt x="2532" y="147"/>
                  </a:cubicBezTo>
                  <a:cubicBezTo>
                    <a:pt x="2385" y="503"/>
                    <a:pt x="2218" y="838"/>
                    <a:pt x="2072" y="1193"/>
                  </a:cubicBezTo>
                  <a:cubicBezTo>
                    <a:pt x="1904" y="1528"/>
                    <a:pt x="1758" y="1863"/>
                    <a:pt x="1611" y="2198"/>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313" name="Google Shape;2313;p74"/>
            <p:cNvSpPr/>
            <p:nvPr/>
          </p:nvSpPr>
          <p:spPr>
            <a:xfrm>
              <a:off x="5505913" y="2878050"/>
              <a:ext cx="76400" cy="57575"/>
            </a:xfrm>
            <a:custGeom>
              <a:avLst/>
              <a:gdLst/>
              <a:ahLst/>
              <a:cxnLst/>
              <a:rect l="l" t="t" r="r" b="b"/>
              <a:pathLst>
                <a:path w="3056" h="2303" extrusionOk="0">
                  <a:moveTo>
                    <a:pt x="1" y="775"/>
                  </a:moveTo>
                  <a:cubicBezTo>
                    <a:pt x="105" y="524"/>
                    <a:pt x="314" y="482"/>
                    <a:pt x="482" y="419"/>
                  </a:cubicBezTo>
                  <a:cubicBezTo>
                    <a:pt x="879" y="252"/>
                    <a:pt x="1235" y="1"/>
                    <a:pt x="1695" y="22"/>
                  </a:cubicBezTo>
                  <a:cubicBezTo>
                    <a:pt x="1884" y="210"/>
                    <a:pt x="1884" y="378"/>
                    <a:pt x="1884" y="566"/>
                  </a:cubicBezTo>
                  <a:lnTo>
                    <a:pt x="1884" y="1089"/>
                  </a:lnTo>
                  <a:cubicBezTo>
                    <a:pt x="1884" y="1361"/>
                    <a:pt x="1967" y="1570"/>
                    <a:pt x="2156" y="1738"/>
                  </a:cubicBezTo>
                  <a:cubicBezTo>
                    <a:pt x="2218" y="1800"/>
                    <a:pt x="2344" y="1821"/>
                    <a:pt x="2428" y="1821"/>
                  </a:cubicBezTo>
                  <a:cubicBezTo>
                    <a:pt x="2553" y="1800"/>
                    <a:pt x="2616" y="1696"/>
                    <a:pt x="2616" y="1570"/>
                  </a:cubicBezTo>
                  <a:cubicBezTo>
                    <a:pt x="2616" y="1466"/>
                    <a:pt x="2616" y="1382"/>
                    <a:pt x="2574" y="1277"/>
                  </a:cubicBezTo>
                  <a:cubicBezTo>
                    <a:pt x="2532" y="1068"/>
                    <a:pt x="2553" y="817"/>
                    <a:pt x="2574" y="566"/>
                  </a:cubicBezTo>
                  <a:cubicBezTo>
                    <a:pt x="2658" y="650"/>
                    <a:pt x="2679" y="671"/>
                    <a:pt x="2721" y="733"/>
                  </a:cubicBezTo>
                  <a:cubicBezTo>
                    <a:pt x="2804" y="1047"/>
                    <a:pt x="2972" y="1340"/>
                    <a:pt x="3055" y="1696"/>
                  </a:cubicBezTo>
                  <a:cubicBezTo>
                    <a:pt x="2574" y="1926"/>
                    <a:pt x="2114" y="2114"/>
                    <a:pt x="1612" y="2303"/>
                  </a:cubicBezTo>
                  <a:cubicBezTo>
                    <a:pt x="1068" y="1800"/>
                    <a:pt x="628" y="1173"/>
                    <a:pt x="1" y="775"/>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314" name="Google Shape;2314;p74"/>
            <p:cNvSpPr/>
            <p:nvPr/>
          </p:nvSpPr>
          <p:spPr>
            <a:xfrm>
              <a:off x="6988863" y="2597150"/>
              <a:ext cx="37700" cy="53925"/>
            </a:xfrm>
            <a:custGeom>
              <a:avLst/>
              <a:gdLst/>
              <a:ahLst/>
              <a:cxnLst/>
              <a:rect l="l" t="t" r="r" b="b"/>
              <a:pathLst>
                <a:path w="1508" h="2157" extrusionOk="0">
                  <a:moveTo>
                    <a:pt x="1" y="1968"/>
                  </a:moveTo>
                  <a:cubicBezTo>
                    <a:pt x="210" y="1403"/>
                    <a:pt x="357" y="817"/>
                    <a:pt x="754" y="357"/>
                  </a:cubicBezTo>
                  <a:cubicBezTo>
                    <a:pt x="1005" y="1"/>
                    <a:pt x="1068" y="1"/>
                    <a:pt x="1507" y="252"/>
                  </a:cubicBezTo>
                  <a:cubicBezTo>
                    <a:pt x="1487" y="733"/>
                    <a:pt x="1424" y="1235"/>
                    <a:pt x="1403" y="1779"/>
                  </a:cubicBezTo>
                  <a:cubicBezTo>
                    <a:pt x="943" y="1863"/>
                    <a:pt x="524" y="2156"/>
                    <a:pt x="1" y="1968"/>
                  </a:cubicBezTo>
                  <a:close/>
                </a:path>
              </a:pathLst>
            </a:custGeom>
            <a:solidFill>
              <a:srgbClr val="FFC036"/>
            </a:solidFill>
            <a:ln>
              <a:noFill/>
            </a:ln>
          </p:spPr>
          <p:txBody>
            <a:bodyPr spcFirstLastPara="1" wrap="square" lIns="91425" tIns="91425" rIns="91425" bIns="91425" anchor="ctr" anchorCtr="0">
              <a:noAutofit/>
            </a:bodyPr>
            <a:lstStyle/>
            <a:p>
              <a:endParaRPr/>
            </a:p>
          </p:txBody>
        </p:sp>
        <p:sp>
          <p:nvSpPr>
            <p:cNvPr id="2315" name="Google Shape;2315;p74"/>
            <p:cNvSpPr/>
            <p:nvPr/>
          </p:nvSpPr>
          <p:spPr>
            <a:xfrm>
              <a:off x="5474538" y="2908400"/>
              <a:ext cx="52325" cy="43450"/>
            </a:xfrm>
            <a:custGeom>
              <a:avLst/>
              <a:gdLst/>
              <a:ahLst/>
              <a:cxnLst/>
              <a:rect l="l" t="t" r="r" b="b"/>
              <a:pathLst>
                <a:path w="2093" h="1738" extrusionOk="0">
                  <a:moveTo>
                    <a:pt x="670" y="1695"/>
                  </a:moveTo>
                  <a:cubicBezTo>
                    <a:pt x="440" y="1235"/>
                    <a:pt x="230" y="796"/>
                    <a:pt x="0" y="314"/>
                  </a:cubicBezTo>
                  <a:cubicBezTo>
                    <a:pt x="84" y="210"/>
                    <a:pt x="209" y="105"/>
                    <a:pt x="335" y="1"/>
                  </a:cubicBezTo>
                  <a:cubicBezTo>
                    <a:pt x="1109" y="210"/>
                    <a:pt x="1528" y="837"/>
                    <a:pt x="2092" y="1381"/>
                  </a:cubicBezTo>
                  <a:cubicBezTo>
                    <a:pt x="1632" y="1737"/>
                    <a:pt x="1172" y="1653"/>
                    <a:pt x="670" y="1695"/>
                  </a:cubicBezTo>
                  <a:close/>
                </a:path>
              </a:pathLst>
            </a:custGeom>
            <a:solidFill>
              <a:srgbClr val="FFC036"/>
            </a:solidFill>
            <a:ln>
              <a:noFill/>
            </a:ln>
          </p:spPr>
          <p:txBody>
            <a:bodyPr spcFirstLastPara="1" wrap="square" lIns="91425" tIns="91425" rIns="91425" bIns="91425" anchor="ctr" anchorCtr="0">
              <a:noAutofit/>
            </a:bodyPr>
            <a:lstStyle/>
            <a:p>
              <a:endParaRPr/>
            </a:p>
          </p:txBody>
        </p:sp>
        <p:sp>
          <p:nvSpPr>
            <p:cNvPr id="2316" name="Google Shape;2316;p74"/>
            <p:cNvSpPr/>
            <p:nvPr/>
          </p:nvSpPr>
          <p:spPr>
            <a:xfrm>
              <a:off x="5581763" y="2866025"/>
              <a:ext cx="35600" cy="46575"/>
            </a:xfrm>
            <a:custGeom>
              <a:avLst/>
              <a:gdLst/>
              <a:ahLst/>
              <a:cxnLst/>
              <a:rect l="l" t="t" r="r" b="b"/>
              <a:pathLst>
                <a:path w="1424" h="1863" extrusionOk="0">
                  <a:moveTo>
                    <a:pt x="754" y="1863"/>
                  </a:moveTo>
                  <a:cubicBezTo>
                    <a:pt x="482" y="1256"/>
                    <a:pt x="231" y="649"/>
                    <a:pt x="0" y="105"/>
                  </a:cubicBezTo>
                  <a:cubicBezTo>
                    <a:pt x="63" y="1"/>
                    <a:pt x="126" y="1"/>
                    <a:pt x="210" y="43"/>
                  </a:cubicBezTo>
                  <a:cubicBezTo>
                    <a:pt x="335" y="147"/>
                    <a:pt x="482" y="231"/>
                    <a:pt x="628" y="335"/>
                  </a:cubicBezTo>
                  <a:cubicBezTo>
                    <a:pt x="900" y="545"/>
                    <a:pt x="1151" y="817"/>
                    <a:pt x="1277" y="1152"/>
                  </a:cubicBezTo>
                  <a:cubicBezTo>
                    <a:pt x="1423" y="1549"/>
                    <a:pt x="1360" y="1675"/>
                    <a:pt x="963" y="1821"/>
                  </a:cubicBezTo>
                  <a:cubicBezTo>
                    <a:pt x="900" y="1863"/>
                    <a:pt x="837" y="1863"/>
                    <a:pt x="754" y="1863"/>
                  </a:cubicBezTo>
                  <a:close/>
                </a:path>
              </a:pathLst>
            </a:custGeom>
            <a:solidFill>
              <a:srgbClr val="FFC036"/>
            </a:solidFill>
            <a:ln>
              <a:noFill/>
            </a:ln>
          </p:spPr>
          <p:txBody>
            <a:bodyPr spcFirstLastPara="1" wrap="square" lIns="91425" tIns="91425" rIns="91425" bIns="91425" anchor="ctr" anchorCtr="0">
              <a:noAutofit/>
            </a:bodyPr>
            <a:lstStyle/>
            <a:p>
              <a:endParaRPr/>
            </a:p>
          </p:txBody>
        </p:sp>
        <p:sp>
          <p:nvSpPr>
            <p:cNvPr id="2317" name="Google Shape;2317;p74"/>
            <p:cNvSpPr/>
            <p:nvPr/>
          </p:nvSpPr>
          <p:spPr>
            <a:xfrm>
              <a:off x="6885838" y="2597675"/>
              <a:ext cx="23025" cy="50775"/>
            </a:xfrm>
            <a:custGeom>
              <a:avLst/>
              <a:gdLst/>
              <a:ahLst/>
              <a:cxnLst/>
              <a:rect l="l" t="t" r="r" b="b"/>
              <a:pathLst>
                <a:path w="921" h="2031" extrusionOk="0">
                  <a:moveTo>
                    <a:pt x="837" y="1"/>
                  </a:moveTo>
                  <a:cubicBezTo>
                    <a:pt x="921" y="357"/>
                    <a:pt x="921" y="1424"/>
                    <a:pt x="816" y="1947"/>
                  </a:cubicBezTo>
                  <a:cubicBezTo>
                    <a:pt x="816" y="1947"/>
                    <a:pt x="795" y="1968"/>
                    <a:pt x="774" y="1968"/>
                  </a:cubicBezTo>
                  <a:cubicBezTo>
                    <a:pt x="209" y="2030"/>
                    <a:pt x="0" y="1821"/>
                    <a:pt x="84" y="1256"/>
                  </a:cubicBezTo>
                  <a:cubicBezTo>
                    <a:pt x="167" y="859"/>
                    <a:pt x="419" y="378"/>
                    <a:pt x="837" y="1"/>
                  </a:cubicBezTo>
                  <a:close/>
                </a:path>
              </a:pathLst>
            </a:custGeom>
            <a:solidFill>
              <a:srgbClr val="FFC036"/>
            </a:solidFill>
            <a:ln>
              <a:noFill/>
            </a:ln>
          </p:spPr>
          <p:txBody>
            <a:bodyPr spcFirstLastPara="1" wrap="square" lIns="91425" tIns="91425" rIns="91425" bIns="91425" anchor="ctr" anchorCtr="0">
              <a:noAutofit/>
            </a:bodyPr>
            <a:lstStyle/>
            <a:p>
              <a:endParaRPr/>
            </a:p>
          </p:txBody>
        </p:sp>
        <p:sp>
          <p:nvSpPr>
            <p:cNvPr id="2318" name="Google Shape;2318;p74"/>
            <p:cNvSpPr/>
            <p:nvPr/>
          </p:nvSpPr>
          <p:spPr>
            <a:xfrm>
              <a:off x="7041713" y="2617550"/>
              <a:ext cx="6300" cy="18875"/>
            </a:xfrm>
            <a:custGeom>
              <a:avLst/>
              <a:gdLst/>
              <a:ahLst/>
              <a:cxnLst/>
              <a:rect l="l" t="t" r="r" b="b"/>
              <a:pathLst>
                <a:path w="252" h="755" extrusionOk="0">
                  <a:moveTo>
                    <a:pt x="0" y="754"/>
                  </a:moveTo>
                  <a:lnTo>
                    <a:pt x="0" y="1"/>
                  </a:lnTo>
                  <a:cubicBezTo>
                    <a:pt x="189" y="189"/>
                    <a:pt x="251" y="336"/>
                    <a:pt x="251" y="503"/>
                  </a:cubicBezTo>
                  <a:cubicBezTo>
                    <a:pt x="251" y="545"/>
                    <a:pt x="147" y="608"/>
                    <a:pt x="0" y="754"/>
                  </a:cubicBezTo>
                  <a:close/>
                </a:path>
              </a:pathLst>
            </a:custGeom>
            <a:solidFill>
              <a:srgbClr val="FFC036"/>
            </a:solidFill>
            <a:ln>
              <a:noFill/>
            </a:ln>
          </p:spPr>
          <p:txBody>
            <a:bodyPr spcFirstLastPara="1" wrap="square" lIns="91425" tIns="91425" rIns="91425" bIns="91425" anchor="ctr" anchorCtr="0">
              <a:noAutofit/>
            </a:bodyPr>
            <a:lstStyle/>
            <a:p>
              <a:endParaRPr/>
            </a:p>
          </p:txBody>
        </p:sp>
        <p:sp>
          <p:nvSpPr>
            <p:cNvPr id="2319" name="Google Shape;2319;p74"/>
            <p:cNvSpPr/>
            <p:nvPr/>
          </p:nvSpPr>
          <p:spPr>
            <a:xfrm>
              <a:off x="5462488" y="2934550"/>
              <a:ext cx="9450" cy="18350"/>
            </a:xfrm>
            <a:custGeom>
              <a:avLst/>
              <a:gdLst/>
              <a:ahLst/>
              <a:cxnLst/>
              <a:rect l="l" t="t" r="r" b="b"/>
              <a:pathLst>
                <a:path w="378" h="734" extrusionOk="0">
                  <a:moveTo>
                    <a:pt x="85" y="1"/>
                  </a:moveTo>
                  <a:cubicBezTo>
                    <a:pt x="231" y="273"/>
                    <a:pt x="315" y="482"/>
                    <a:pt x="378" y="712"/>
                  </a:cubicBezTo>
                  <a:cubicBezTo>
                    <a:pt x="294" y="712"/>
                    <a:pt x="210" y="733"/>
                    <a:pt x="126" y="733"/>
                  </a:cubicBezTo>
                  <a:cubicBezTo>
                    <a:pt x="1" y="503"/>
                    <a:pt x="22" y="294"/>
                    <a:pt x="85" y="1"/>
                  </a:cubicBezTo>
                  <a:close/>
                </a:path>
              </a:pathLst>
            </a:custGeom>
            <a:solidFill>
              <a:srgbClr val="FFC036"/>
            </a:solidFill>
            <a:ln>
              <a:noFill/>
            </a:ln>
          </p:spPr>
          <p:txBody>
            <a:bodyPr spcFirstLastPara="1" wrap="square" lIns="91425" tIns="91425" rIns="91425" bIns="91425" anchor="ctr" anchorCtr="0">
              <a:noAutofit/>
            </a:bodyPr>
            <a:lstStyle/>
            <a:p>
              <a:endParaRPr/>
            </a:p>
          </p:txBody>
        </p:sp>
        <p:sp>
          <p:nvSpPr>
            <p:cNvPr id="2320" name="Google Shape;2320;p74"/>
            <p:cNvSpPr/>
            <p:nvPr/>
          </p:nvSpPr>
          <p:spPr>
            <a:xfrm>
              <a:off x="6297338" y="2995750"/>
              <a:ext cx="113550" cy="121400"/>
            </a:xfrm>
            <a:custGeom>
              <a:avLst/>
              <a:gdLst/>
              <a:ahLst/>
              <a:cxnLst/>
              <a:rect l="l" t="t" r="r" b="b"/>
              <a:pathLst>
                <a:path w="4542" h="4856" extrusionOk="0">
                  <a:moveTo>
                    <a:pt x="147" y="2637"/>
                  </a:moveTo>
                  <a:lnTo>
                    <a:pt x="147" y="2574"/>
                  </a:lnTo>
                  <a:cubicBezTo>
                    <a:pt x="1" y="1612"/>
                    <a:pt x="629" y="1047"/>
                    <a:pt x="1319" y="545"/>
                  </a:cubicBezTo>
                  <a:cubicBezTo>
                    <a:pt x="1528" y="356"/>
                    <a:pt x="1800" y="273"/>
                    <a:pt x="2072" y="147"/>
                  </a:cubicBezTo>
                  <a:cubicBezTo>
                    <a:pt x="2407" y="1"/>
                    <a:pt x="2763" y="43"/>
                    <a:pt x="3014" y="273"/>
                  </a:cubicBezTo>
                  <a:cubicBezTo>
                    <a:pt x="3202" y="440"/>
                    <a:pt x="3412" y="587"/>
                    <a:pt x="3642" y="670"/>
                  </a:cubicBezTo>
                  <a:cubicBezTo>
                    <a:pt x="3851" y="754"/>
                    <a:pt x="3976" y="880"/>
                    <a:pt x="4060" y="1089"/>
                  </a:cubicBezTo>
                  <a:cubicBezTo>
                    <a:pt x="4144" y="1361"/>
                    <a:pt x="4248" y="1591"/>
                    <a:pt x="4353" y="1821"/>
                  </a:cubicBezTo>
                  <a:cubicBezTo>
                    <a:pt x="4541" y="2261"/>
                    <a:pt x="4500" y="2721"/>
                    <a:pt x="4437" y="3160"/>
                  </a:cubicBezTo>
                  <a:cubicBezTo>
                    <a:pt x="4374" y="3390"/>
                    <a:pt x="4228" y="3600"/>
                    <a:pt x="4081" y="3809"/>
                  </a:cubicBezTo>
                  <a:cubicBezTo>
                    <a:pt x="3537" y="4604"/>
                    <a:pt x="2784" y="4855"/>
                    <a:pt x="1863" y="4771"/>
                  </a:cubicBezTo>
                  <a:cubicBezTo>
                    <a:pt x="1403" y="4562"/>
                    <a:pt x="901" y="4437"/>
                    <a:pt x="566" y="4039"/>
                  </a:cubicBezTo>
                  <a:cubicBezTo>
                    <a:pt x="273" y="3725"/>
                    <a:pt x="85" y="3369"/>
                    <a:pt x="147" y="2888"/>
                  </a:cubicBezTo>
                  <a:cubicBezTo>
                    <a:pt x="168" y="2846"/>
                    <a:pt x="147" y="2742"/>
                    <a:pt x="147" y="2637"/>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321" name="Google Shape;2321;p74"/>
            <p:cNvSpPr/>
            <p:nvPr/>
          </p:nvSpPr>
          <p:spPr>
            <a:xfrm>
              <a:off x="7148413" y="2044775"/>
              <a:ext cx="187300" cy="121900"/>
            </a:xfrm>
            <a:custGeom>
              <a:avLst/>
              <a:gdLst/>
              <a:ahLst/>
              <a:cxnLst/>
              <a:rect l="l" t="t" r="r" b="b"/>
              <a:pathLst>
                <a:path w="7492" h="4876" extrusionOk="0">
                  <a:moveTo>
                    <a:pt x="105" y="2219"/>
                  </a:moveTo>
                  <a:cubicBezTo>
                    <a:pt x="147" y="2198"/>
                    <a:pt x="189" y="2156"/>
                    <a:pt x="273" y="2156"/>
                  </a:cubicBezTo>
                  <a:cubicBezTo>
                    <a:pt x="900" y="1988"/>
                    <a:pt x="1486" y="1695"/>
                    <a:pt x="2093" y="1486"/>
                  </a:cubicBezTo>
                  <a:cubicBezTo>
                    <a:pt x="2135" y="1465"/>
                    <a:pt x="2198" y="1465"/>
                    <a:pt x="2240" y="1465"/>
                  </a:cubicBezTo>
                  <a:cubicBezTo>
                    <a:pt x="2888" y="1193"/>
                    <a:pt x="3558" y="963"/>
                    <a:pt x="4206" y="712"/>
                  </a:cubicBezTo>
                  <a:cubicBezTo>
                    <a:pt x="4771" y="503"/>
                    <a:pt x="5336" y="273"/>
                    <a:pt x="5901" y="105"/>
                  </a:cubicBezTo>
                  <a:cubicBezTo>
                    <a:pt x="6278" y="1"/>
                    <a:pt x="6696" y="63"/>
                    <a:pt x="7073" y="63"/>
                  </a:cubicBezTo>
                  <a:cubicBezTo>
                    <a:pt x="7282" y="63"/>
                    <a:pt x="7429" y="231"/>
                    <a:pt x="7470" y="419"/>
                  </a:cubicBezTo>
                  <a:cubicBezTo>
                    <a:pt x="7491" y="524"/>
                    <a:pt x="7491" y="649"/>
                    <a:pt x="7491" y="754"/>
                  </a:cubicBezTo>
                  <a:cubicBezTo>
                    <a:pt x="7491" y="1340"/>
                    <a:pt x="7470" y="1947"/>
                    <a:pt x="7491" y="2511"/>
                  </a:cubicBezTo>
                  <a:cubicBezTo>
                    <a:pt x="7491" y="2930"/>
                    <a:pt x="7366" y="3286"/>
                    <a:pt x="7177" y="3641"/>
                  </a:cubicBezTo>
                  <a:lnTo>
                    <a:pt x="7115" y="3788"/>
                  </a:lnTo>
                  <a:cubicBezTo>
                    <a:pt x="6613" y="4185"/>
                    <a:pt x="6110" y="4562"/>
                    <a:pt x="5462" y="4604"/>
                  </a:cubicBezTo>
                  <a:cubicBezTo>
                    <a:pt x="5148" y="4625"/>
                    <a:pt x="4855" y="4604"/>
                    <a:pt x="4562" y="4771"/>
                  </a:cubicBezTo>
                  <a:cubicBezTo>
                    <a:pt x="4520" y="4792"/>
                    <a:pt x="4457" y="4792"/>
                    <a:pt x="4416" y="4792"/>
                  </a:cubicBezTo>
                  <a:cubicBezTo>
                    <a:pt x="3265" y="4876"/>
                    <a:pt x="2135" y="4708"/>
                    <a:pt x="1151" y="4102"/>
                  </a:cubicBezTo>
                  <a:cubicBezTo>
                    <a:pt x="838" y="3934"/>
                    <a:pt x="566" y="3662"/>
                    <a:pt x="356" y="3369"/>
                  </a:cubicBezTo>
                  <a:cubicBezTo>
                    <a:pt x="231" y="3223"/>
                    <a:pt x="168" y="2951"/>
                    <a:pt x="126" y="2742"/>
                  </a:cubicBezTo>
                  <a:cubicBezTo>
                    <a:pt x="22" y="2574"/>
                    <a:pt x="1" y="2407"/>
                    <a:pt x="105" y="2219"/>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22" name="Google Shape;2322;p74"/>
            <p:cNvSpPr/>
            <p:nvPr/>
          </p:nvSpPr>
          <p:spPr>
            <a:xfrm>
              <a:off x="5012113" y="2508225"/>
              <a:ext cx="168475" cy="140225"/>
            </a:xfrm>
            <a:custGeom>
              <a:avLst/>
              <a:gdLst/>
              <a:ahLst/>
              <a:cxnLst/>
              <a:rect l="l" t="t" r="r" b="b"/>
              <a:pathLst>
                <a:path w="6739" h="5609" extrusionOk="0">
                  <a:moveTo>
                    <a:pt x="1" y="2721"/>
                  </a:moveTo>
                  <a:cubicBezTo>
                    <a:pt x="210" y="2658"/>
                    <a:pt x="398" y="2595"/>
                    <a:pt x="566" y="2533"/>
                  </a:cubicBezTo>
                  <a:cubicBezTo>
                    <a:pt x="1131" y="2365"/>
                    <a:pt x="1675" y="2156"/>
                    <a:pt x="2219" y="1968"/>
                  </a:cubicBezTo>
                  <a:cubicBezTo>
                    <a:pt x="2323" y="1947"/>
                    <a:pt x="2428" y="1884"/>
                    <a:pt x="2532" y="1842"/>
                  </a:cubicBezTo>
                  <a:cubicBezTo>
                    <a:pt x="2930" y="1549"/>
                    <a:pt x="3432" y="1382"/>
                    <a:pt x="3872" y="1215"/>
                  </a:cubicBezTo>
                  <a:cubicBezTo>
                    <a:pt x="4164" y="1110"/>
                    <a:pt x="4416" y="943"/>
                    <a:pt x="4688" y="817"/>
                  </a:cubicBezTo>
                  <a:cubicBezTo>
                    <a:pt x="4813" y="754"/>
                    <a:pt x="4918" y="691"/>
                    <a:pt x="5043" y="629"/>
                  </a:cubicBezTo>
                  <a:cubicBezTo>
                    <a:pt x="5357" y="482"/>
                    <a:pt x="5671" y="336"/>
                    <a:pt x="5964" y="189"/>
                  </a:cubicBezTo>
                  <a:cubicBezTo>
                    <a:pt x="6110" y="106"/>
                    <a:pt x="6257" y="1"/>
                    <a:pt x="6466" y="106"/>
                  </a:cubicBezTo>
                  <a:cubicBezTo>
                    <a:pt x="6487" y="189"/>
                    <a:pt x="6508" y="273"/>
                    <a:pt x="6508" y="378"/>
                  </a:cubicBezTo>
                  <a:cubicBezTo>
                    <a:pt x="6529" y="503"/>
                    <a:pt x="6508" y="629"/>
                    <a:pt x="6529" y="754"/>
                  </a:cubicBezTo>
                  <a:cubicBezTo>
                    <a:pt x="6738" y="1319"/>
                    <a:pt x="6696" y="1884"/>
                    <a:pt x="6696" y="2470"/>
                  </a:cubicBezTo>
                  <a:lnTo>
                    <a:pt x="6696" y="3537"/>
                  </a:lnTo>
                  <a:cubicBezTo>
                    <a:pt x="6696" y="4039"/>
                    <a:pt x="6529" y="4458"/>
                    <a:pt x="6152" y="4792"/>
                  </a:cubicBezTo>
                  <a:cubicBezTo>
                    <a:pt x="5964" y="4939"/>
                    <a:pt x="5776" y="5127"/>
                    <a:pt x="5587" y="5253"/>
                  </a:cubicBezTo>
                  <a:cubicBezTo>
                    <a:pt x="5336" y="5462"/>
                    <a:pt x="5022" y="5546"/>
                    <a:pt x="4688" y="5546"/>
                  </a:cubicBezTo>
                  <a:cubicBezTo>
                    <a:pt x="4457" y="5546"/>
                    <a:pt x="4269" y="5525"/>
                    <a:pt x="4060" y="5546"/>
                  </a:cubicBezTo>
                  <a:cubicBezTo>
                    <a:pt x="3474" y="5608"/>
                    <a:pt x="2930" y="5441"/>
                    <a:pt x="2365" y="5295"/>
                  </a:cubicBezTo>
                  <a:cubicBezTo>
                    <a:pt x="2239" y="5253"/>
                    <a:pt x="2114" y="5190"/>
                    <a:pt x="2030" y="5106"/>
                  </a:cubicBezTo>
                  <a:cubicBezTo>
                    <a:pt x="1591" y="4709"/>
                    <a:pt x="1151" y="4353"/>
                    <a:pt x="733" y="3935"/>
                  </a:cubicBezTo>
                  <a:cubicBezTo>
                    <a:pt x="356" y="3579"/>
                    <a:pt x="189" y="3181"/>
                    <a:pt x="1" y="272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23" name="Google Shape;2323;p74"/>
            <p:cNvSpPr/>
            <p:nvPr/>
          </p:nvSpPr>
          <p:spPr>
            <a:xfrm>
              <a:off x="7362363" y="1930225"/>
              <a:ext cx="142825" cy="138125"/>
            </a:xfrm>
            <a:custGeom>
              <a:avLst/>
              <a:gdLst/>
              <a:ahLst/>
              <a:cxnLst/>
              <a:rect l="l" t="t" r="r" b="b"/>
              <a:pathLst>
                <a:path w="5713" h="5525" extrusionOk="0">
                  <a:moveTo>
                    <a:pt x="5001" y="1005"/>
                  </a:moveTo>
                  <a:cubicBezTo>
                    <a:pt x="4687" y="419"/>
                    <a:pt x="4143" y="0"/>
                    <a:pt x="3474" y="147"/>
                  </a:cubicBezTo>
                  <a:cubicBezTo>
                    <a:pt x="3369" y="168"/>
                    <a:pt x="3265" y="189"/>
                    <a:pt x="3181" y="210"/>
                  </a:cubicBezTo>
                  <a:cubicBezTo>
                    <a:pt x="1612" y="63"/>
                    <a:pt x="0" y="1528"/>
                    <a:pt x="252" y="3118"/>
                  </a:cubicBezTo>
                  <a:cubicBezTo>
                    <a:pt x="482" y="4896"/>
                    <a:pt x="2553" y="5524"/>
                    <a:pt x="4018" y="4771"/>
                  </a:cubicBezTo>
                  <a:cubicBezTo>
                    <a:pt x="5420" y="4080"/>
                    <a:pt x="5713" y="2344"/>
                    <a:pt x="5001" y="1005"/>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24" name="Google Shape;2324;p74"/>
            <p:cNvSpPr/>
            <p:nvPr/>
          </p:nvSpPr>
          <p:spPr>
            <a:xfrm>
              <a:off x="6968988" y="2010250"/>
              <a:ext cx="127150" cy="123475"/>
            </a:xfrm>
            <a:custGeom>
              <a:avLst/>
              <a:gdLst/>
              <a:ahLst/>
              <a:cxnLst/>
              <a:rect l="l" t="t" r="r" b="b"/>
              <a:pathLst>
                <a:path w="5086" h="4939" extrusionOk="0">
                  <a:moveTo>
                    <a:pt x="4918" y="1821"/>
                  </a:moveTo>
                  <a:cubicBezTo>
                    <a:pt x="4667" y="356"/>
                    <a:pt x="2721" y="1"/>
                    <a:pt x="1612" y="754"/>
                  </a:cubicBezTo>
                  <a:cubicBezTo>
                    <a:pt x="963" y="796"/>
                    <a:pt x="273" y="1193"/>
                    <a:pt x="106" y="1884"/>
                  </a:cubicBezTo>
                  <a:cubicBezTo>
                    <a:pt x="1" y="2281"/>
                    <a:pt x="189" y="2888"/>
                    <a:pt x="419" y="3328"/>
                  </a:cubicBezTo>
                  <a:cubicBezTo>
                    <a:pt x="419" y="3453"/>
                    <a:pt x="419" y="3579"/>
                    <a:pt x="440" y="3704"/>
                  </a:cubicBezTo>
                  <a:cubicBezTo>
                    <a:pt x="670" y="4897"/>
                    <a:pt x="2219" y="4939"/>
                    <a:pt x="3119" y="4708"/>
                  </a:cubicBezTo>
                  <a:cubicBezTo>
                    <a:pt x="3558" y="4583"/>
                    <a:pt x="3914" y="4374"/>
                    <a:pt x="4227" y="4081"/>
                  </a:cubicBezTo>
                  <a:cubicBezTo>
                    <a:pt x="4311" y="4018"/>
                    <a:pt x="4395" y="3955"/>
                    <a:pt x="4437" y="3872"/>
                  </a:cubicBezTo>
                  <a:cubicBezTo>
                    <a:pt x="4897" y="3286"/>
                    <a:pt x="5085" y="2595"/>
                    <a:pt x="4918" y="1821"/>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25" name="Google Shape;2325;p74"/>
            <p:cNvSpPr/>
            <p:nvPr/>
          </p:nvSpPr>
          <p:spPr>
            <a:xfrm>
              <a:off x="4787188" y="2536475"/>
              <a:ext cx="162175" cy="146500"/>
            </a:xfrm>
            <a:custGeom>
              <a:avLst/>
              <a:gdLst/>
              <a:ahLst/>
              <a:cxnLst/>
              <a:rect l="l" t="t" r="r" b="b"/>
              <a:pathLst>
                <a:path w="6487" h="5860" extrusionOk="0">
                  <a:moveTo>
                    <a:pt x="4332" y="336"/>
                  </a:moveTo>
                  <a:cubicBezTo>
                    <a:pt x="3118" y="1"/>
                    <a:pt x="1779" y="691"/>
                    <a:pt x="1068" y="1675"/>
                  </a:cubicBezTo>
                  <a:cubicBezTo>
                    <a:pt x="0" y="3223"/>
                    <a:pt x="1612" y="4897"/>
                    <a:pt x="3013" y="5357"/>
                  </a:cubicBezTo>
                  <a:cubicBezTo>
                    <a:pt x="4436" y="5859"/>
                    <a:pt x="6194" y="4876"/>
                    <a:pt x="6361" y="3349"/>
                  </a:cubicBezTo>
                  <a:cubicBezTo>
                    <a:pt x="6487" y="2051"/>
                    <a:pt x="5734" y="440"/>
                    <a:pt x="4332" y="336"/>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26" name="Google Shape;2326;p74"/>
            <p:cNvSpPr/>
            <p:nvPr/>
          </p:nvSpPr>
          <p:spPr>
            <a:xfrm>
              <a:off x="5182113" y="2400475"/>
              <a:ext cx="137075" cy="119825"/>
            </a:xfrm>
            <a:custGeom>
              <a:avLst/>
              <a:gdLst/>
              <a:ahLst/>
              <a:cxnLst/>
              <a:rect l="l" t="t" r="r" b="b"/>
              <a:pathLst>
                <a:path w="5483" h="4793" extrusionOk="0">
                  <a:moveTo>
                    <a:pt x="5043" y="1424"/>
                  </a:moveTo>
                  <a:cubicBezTo>
                    <a:pt x="4960" y="1172"/>
                    <a:pt x="4855" y="963"/>
                    <a:pt x="4730" y="796"/>
                  </a:cubicBezTo>
                  <a:cubicBezTo>
                    <a:pt x="4206" y="84"/>
                    <a:pt x="3453" y="1"/>
                    <a:pt x="2637" y="105"/>
                  </a:cubicBezTo>
                  <a:cubicBezTo>
                    <a:pt x="1089" y="294"/>
                    <a:pt x="1" y="2051"/>
                    <a:pt x="629" y="3537"/>
                  </a:cubicBezTo>
                  <a:cubicBezTo>
                    <a:pt x="942" y="4290"/>
                    <a:pt x="1591" y="4583"/>
                    <a:pt x="2302" y="4625"/>
                  </a:cubicBezTo>
                  <a:cubicBezTo>
                    <a:pt x="2867" y="4792"/>
                    <a:pt x="3495" y="4583"/>
                    <a:pt x="4018" y="4206"/>
                  </a:cubicBezTo>
                  <a:cubicBezTo>
                    <a:pt x="4186" y="4144"/>
                    <a:pt x="4332" y="4039"/>
                    <a:pt x="4478" y="3934"/>
                  </a:cubicBezTo>
                  <a:cubicBezTo>
                    <a:pt x="5253" y="3348"/>
                    <a:pt x="5483" y="2219"/>
                    <a:pt x="5043" y="1424"/>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27" name="Google Shape;2327;p74"/>
            <p:cNvSpPr/>
            <p:nvPr/>
          </p:nvSpPr>
          <p:spPr>
            <a:xfrm>
              <a:off x="4884488" y="3053300"/>
              <a:ext cx="403325" cy="166375"/>
            </a:xfrm>
            <a:custGeom>
              <a:avLst/>
              <a:gdLst/>
              <a:ahLst/>
              <a:cxnLst/>
              <a:rect l="l" t="t" r="r" b="b"/>
              <a:pathLst>
                <a:path w="16133" h="6655" extrusionOk="0">
                  <a:moveTo>
                    <a:pt x="16007" y="419"/>
                  </a:moveTo>
                  <a:cubicBezTo>
                    <a:pt x="15986" y="126"/>
                    <a:pt x="15777" y="0"/>
                    <a:pt x="15505" y="21"/>
                  </a:cubicBezTo>
                  <a:cubicBezTo>
                    <a:pt x="14438" y="168"/>
                    <a:pt x="13873" y="1423"/>
                    <a:pt x="13057" y="2030"/>
                  </a:cubicBezTo>
                  <a:cubicBezTo>
                    <a:pt x="12534" y="2428"/>
                    <a:pt x="11634" y="2658"/>
                    <a:pt x="11069" y="2888"/>
                  </a:cubicBezTo>
                  <a:cubicBezTo>
                    <a:pt x="10357" y="3181"/>
                    <a:pt x="9646" y="3495"/>
                    <a:pt x="8914" y="3746"/>
                  </a:cubicBezTo>
                  <a:cubicBezTo>
                    <a:pt x="7428" y="4311"/>
                    <a:pt x="5922" y="4750"/>
                    <a:pt x="4373" y="5127"/>
                  </a:cubicBezTo>
                  <a:cubicBezTo>
                    <a:pt x="3013" y="5441"/>
                    <a:pt x="1674" y="5022"/>
                    <a:pt x="377" y="5294"/>
                  </a:cubicBezTo>
                  <a:cubicBezTo>
                    <a:pt x="0" y="5378"/>
                    <a:pt x="21" y="5922"/>
                    <a:pt x="377" y="6005"/>
                  </a:cubicBezTo>
                  <a:cubicBezTo>
                    <a:pt x="1674" y="6340"/>
                    <a:pt x="2846" y="6654"/>
                    <a:pt x="4248" y="6424"/>
                  </a:cubicBezTo>
                  <a:cubicBezTo>
                    <a:pt x="6131" y="6110"/>
                    <a:pt x="7951" y="5545"/>
                    <a:pt x="9730" y="4876"/>
                  </a:cubicBezTo>
                  <a:cubicBezTo>
                    <a:pt x="11153" y="4394"/>
                    <a:pt x="12889" y="3829"/>
                    <a:pt x="14103" y="2972"/>
                  </a:cubicBezTo>
                  <a:cubicBezTo>
                    <a:pt x="14731" y="2511"/>
                    <a:pt x="16132" y="1298"/>
                    <a:pt x="16007" y="419"/>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28" name="Google Shape;2328;p74"/>
            <p:cNvSpPr/>
            <p:nvPr/>
          </p:nvSpPr>
          <p:spPr>
            <a:xfrm>
              <a:off x="4868788" y="2993675"/>
              <a:ext cx="413275" cy="167400"/>
            </a:xfrm>
            <a:custGeom>
              <a:avLst/>
              <a:gdLst/>
              <a:ahLst/>
              <a:cxnLst/>
              <a:rect l="l" t="t" r="r" b="b"/>
              <a:pathLst>
                <a:path w="16531" h="6696" extrusionOk="0">
                  <a:moveTo>
                    <a:pt x="15651" y="335"/>
                  </a:moveTo>
                  <a:cubicBezTo>
                    <a:pt x="13329" y="2072"/>
                    <a:pt x="10776" y="3139"/>
                    <a:pt x="8077" y="4080"/>
                  </a:cubicBezTo>
                  <a:cubicBezTo>
                    <a:pt x="6717" y="4541"/>
                    <a:pt x="5357" y="5043"/>
                    <a:pt x="3976" y="5482"/>
                  </a:cubicBezTo>
                  <a:cubicBezTo>
                    <a:pt x="2742" y="5880"/>
                    <a:pt x="1423" y="5712"/>
                    <a:pt x="126" y="5942"/>
                  </a:cubicBezTo>
                  <a:cubicBezTo>
                    <a:pt x="1" y="5963"/>
                    <a:pt x="1" y="6193"/>
                    <a:pt x="126" y="6214"/>
                  </a:cubicBezTo>
                  <a:cubicBezTo>
                    <a:pt x="3097" y="6696"/>
                    <a:pt x="5545" y="5880"/>
                    <a:pt x="8286" y="4896"/>
                  </a:cubicBezTo>
                  <a:cubicBezTo>
                    <a:pt x="11069" y="3892"/>
                    <a:pt x="13685" y="2867"/>
                    <a:pt x="16091" y="1088"/>
                  </a:cubicBezTo>
                  <a:cubicBezTo>
                    <a:pt x="16530" y="753"/>
                    <a:pt x="16091" y="0"/>
                    <a:pt x="15651" y="335"/>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29" name="Google Shape;2329;p74"/>
            <p:cNvSpPr/>
            <p:nvPr/>
          </p:nvSpPr>
          <p:spPr>
            <a:xfrm>
              <a:off x="7797563" y="2998375"/>
              <a:ext cx="137075" cy="311775"/>
            </a:xfrm>
            <a:custGeom>
              <a:avLst/>
              <a:gdLst/>
              <a:ahLst/>
              <a:cxnLst/>
              <a:rect l="l" t="t" r="r" b="b"/>
              <a:pathLst>
                <a:path w="5483" h="12471" extrusionOk="0">
                  <a:moveTo>
                    <a:pt x="5483" y="10734"/>
                  </a:moveTo>
                  <a:cubicBezTo>
                    <a:pt x="5462" y="11257"/>
                    <a:pt x="5420" y="11676"/>
                    <a:pt x="5378" y="12094"/>
                  </a:cubicBezTo>
                  <a:cubicBezTo>
                    <a:pt x="5378" y="12178"/>
                    <a:pt x="5357" y="12283"/>
                    <a:pt x="5315" y="12366"/>
                  </a:cubicBezTo>
                  <a:cubicBezTo>
                    <a:pt x="5274" y="12408"/>
                    <a:pt x="5169" y="12471"/>
                    <a:pt x="5127" y="12471"/>
                  </a:cubicBezTo>
                  <a:cubicBezTo>
                    <a:pt x="5043" y="12450"/>
                    <a:pt x="4939" y="12387"/>
                    <a:pt x="4897" y="12345"/>
                  </a:cubicBezTo>
                  <a:cubicBezTo>
                    <a:pt x="4834" y="12241"/>
                    <a:pt x="4834" y="12136"/>
                    <a:pt x="4834" y="11990"/>
                  </a:cubicBezTo>
                  <a:cubicBezTo>
                    <a:pt x="4751" y="11362"/>
                    <a:pt x="4709" y="10734"/>
                    <a:pt x="4625" y="10148"/>
                  </a:cubicBezTo>
                  <a:cubicBezTo>
                    <a:pt x="4604" y="9897"/>
                    <a:pt x="4541" y="9646"/>
                    <a:pt x="4499" y="9416"/>
                  </a:cubicBezTo>
                  <a:cubicBezTo>
                    <a:pt x="4311" y="8600"/>
                    <a:pt x="4123" y="7784"/>
                    <a:pt x="3914" y="6968"/>
                  </a:cubicBezTo>
                  <a:cubicBezTo>
                    <a:pt x="3893" y="6821"/>
                    <a:pt x="3851" y="6696"/>
                    <a:pt x="3788" y="6529"/>
                  </a:cubicBezTo>
                  <a:lnTo>
                    <a:pt x="3558" y="5901"/>
                  </a:lnTo>
                  <a:cubicBezTo>
                    <a:pt x="2867" y="4080"/>
                    <a:pt x="2867" y="4039"/>
                    <a:pt x="1821" y="2448"/>
                  </a:cubicBezTo>
                  <a:cubicBezTo>
                    <a:pt x="1424" y="1884"/>
                    <a:pt x="942" y="1381"/>
                    <a:pt x="524" y="795"/>
                  </a:cubicBezTo>
                  <a:cubicBezTo>
                    <a:pt x="440" y="670"/>
                    <a:pt x="252" y="628"/>
                    <a:pt x="126" y="523"/>
                  </a:cubicBezTo>
                  <a:cubicBezTo>
                    <a:pt x="1" y="419"/>
                    <a:pt x="22" y="231"/>
                    <a:pt x="189" y="126"/>
                  </a:cubicBezTo>
                  <a:cubicBezTo>
                    <a:pt x="378" y="0"/>
                    <a:pt x="608" y="42"/>
                    <a:pt x="754" y="210"/>
                  </a:cubicBezTo>
                  <a:cubicBezTo>
                    <a:pt x="984" y="419"/>
                    <a:pt x="1194" y="628"/>
                    <a:pt x="1403" y="837"/>
                  </a:cubicBezTo>
                  <a:cubicBezTo>
                    <a:pt x="1549" y="963"/>
                    <a:pt x="1654" y="1151"/>
                    <a:pt x="1779" y="1256"/>
                  </a:cubicBezTo>
                  <a:cubicBezTo>
                    <a:pt x="2198" y="1612"/>
                    <a:pt x="2512" y="2051"/>
                    <a:pt x="2805" y="2532"/>
                  </a:cubicBezTo>
                  <a:cubicBezTo>
                    <a:pt x="2826" y="2616"/>
                    <a:pt x="2867" y="2658"/>
                    <a:pt x="2930" y="2720"/>
                  </a:cubicBezTo>
                  <a:cubicBezTo>
                    <a:pt x="3474" y="3411"/>
                    <a:pt x="3788" y="4206"/>
                    <a:pt x="4102" y="5043"/>
                  </a:cubicBezTo>
                  <a:cubicBezTo>
                    <a:pt x="4479" y="6005"/>
                    <a:pt x="4792" y="6968"/>
                    <a:pt x="5002" y="7972"/>
                  </a:cubicBezTo>
                  <a:cubicBezTo>
                    <a:pt x="5127" y="8579"/>
                    <a:pt x="5274" y="9144"/>
                    <a:pt x="5378" y="9751"/>
                  </a:cubicBezTo>
                  <a:cubicBezTo>
                    <a:pt x="5420" y="10106"/>
                    <a:pt x="5441" y="10483"/>
                    <a:pt x="5483" y="10734"/>
                  </a:cubicBezTo>
                  <a:close/>
                </a:path>
              </a:pathLst>
            </a:custGeom>
            <a:solidFill>
              <a:srgbClr val="1D312C"/>
            </a:solidFill>
            <a:ln>
              <a:noFill/>
            </a:ln>
          </p:spPr>
          <p:txBody>
            <a:bodyPr spcFirstLastPara="1" wrap="square" lIns="91425" tIns="91425" rIns="91425" bIns="91425" anchor="ctr" anchorCtr="0">
              <a:noAutofit/>
            </a:bodyPr>
            <a:lstStyle/>
            <a:p>
              <a:endParaRPr/>
            </a:p>
          </p:txBody>
        </p:sp>
        <p:sp>
          <p:nvSpPr>
            <p:cNvPr id="2330" name="Google Shape;2330;p74"/>
            <p:cNvSpPr/>
            <p:nvPr/>
          </p:nvSpPr>
          <p:spPr>
            <a:xfrm>
              <a:off x="7860863" y="2936125"/>
              <a:ext cx="139175" cy="231225"/>
            </a:xfrm>
            <a:custGeom>
              <a:avLst/>
              <a:gdLst/>
              <a:ahLst/>
              <a:cxnLst/>
              <a:rect l="l" t="t" r="r" b="b"/>
              <a:pathLst>
                <a:path w="5567" h="9249" extrusionOk="0">
                  <a:moveTo>
                    <a:pt x="5462" y="9249"/>
                  </a:moveTo>
                  <a:cubicBezTo>
                    <a:pt x="5399" y="9123"/>
                    <a:pt x="5315" y="9060"/>
                    <a:pt x="5273" y="8998"/>
                  </a:cubicBezTo>
                  <a:cubicBezTo>
                    <a:pt x="5043" y="8370"/>
                    <a:pt x="4792" y="7763"/>
                    <a:pt x="4583" y="7135"/>
                  </a:cubicBezTo>
                  <a:cubicBezTo>
                    <a:pt x="4374" y="6508"/>
                    <a:pt x="4081" y="5901"/>
                    <a:pt x="3767" y="5336"/>
                  </a:cubicBezTo>
                  <a:cubicBezTo>
                    <a:pt x="3432" y="4708"/>
                    <a:pt x="3118" y="4102"/>
                    <a:pt x="2763" y="3474"/>
                  </a:cubicBezTo>
                  <a:cubicBezTo>
                    <a:pt x="2658" y="3265"/>
                    <a:pt x="2532" y="3076"/>
                    <a:pt x="2407" y="2888"/>
                  </a:cubicBezTo>
                  <a:cubicBezTo>
                    <a:pt x="1967" y="2323"/>
                    <a:pt x="1507" y="1779"/>
                    <a:pt x="1047" y="1214"/>
                  </a:cubicBezTo>
                  <a:cubicBezTo>
                    <a:pt x="775" y="900"/>
                    <a:pt x="461" y="691"/>
                    <a:pt x="147" y="461"/>
                  </a:cubicBezTo>
                  <a:cubicBezTo>
                    <a:pt x="84" y="419"/>
                    <a:pt x="1" y="356"/>
                    <a:pt x="1" y="252"/>
                  </a:cubicBezTo>
                  <a:cubicBezTo>
                    <a:pt x="1" y="126"/>
                    <a:pt x="105" y="63"/>
                    <a:pt x="231" y="42"/>
                  </a:cubicBezTo>
                  <a:cubicBezTo>
                    <a:pt x="440" y="0"/>
                    <a:pt x="649" y="21"/>
                    <a:pt x="775" y="231"/>
                  </a:cubicBezTo>
                  <a:cubicBezTo>
                    <a:pt x="859" y="356"/>
                    <a:pt x="963" y="461"/>
                    <a:pt x="1089" y="544"/>
                  </a:cubicBezTo>
                  <a:cubicBezTo>
                    <a:pt x="1382" y="712"/>
                    <a:pt x="1612" y="921"/>
                    <a:pt x="1821" y="1172"/>
                  </a:cubicBezTo>
                  <a:cubicBezTo>
                    <a:pt x="1821" y="1193"/>
                    <a:pt x="1863" y="1193"/>
                    <a:pt x="1863" y="1235"/>
                  </a:cubicBezTo>
                  <a:cubicBezTo>
                    <a:pt x="3014" y="2407"/>
                    <a:pt x="3767" y="3871"/>
                    <a:pt x="4520" y="5315"/>
                  </a:cubicBezTo>
                  <a:cubicBezTo>
                    <a:pt x="5001" y="6194"/>
                    <a:pt x="5252" y="7135"/>
                    <a:pt x="5504" y="8077"/>
                  </a:cubicBezTo>
                  <a:cubicBezTo>
                    <a:pt x="5566" y="8391"/>
                    <a:pt x="5566" y="8705"/>
                    <a:pt x="5566" y="9039"/>
                  </a:cubicBezTo>
                  <a:cubicBezTo>
                    <a:pt x="5566" y="9081"/>
                    <a:pt x="5524" y="9144"/>
                    <a:pt x="5462" y="9249"/>
                  </a:cubicBezTo>
                  <a:close/>
                </a:path>
              </a:pathLst>
            </a:custGeom>
            <a:solidFill>
              <a:srgbClr val="1D312C"/>
            </a:solidFill>
            <a:ln>
              <a:noFill/>
            </a:ln>
          </p:spPr>
          <p:txBody>
            <a:bodyPr spcFirstLastPara="1" wrap="square" lIns="91425" tIns="91425" rIns="91425" bIns="91425" anchor="ctr" anchorCtr="0">
              <a:noAutofit/>
            </a:bodyPr>
            <a:lstStyle/>
            <a:p>
              <a:endParaRPr/>
            </a:p>
          </p:txBody>
        </p:sp>
        <p:sp>
          <p:nvSpPr>
            <p:cNvPr id="2331" name="Google Shape;2331;p74"/>
            <p:cNvSpPr/>
            <p:nvPr/>
          </p:nvSpPr>
          <p:spPr>
            <a:xfrm>
              <a:off x="6280613" y="2976925"/>
              <a:ext cx="150150" cy="161650"/>
            </a:xfrm>
            <a:custGeom>
              <a:avLst/>
              <a:gdLst/>
              <a:ahLst/>
              <a:cxnLst/>
              <a:rect l="l" t="t" r="r" b="b"/>
              <a:pathLst>
                <a:path w="6006" h="6466" extrusionOk="0">
                  <a:moveTo>
                    <a:pt x="5859" y="3578"/>
                  </a:moveTo>
                  <a:cubicBezTo>
                    <a:pt x="6005" y="4164"/>
                    <a:pt x="5733" y="4666"/>
                    <a:pt x="5357" y="5106"/>
                  </a:cubicBezTo>
                  <a:cubicBezTo>
                    <a:pt x="5127" y="5399"/>
                    <a:pt x="4855" y="5629"/>
                    <a:pt x="4625" y="5901"/>
                  </a:cubicBezTo>
                  <a:cubicBezTo>
                    <a:pt x="4583" y="5943"/>
                    <a:pt x="4499" y="5964"/>
                    <a:pt x="4436" y="6027"/>
                  </a:cubicBezTo>
                  <a:cubicBezTo>
                    <a:pt x="3767" y="6340"/>
                    <a:pt x="3034" y="6466"/>
                    <a:pt x="2302" y="6382"/>
                  </a:cubicBezTo>
                  <a:cubicBezTo>
                    <a:pt x="2197" y="6382"/>
                    <a:pt x="2114" y="6361"/>
                    <a:pt x="2030" y="6319"/>
                  </a:cubicBezTo>
                  <a:cubicBezTo>
                    <a:pt x="1779" y="6131"/>
                    <a:pt x="1486" y="6006"/>
                    <a:pt x="1172" y="5901"/>
                  </a:cubicBezTo>
                  <a:cubicBezTo>
                    <a:pt x="1047" y="5838"/>
                    <a:pt x="942" y="5755"/>
                    <a:pt x="858" y="5671"/>
                  </a:cubicBezTo>
                  <a:cubicBezTo>
                    <a:pt x="544" y="5378"/>
                    <a:pt x="293" y="5001"/>
                    <a:pt x="126" y="4583"/>
                  </a:cubicBezTo>
                  <a:cubicBezTo>
                    <a:pt x="42" y="4436"/>
                    <a:pt x="21" y="4227"/>
                    <a:pt x="21" y="4039"/>
                  </a:cubicBezTo>
                  <a:cubicBezTo>
                    <a:pt x="0" y="3641"/>
                    <a:pt x="21" y="3244"/>
                    <a:pt x="21" y="2825"/>
                  </a:cubicBezTo>
                  <a:cubicBezTo>
                    <a:pt x="21" y="2553"/>
                    <a:pt x="105" y="2260"/>
                    <a:pt x="251" y="2030"/>
                  </a:cubicBezTo>
                  <a:cubicBezTo>
                    <a:pt x="544" y="1612"/>
                    <a:pt x="858" y="1193"/>
                    <a:pt x="1235" y="837"/>
                  </a:cubicBezTo>
                  <a:cubicBezTo>
                    <a:pt x="1507" y="586"/>
                    <a:pt x="1884" y="461"/>
                    <a:pt x="2218" y="293"/>
                  </a:cubicBezTo>
                  <a:cubicBezTo>
                    <a:pt x="2448" y="189"/>
                    <a:pt x="2720" y="147"/>
                    <a:pt x="2972" y="63"/>
                  </a:cubicBezTo>
                  <a:cubicBezTo>
                    <a:pt x="3160" y="1"/>
                    <a:pt x="3348" y="42"/>
                    <a:pt x="3537" y="147"/>
                  </a:cubicBezTo>
                  <a:cubicBezTo>
                    <a:pt x="3662" y="210"/>
                    <a:pt x="3788" y="273"/>
                    <a:pt x="3913" y="377"/>
                  </a:cubicBezTo>
                  <a:cubicBezTo>
                    <a:pt x="4227" y="586"/>
                    <a:pt x="4541" y="796"/>
                    <a:pt x="4897" y="942"/>
                  </a:cubicBezTo>
                  <a:cubicBezTo>
                    <a:pt x="5148" y="1047"/>
                    <a:pt x="5336" y="1298"/>
                    <a:pt x="5441" y="1570"/>
                  </a:cubicBezTo>
                  <a:cubicBezTo>
                    <a:pt x="5482" y="1716"/>
                    <a:pt x="5524" y="1842"/>
                    <a:pt x="5587" y="1946"/>
                  </a:cubicBezTo>
                  <a:cubicBezTo>
                    <a:pt x="5775" y="2449"/>
                    <a:pt x="5943" y="2972"/>
                    <a:pt x="5859" y="3578"/>
                  </a:cubicBezTo>
                  <a:close/>
                  <a:moveTo>
                    <a:pt x="816" y="3390"/>
                  </a:moveTo>
                  <a:lnTo>
                    <a:pt x="816" y="3683"/>
                  </a:lnTo>
                  <a:cubicBezTo>
                    <a:pt x="733" y="4122"/>
                    <a:pt x="942" y="4478"/>
                    <a:pt x="1235" y="4834"/>
                  </a:cubicBezTo>
                  <a:cubicBezTo>
                    <a:pt x="1570" y="5211"/>
                    <a:pt x="2093" y="5357"/>
                    <a:pt x="2532" y="5566"/>
                  </a:cubicBezTo>
                  <a:cubicBezTo>
                    <a:pt x="3453" y="5629"/>
                    <a:pt x="4206" y="5378"/>
                    <a:pt x="4750" y="4583"/>
                  </a:cubicBezTo>
                  <a:cubicBezTo>
                    <a:pt x="4897" y="4374"/>
                    <a:pt x="5064" y="4164"/>
                    <a:pt x="5106" y="3934"/>
                  </a:cubicBezTo>
                  <a:cubicBezTo>
                    <a:pt x="5169" y="3495"/>
                    <a:pt x="5210" y="3014"/>
                    <a:pt x="5022" y="2595"/>
                  </a:cubicBezTo>
                  <a:cubicBezTo>
                    <a:pt x="4917" y="2365"/>
                    <a:pt x="4834" y="2093"/>
                    <a:pt x="4729" y="1863"/>
                  </a:cubicBezTo>
                  <a:cubicBezTo>
                    <a:pt x="4645" y="1653"/>
                    <a:pt x="4520" y="1507"/>
                    <a:pt x="4311" y="1444"/>
                  </a:cubicBezTo>
                  <a:cubicBezTo>
                    <a:pt x="4081" y="1381"/>
                    <a:pt x="3871" y="1235"/>
                    <a:pt x="3683" y="1047"/>
                  </a:cubicBezTo>
                  <a:cubicBezTo>
                    <a:pt x="3390" y="817"/>
                    <a:pt x="3076" y="733"/>
                    <a:pt x="2741" y="921"/>
                  </a:cubicBezTo>
                  <a:cubicBezTo>
                    <a:pt x="2469" y="1047"/>
                    <a:pt x="2197" y="1130"/>
                    <a:pt x="1988" y="1319"/>
                  </a:cubicBezTo>
                  <a:cubicBezTo>
                    <a:pt x="1340" y="1842"/>
                    <a:pt x="670" y="2386"/>
                    <a:pt x="816" y="3348"/>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32" name="Google Shape;2332;p74"/>
            <p:cNvSpPr/>
            <p:nvPr/>
          </p:nvSpPr>
          <p:spPr>
            <a:xfrm>
              <a:off x="7117038" y="2030650"/>
              <a:ext cx="236975" cy="156950"/>
            </a:xfrm>
            <a:custGeom>
              <a:avLst/>
              <a:gdLst/>
              <a:ahLst/>
              <a:cxnLst/>
              <a:rect l="l" t="t" r="r" b="b"/>
              <a:pathLst>
                <a:path w="9479" h="6278" extrusionOk="0">
                  <a:moveTo>
                    <a:pt x="8851" y="1"/>
                  </a:moveTo>
                  <a:cubicBezTo>
                    <a:pt x="8935" y="63"/>
                    <a:pt x="8997" y="168"/>
                    <a:pt x="9060" y="231"/>
                  </a:cubicBezTo>
                  <a:cubicBezTo>
                    <a:pt x="9374" y="419"/>
                    <a:pt x="9437" y="691"/>
                    <a:pt x="9437" y="1047"/>
                  </a:cubicBezTo>
                  <a:cubicBezTo>
                    <a:pt x="9437" y="1779"/>
                    <a:pt x="9437" y="2470"/>
                    <a:pt x="9458" y="3202"/>
                  </a:cubicBezTo>
                  <a:cubicBezTo>
                    <a:pt x="9479" y="3830"/>
                    <a:pt x="9207" y="4395"/>
                    <a:pt x="8914" y="4918"/>
                  </a:cubicBezTo>
                  <a:cubicBezTo>
                    <a:pt x="8642" y="5085"/>
                    <a:pt x="8412" y="5294"/>
                    <a:pt x="8119" y="5483"/>
                  </a:cubicBezTo>
                  <a:cubicBezTo>
                    <a:pt x="7888" y="5650"/>
                    <a:pt x="7637" y="5755"/>
                    <a:pt x="7365" y="5880"/>
                  </a:cubicBezTo>
                  <a:cubicBezTo>
                    <a:pt x="7282" y="5922"/>
                    <a:pt x="7177" y="5964"/>
                    <a:pt x="7114" y="5985"/>
                  </a:cubicBezTo>
                  <a:cubicBezTo>
                    <a:pt x="6152" y="6069"/>
                    <a:pt x="5210" y="6278"/>
                    <a:pt x="4290" y="6173"/>
                  </a:cubicBezTo>
                  <a:cubicBezTo>
                    <a:pt x="3787" y="6110"/>
                    <a:pt x="3306" y="6006"/>
                    <a:pt x="2846" y="5817"/>
                  </a:cubicBezTo>
                  <a:cubicBezTo>
                    <a:pt x="2114" y="5525"/>
                    <a:pt x="1465" y="5148"/>
                    <a:pt x="942" y="4520"/>
                  </a:cubicBezTo>
                  <a:cubicBezTo>
                    <a:pt x="795" y="4353"/>
                    <a:pt x="691" y="4206"/>
                    <a:pt x="649" y="3955"/>
                  </a:cubicBezTo>
                  <a:cubicBezTo>
                    <a:pt x="586" y="3641"/>
                    <a:pt x="523" y="3328"/>
                    <a:pt x="461" y="3014"/>
                  </a:cubicBezTo>
                  <a:cubicBezTo>
                    <a:pt x="356" y="2972"/>
                    <a:pt x="230" y="2951"/>
                    <a:pt x="126" y="2888"/>
                  </a:cubicBezTo>
                  <a:cubicBezTo>
                    <a:pt x="63" y="2867"/>
                    <a:pt x="0" y="2763"/>
                    <a:pt x="21" y="2700"/>
                  </a:cubicBezTo>
                  <a:cubicBezTo>
                    <a:pt x="42" y="2637"/>
                    <a:pt x="105" y="2553"/>
                    <a:pt x="168" y="2491"/>
                  </a:cubicBezTo>
                  <a:cubicBezTo>
                    <a:pt x="210" y="2470"/>
                    <a:pt x="272" y="2449"/>
                    <a:pt x="335" y="2449"/>
                  </a:cubicBezTo>
                  <a:cubicBezTo>
                    <a:pt x="628" y="2449"/>
                    <a:pt x="879" y="2323"/>
                    <a:pt x="1151" y="2219"/>
                  </a:cubicBezTo>
                  <a:cubicBezTo>
                    <a:pt x="1402" y="2135"/>
                    <a:pt x="1632" y="2051"/>
                    <a:pt x="1904" y="1988"/>
                  </a:cubicBezTo>
                  <a:cubicBezTo>
                    <a:pt x="1925" y="1988"/>
                    <a:pt x="1988" y="1988"/>
                    <a:pt x="2009" y="1947"/>
                  </a:cubicBezTo>
                  <a:cubicBezTo>
                    <a:pt x="2574" y="1654"/>
                    <a:pt x="3202" y="1486"/>
                    <a:pt x="3808" y="1235"/>
                  </a:cubicBezTo>
                  <a:cubicBezTo>
                    <a:pt x="3913" y="1193"/>
                    <a:pt x="4018" y="1110"/>
                    <a:pt x="4122" y="1089"/>
                  </a:cubicBezTo>
                  <a:cubicBezTo>
                    <a:pt x="5064" y="817"/>
                    <a:pt x="5964" y="335"/>
                    <a:pt x="6905" y="84"/>
                  </a:cubicBezTo>
                  <a:cubicBezTo>
                    <a:pt x="7010" y="63"/>
                    <a:pt x="7114" y="22"/>
                    <a:pt x="7240" y="22"/>
                  </a:cubicBezTo>
                  <a:cubicBezTo>
                    <a:pt x="7763" y="1"/>
                    <a:pt x="8307" y="1"/>
                    <a:pt x="8851" y="1"/>
                  </a:cubicBezTo>
                  <a:close/>
                  <a:moveTo>
                    <a:pt x="1360" y="2784"/>
                  </a:moveTo>
                  <a:cubicBezTo>
                    <a:pt x="1277" y="2972"/>
                    <a:pt x="1298" y="3160"/>
                    <a:pt x="1318" y="3307"/>
                  </a:cubicBezTo>
                  <a:cubicBezTo>
                    <a:pt x="1381" y="3516"/>
                    <a:pt x="1423" y="3788"/>
                    <a:pt x="1549" y="3934"/>
                  </a:cubicBezTo>
                  <a:cubicBezTo>
                    <a:pt x="1758" y="4227"/>
                    <a:pt x="2030" y="4499"/>
                    <a:pt x="2344" y="4667"/>
                  </a:cubicBezTo>
                  <a:cubicBezTo>
                    <a:pt x="3369" y="5273"/>
                    <a:pt x="4457" y="5420"/>
                    <a:pt x="5608" y="5357"/>
                  </a:cubicBezTo>
                  <a:cubicBezTo>
                    <a:pt x="5671" y="5357"/>
                    <a:pt x="5733" y="5357"/>
                    <a:pt x="5775" y="5336"/>
                  </a:cubicBezTo>
                  <a:cubicBezTo>
                    <a:pt x="6068" y="5190"/>
                    <a:pt x="6340" y="5190"/>
                    <a:pt x="6654" y="5169"/>
                  </a:cubicBezTo>
                  <a:cubicBezTo>
                    <a:pt x="7303" y="5127"/>
                    <a:pt x="7805" y="4750"/>
                    <a:pt x="8307" y="4353"/>
                  </a:cubicBezTo>
                  <a:cubicBezTo>
                    <a:pt x="8349" y="4332"/>
                    <a:pt x="8349" y="4248"/>
                    <a:pt x="8391" y="4206"/>
                  </a:cubicBezTo>
                  <a:cubicBezTo>
                    <a:pt x="8558" y="3851"/>
                    <a:pt x="8704" y="3495"/>
                    <a:pt x="8704" y="3076"/>
                  </a:cubicBezTo>
                  <a:lnTo>
                    <a:pt x="8704" y="1319"/>
                  </a:lnTo>
                  <a:cubicBezTo>
                    <a:pt x="8704" y="1214"/>
                    <a:pt x="8704" y="1089"/>
                    <a:pt x="8663" y="984"/>
                  </a:cubicBezTo>
                  <a:cubicBezTo>
                    <a:pt x="8621" y="775"/>
                    <a:pt x="8495" y="607"/>
                    <a:pt x="8286" y="607"/>
                  </a:cubicBezTo>
                  <a:cubicBezTo>
                    <a:pt x="7888" y="587"/>
                    <a:pt x="7470" y="566"/>
                    <a:pt x="7093" y="670"/>
                  </a:cubicBezTo>
                  <a:cubicBezTo>
                    <a:pt x="6528" y="817"/>
                    <a:pt x="5943" y="1068"/>
                    <a:pt x="5399" y="1277"/>
                  </a:cubicBezTo>
                  <a:cubicBezTo>
                    <a:pt x="4750" y="1507"/>
                    <a:pt x="4101" y="1758"/>
                    <a:pt x="3432" y="2030"/>
                  </a:cubicBezTo>
                  <a:cubicBezTo>
                    <a:pt x="3390" y="2051"/>
                    <a:pt x="3327" y="2051"/>
                    <a:pt x="3285" y="2051"/>
                  </a:cubicBezTo>
                  <a:cubicBezTo>
                    <a:pt x="2678" y="2260"/>
                    <a:pt x="2114" y="2553"/>
                    <a:pt x="1486" y="2700"/>
                  </a:cubicBezTo>
                  <a:cubicBezTo>
                    <a:pt x="1444" y="2721"/>
                    <a:pt x="1402" y="2763"/>
                    <a:pt x="1360" y="2784"/>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33" name="Google Shape;2333;p74"/>
            <p:cNvSpPr/>
            <p:nvPr/>
          </p:nvSpPr>
          <p:spPr>
            <a:xfrm>
              <a:off x="7068388" y="1978875"/>
              <a:ext cx="27750" cy="32450"/>
            </a:xfrm>
            <a:custGeom>
              <a:avLst/>
              <a:gdLst/>
              <a:ahLst/>
              <a:cxnLst/>
              <a:rect l="l" t="t" r="r" b="b"/>
              <a:pathLst>
                <a:path w="1110" h="1298" extrusionOk="0">
                  <a:moveTo>
                    <a:pt x="1109" y="712"/>
                  </a:moveTo>
                  <a:cubicBezTo>
                    <a:pt x="1109" y="963"/>
                    <a:pt x="942" y="1193"/>
                    <a:pt x="712" y="1256"/>
                  </a:cubicBezTo>
                  <a:cubicBezTo>
                    <a:pt x="523" y="1298"/>
                    <a:pt x="335" y="1193"/>
                    <a:pt x="231" y="1026"/>
                  </a:cubicBezTo>
                  <a:cubicBezTo>
                    <a:pt x="189" y="921"/>
                    <a:pt x="126" y="774"/>
                    <a:pt x="84" y="649"/>
                  </a:cubicBezTo>
                  <a:cubicBezTo>
                    <a:pt x="0" y="398"/>
                    <a:pt x="210" y="84"/>
                    <a:pt x="503" y="21"/>
                  </a:cubicBezTo>
                  <a:cubicBezTo>
                    <a:pt x="712" y="0"/>
                    <a:pt x="900" y="84"/>
                    <a:pt x="963" y="251"/>
                  </a:cubicBezTo>
                  <a:cubicBezTo>
                    <a:pt x="1047" y="419"/>
                    <a:pt x="1067" y="565"/>
                    <a:pt x="1109" y="712"/>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34" name="Google Shape;2334;p74"/>
            <p:cNvSpPr/>
            <p:nvPr/>
          </p:nvSpPr>
          <p:spPr>
            <a:xfrm>
              <a:off x="7261938" y="1947475"/>
              <a:ext cx="23550" cy="30900"/>
            </a:xfrm>
            <a:custGeom>
              <a:avLst/>
              <a:gdLst/>
              <a:ahLst/>
              <a:cxnLst/>
              <a:rect l="l" t="t" r="r" b="b"/>
              <a:pathLst>
                <a:path w="942" h="1236" extrusionOk="0">
                  <a:moveTo>
                    <a:pt x="942" y="608"/>
                  </a:moveTo>
                  <a:cubicBezTo>
                    <a:pt x="942" y="880"/>
                    <a:pt x="837" y="1047"/>
                    <a:pt x="628" y="1152"/>
                  </a:cubicBezTo>
                  <a:cubicBezTo>
                    <a:pt x="419" y="1235"/>
                    <a:pt x="188" y="1152"/>
                    <a:pt x="105" y="963"/>
                  </a:cubicBezTo>
                  <a:cubicBezTo>
                    <a:pt x="42" y="817"/>
                    <a:pt x="0" y="649"/>
                    <a:pt x="0" y="461"/>
                  </a:cubicBezTo>
                  <a:cubicBezTo>
                    <a:pt x="0" y="210"/>
                    <a:pt x="168" y="43"/>
                    <a:pt x="356" y="22"/>
                  </a:cubicBezTo>
                  <a:cubicBezTo>
                    <a:pt x="628" y="1"/>
                    <a:pt x="816" y="105"/>
                    <a:pt x="879" y="336"/>
                  </a:cubicBezTo>
                  <a:cubicBezTo>
                    <a:pt x="921" y="419"/>
                    <a:pt x="942" y="545"/>
                    <a:pt x="942" y="608"/>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35" name="Google Shape;2335;p74"/>
            <p:cNvSpPr/>
            <p:nvPr/>
          </p:nvSpPr>
          <p:spPr>
            <a:xfrm>
              <a:off x="4988588" y="2487325"/>
              <a:ext cx="211350" cy="182575"/>
            </a:xfrm>
            <a:custGeom>
              <a:avLst/>
              <a:gdLst/>
              <a:ahLst/>
              <a:cxnLst/>
              <a:rect l="l" t="t" r="r" b="b"/>
              <a:pathLst>
                <a:path w="8454" h="7303" extrusionOk="0">
                  <a:moveTo>
                    <a:pt x="0" y="3662"/>
                  </a:moveTo>
                  <a:cubicBezTo>
                    <a:pt x="84" y="3411"/>
                    <a:pt x="293" y="3243"/>
                    <a:pt x="523" y="3097"/>
                  </a:cubicBezTo>
                  <a:cubicBezTo>
                    <a:pt x="1130" y="2699"/>
                    <a:pt x="1779" y="2469"/>
                    <a:pt x="2427" y="2239"/>
                  </a:cubicBezTo>
                  <a:cubicBezTo>
                    <a:pt x="2762" y="2092"/>
                    <a:pt x="3076" y="1946"/>
                    <a:pt x="3390" y="1758"/>
                  </a:cubicBezTo>
                  <a:cubicBezTo>
                    <a:pt x="3704" y="1569"/>
                    <a:pt x="4059" y="1444"/>
                    <a:pt x="4394" y="1339"/>
                  </a:cubicBezTo>
                  <a:cubicBezTo>
                    <a:pt x="4708" y="1235"/>
                    <a:pt x="5001" y="1109"/>
                    <a:pt x="5252" y="921"/>
                  </a:cubicBezTo>
                  <a:cubicBezTo>
                    <a:pt x="5357" y="837"/>
                    <a:pt x="5482" y="795"/>
                    <a:pt x="5629" y="732"/>
                  </a:cubicBezTo>
                  <a:cubicBezTo>
                    <a:pt x="5963" y="628"/>
                    <a:pt x="6298" y="481"/>
                    <a:pt x="6591" y="272"/>
                  </a:cubicBezTo>
                  <a:cubicBezTo>
                    <a:pt x="6947" y="0"/>
                    <a:pt x="7344" y="63"/>
                    <a:pt x="7742" y="105"/>
                  </a:cubicBezTo>
                  <a:cubicBezTo>
                    <a:pt x="7846" y="146"/>
                    <a:pt x="7972" y="230"/>
                    <a:pt x="8035" y="377"/>
                  </a:cubicBezTo>
                  <a:cubicBezTo>
                    <a:pt x="8139" y="607"/>
                    <a:pt x="8181" y="837"/>
                    <a:pt x="8244" y="1088"/>
                  </a:cubicBezTo>
                  <a:cubicBezTo>
                    <a:pt x="8265" y="1235"/>
                    <a:pt x="8244" y="1402"/>
                    <a:pt x="8286" y="1527"/>
                  </a:cubicBezTo>
                  <a:cubicBezTo>
                    <a:pt x="8453" y="1925"/>
                    <a:pt x="8411" y="2302"/>
                    <a:pt x="8411" y="2699"/>
                  </a:cubicBezTo>
                  <a:cubicBezTo>
                    <a:pt x="8411" y="3285"/>
                    <a:pt x="8453" y="3850"/>
                    <a:pt x="8411" y="4394"/>
                  </a:cubicBezTo>
                  <a:cubicBezTo>
                    <a:pt x="8411" y="5084"/>
                    <a:pt x="8202" y="5691"/>
                    <a:pt x="7721" y="6131"/>
                  </a:cubicBezTo>
                  <a:cubicBezTo>
                    <a:pt x="7449" y="6361"/>
                    <a:pt x="7198" y="6633"/>
                    <a:pt x="6905" y="6842"/>
                  </a:cubicBezTo>
                  <a:cubicBezTo>
                    <a:pt x="6528" y="7093"/>
                    <a:pt x="6110" y="7219"/>
                    <a:pt x="5670" y="7219"/>
                  </a:cubicBezTo>
                  <a:lnTo>
                    <a:pt x="5273" y="7219"/>
                  </a:lnTo>
                  <a:cubicBezTo>
                    <a:pt x="4499" y="7302"/>
                    <a:pt x="3745" y="7156"/>
                    <a:pt x="2971" y="6905"/>
                  </a:cubicBezTo>
                  <a:cubicBezTo>
                    <a:pt x="2804" y="6863"/>
                    <a:pt x="2616" y="6779"/>
                    <a:pt x="2490" y="6654"/>
                  </a:cubicBezTo>
                  <a:cubicBezTo>
                    <a:pt x="2092" y="6340"/>
                    <a:pt x="1716" y="6026"/>
                    <a:pt x="1360" y="5691"/>
                  </a:cubicBezTo>
                  <a:cubicBezTo>
                    <a:pt x="711" y="5084"/>
                    <a:pt x="439" y="4687"/>
                    <a:pt x="0" y="3662"/>
                  </a:cubicBezTo>
                  <a:close/>
                  <a:moveTo>
                    <a:pt x="942" y="3557"/>
                  </a:moveTo>
                  <a:cubicBezTo>
                    <a:pt x="1130" y="4017"/>
                    <a:pt x="1339" y="4415"/>
                    <a:pt x="1653" y="4750"/>
                  </a:cubicBezTo>
                  <a:cubicBezTo>
                    <a:pt x="2072" y="5168"/>
                    <a:pt x="2511" y="5524"/>
                    <a:pt x="2950" y="5921"/>
                  </a:cubicBezTo>
                  <a:cubicBezTo>
                    <a:pt x="3055" y="5984"/>
                    <a:pt x="3180" y="6068"/>
                    <a:pt x="3285" y="6110"/>
                  </a:cubicBezTo>
                  <a:cubicBezTo>
                    <a:pt x="3850" y="6256"/>
                    <a:pt x="4394" y="6424"/>
                    <a:pt x="4959" y="6361"/>
                  </a:cubicBezTo>
                  <a:cubicBezTo>
                    <a:pt x="5168" y="6340"/>
                    <a:pt x="5377" y="6361"/>
                    <a:pt x="5587" y="6361"/>
                  </a:cubicBezTo>
                  <a:cubicBezTo>
                    <a:pt x="5942" y="6382"/>
                    <a:pt x="6214" y="6277"/>
                    <a:pt x="6507" y="6068"/>
                  </a:cubicBezTo>
                  <a:lnTo>
                    <a:pt x="7051" y="5608"/>
                  </a:lnTo>
                  <a:cubicBezTo>
                    <a:pt x="7449" y="5273"/>
                    <a:pt x="7616" y="4854"/>
                    <a:pt x="7616" y="4352"/>
                  </a:cubicBezTo>
                  <a:lnTo>
                    <a:pt x="7616" y="3285"/>
                  </a:lnTo>
                  <a:cubicBezTo>
                    <a:pt x="7616" y="2699"/>
                    <a:pt x="7658" y="2155"/>
                    <a:pt x="7449" y="1569"/>
                  </a:cubicBezTo>
                  <a:cubicBezTo>
                    <a:pt x="7407" y="1444"/>
                    <a:pt x="7428" y="1318"/>
                    <a:pt x="7428" y="1193"/>
                  </a:cubicBezTo>
                  <a:cubicBezTo>
                    <a:pt x="7428" y="1109"/>
                    <a:pt x="7365" y="1004"/>
                    <a:pt x="7365" y="921"/>
                  </a:cubicBezTo>
                  <a:cubicBezTo>
                    <a:pt x="7156" y="837"/>
                    <a:pt x="7030" y="921"/>
                    <a:pt x="6884" y="1004"/>
                  </a:cubicBezTo>
                  <a:cubicBezTo>
                    <a:pt x="6591" y="1151"/>
                    <a:pt x="6277" y="1297"/>
                    <a:pt x="5963" y="1444"/>
                  </a:cubicBezTo>
                  <a:cubicBezTo>
                    <a:pt x="5838" y="1507"/>
                    <a:pt x="5733" y="1569"/>
                    <a:pt x="5587" y="1632"/>
                  </a:cubicBezTo>
                  <a:cubicBezTo>
                    <a:pt x="5336" y="1758"/>
                    <a:pt x="5064" y="1925"/>
                    <a:pt x="4792" y="2030"/>
                  </a:cubicBezTo>
                  <a:cubicBezTo>
                    <a:pt x="4331" y="2197"/>
                    <a:pt x="3850" y="2343"/>
                    <a:pt x="3452" y="2657"/>
                  </a:cubicBezTo>
                  <a:cubicBezTo>
                    <a:pt x="3369" y="2720"/>
                    <a:pt x="3243" y="2762"/>
                    <a:pt x="3139" y="2783"/>
                  </a:cubicBezTo>
                  <a:cubicBezTo>
                    <a:pt x="2595" y="2992"/>
                    <a:pt x="2030" y="3180"/>
                    <a:pt x="1486" y="3348"/>
                  </a:cubicBezTo>
                  <a:cubicBezTo>
                    <a:pt x="1297" y="3431"/>
                    <a:pt x="1151" y="3494"/>
                    <a:pt x="942" y="3557"/>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36" name="Google Shape;2336;p74"/>
            <p:cNvSpPr/>
            <p:nvPr/>
          </p:nvSpPr>
          <p:spPr>
            <a:xfrm>
              <a:off x="4925288" y="2467950"/>
              <a:ext cx="30350" cy="41875"/>
            </a:xfrm>
            <a:custGeom>
              <a:avLst/>
              <a:gdLst/>
              <a:ahLst/>
              <a:cxnLst/>
              <a:rect l="l" t="t" r="r" b="b"/>
              <a:pathLst>
                <a:path w="1214" h="1675" extrusionOk="0">
                  <a:moveTo>
                    <a:pt x="1214" y="1089"/>
                  </a:moveTo>
                  <a:cubicBezTo>
                    <a:pt x="1193" y="1173"/>
                    <a:pt x="1193" y="1277"/>
                    <a:pt x="1172" y="1382"/>
                  </a:cubicBezTo>
                  <a:cubicBezTo>
                    <a:pt x="1088" y="1591"/>
                    <a:pt x="858" y="1675"/>
                    <a:pt x="649" y="1591"/>
                  </a:cubicBezTo>
                  <a:cubicBezTo>
                    <a:pt x="272" y="1445"/>
                    <a:pt x="0" y="963"/>
                    <a:pt x="42" y="608"/>
                  </a:cubicBezTo>
                  <a:cubicBezTo>
                    <a:pt x="84" y="315"/>
                    <a:pt x="272" y="126"/>
                    <a:pt x="544" y="43"/>
                  </a:cubicBezTo>
                  <a:cubicBezTo>
                    <a:pt x="670" y="1"/>
                    <a:pt x="837" y="22"/>
                    <a:pt x="879" y="147"/>
                  </a:cubicBezTo>
                  <a:cubicBezTo>
                    <a:pt x="1047" y="440"/>
                    <a:pt x="1193" y="733"/>
                    <a:pt x="1214" y="1089"/>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37" name="Google Shape;2337;p74"/>
            <p:cNvSpPr/>
            <p:nvPr/>
          </p:nvSpPr>
          <p:spPr>
            <a:xfrm>
              <a:off x="5161188" y="2381125"/>
              <a:ext cx="29850" cy="31400"/>
            </a:xfrm>
            <a:custGeom>
              <a:avLst/>
              <a:gdLst/>
              <a:ahLst/>
              <a:cxnLst/>
              <a:rect l="l" t="t" r="r" b="b"/>
              <a:pathLst>
                <a:path w="1194" h="1256" extrusionOk="0">
                  <a:moveTo>
                    <a:pt x="545" y="1"/>
                  </a:moveTo>
                  <a:lnTo>
                    <a:pt x="775" y="1"/>
                  </a:lnTo>
                  <a:cubicBezTo>
                    <a:pt x="942" y="1"/>
                    <a:pt x="1026" y="105"/>
                    <a:pt x="1068" y="231"/>
                  </a:cubicBezTo>
                  <a:cubicBezTo>
                    <a:pt x="1089" y="335"/>
                    <a:pt x="1110" y="440"/>
                    <a:pt x="1152" y="565"/>
                  </a:cubicBezTo>
                  <a:cubicBezTo>
                    <a:pt x="1194" y="921"/>
                    <a:pt x="1026" y="1151"/>
                    <a:pt x="650" y="1193"/>
                  </a:cubicBezTo>
                  <a:cubicBezTo>
                    <a:pt x="231" y="1256"/>
                    <a:pt x="1" y="1026"/>
                    <a:pt x="22" y="607"/>
                  </a:cubicBezTo>
                  <a:cubicBezTo>
                    <a:pt x="22" y="545"/>
                    <a:pt x="43" y="461"/>
                    <a:pt x="43" y="377"/>
                  </a:cubicBezTo>
                  <a:cubicBezTo>
                    <a:pt x="105" y="63"/>
                    <a:pt x="210" y="1"/>
                    <a:pt x="545" y="1"/>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38" name="Google Shape;2338;p74"/>
            <p:cNvSpPr/>
            <p:nvPr/>
          </p:nvSpPr>
          <p:spPr>
            <a:xfrm>
              <a:off x="4837663" y="3161575"/>
              <a:ext cx="129225" cy="140725"/>
            </a:xfrm>
            <a:custGeom>
              <a:avLst/>
              <a:gdLst/>
              <a:ahLst/>
              <a:cxnLst/>
              <a:rect l="l" t="t" r="r" b="b"/>
              <a:pathLst>
                <a:path w="5169" h="5629" extrusionOk="0">
                  <a:moveTo>
                    <a:pt x="357" y="1"/>
                  </a:moveTo>
                  <a:cubicBezTo>
                    <a:pt x="566" y="210"/>
                    <a:pt x="649" y="440"/>
                    <a:pt x="649" y="691"/>
                  </a:cubicBezTo>
                  <a:cubicBezTo>
                    <a:pt x="649" y="1005"/>
                    <a:pt x="754" y="1277"/>
                    <a:pt x="817" y="1570"/>
                  </a:cubicBezTo>
                  <a:cubicBezTo>
                    <a:pt x="1089" y="2365"/>
                    <a:pt x="1424" y="3097"/>
                    <a:pt x="1926" y="3746"/>
                  </a:cubicBezTo>
                  <a:cubicBezTo>
                    <a:pt x="2093" y="3976"/>
                    <a:pt x="2281" y="4185"/>
                    <a:pt x="2512" y="4311"/>
                  </a:cubicBezTo>
                  <a:lnTo>
                    <a:pt x="2909" y="4562"/>
                  </a:lnTo>
                  <a:cubicBezTo>
                    <a:pt x="3202" y="4771"/>
                    <a:pt x="3516" y="4876"/>
                    <a:pt x="3872" y="4834"/>
                  </a:cubicBezTo>
                  <a:cubicBezTo>
                    <a:pt x="4123" y="4813"/>
                    <a:pt x="4332" y="4876"/>
                    <a:pt x="4562" y="4876"/>
                  </a:cubicBezTo>
                  <a:cubicBezTo>
                    <a:pt x="4771" y="4897"/>
                    <a:pt x="4981" y="4918"/>
                    <a:pt x="5169" y="5022"/>
                  </a:cubicBezTo>
                  <a:cubicBezTo>
                    <a:pt x="5169" y="5336"/>
                    <a:pt x="5022" y="5524"/>
                    <a:pt x="4750" y="5545"/>
                  </a:cubicBezTo>
                  <a:cubicBezTo>
                    <a:pt x="4269" y="5608"/>
                    <a:pt x="3809" y="5629"/>
                    <a:pt x="3328" y="5629"/>
                  </a:cubicBezTo>
                  <a:cubicBezTo>
                    <a:pt x="3223" y="5629"/>
                    <a:pt x="3098" y="5566"/>
                    <a:pt x="3014" y="5545"/>
                  </a:cubicBezTo>
                  <a:cubicBezTo>
                    <a:pt x="2888" y="5503"/>
                    <a:pt x="2784" y="5420"/>
                    <a:pt x="2679" y="5357"/>
                  </a:cubicBezTo>
                  <a:cubicBezTo>
                    <a:pt x="1528" y="4834"/>
                    <a:pt x="984" y="3851"/>
                    <a:pt x="524" y="2742"/>
                  </a:cubicBezTo>
                  <a:cubicBezTo>
                    <a:pt x="357" y="2302"/>
                    <a:pt x="252" y="1800"/>
                    <a:pt x="126" y="1340"/>
                  </a:cubicBezTo>
                  <a:cubicBezTo>
                    <a:pt x="1" y="942"/>
                    <a:pt x="43" y="545"/>
                    <a:pt x="231" y="168"/>
                  </a:cubicBezTo>
                  <a:cubicBezTo>
                    <a:pt x="231" y="126"/>
                    <a:pt x="273" y="84"/>
                    <a:pt x="357" y="1"/>
                  </a:cubicBezTo>
                  <a:close/>
                </a:path>
              </a:pathLst>
            </a:custGeom>
            <a:solidFill>
              <a:srgbClr val="1D312C"/>
            </a:solidFill>
            <a:ln>
              <a:noFill/>
            </a:ln>
          </p:spPr>
          <p:txBody>
            <a:bodyPr spcFirstLastPara="1" wrap="square" lIns="91425" tIns="91425" rIns="91425" bIns="91425" anchor="ctr" anchorCtr="0">
              <a:noAutofit/>
            </a:bodyPr>
            <a:lstStyle/>
            <a:p>
              <a:endParaRPr/>
            </a:p>
          </p:txBody>
        </p:sp>
        <p:grpSp>
          <p:nvGrpSpPr>
            <p:cNvPr id="2339" name="Google Shape;2339;p74"/>
            <p:cNvGrpSpPr/>
            <p:nvPr/>
          </p:nvGrpSpPr>
          <p:grpSpPr>
            <a:xfrm rot="-5400000">
              <a:off x="6676625" y="1251225"/>
              <a:ext cx="279350" cy="312825"/>
              <a:chOff x="1835200" y="3337050"/>
              <a:chExt cx="279350" cy="312825"/>
            </a:xfrm>
          </p:grpSpPr>
          <p:sp>
            <p:nvSpPr>
              <p:cNvPr id="2340" name="Google Shape;2340;p74"/>
              <p:cNvSpPr/>
              <p:nvPr/>
            </p:nvSpPr>
            <p:spPr>
              <a:xfrm>
                <a:off x="1835200" y="3337050"/>
                <a:ext cx="64900" cy="154325"/>
              </a:xfrm>
              <a:custGeom>
                <a:avLst/>
                <a:gdLst/>
                <a:ahLst/>
                <a:cxnLst/>
                <a:rect l="l" t="t" r="r" b="b"/>
                <a:pathLst>
                  <a:path w="2596" h="6173" extrusionOk="0">
                    <a:moveTo>
                      <a:pt x="2595" y="795"/>
                    </a:moveTo>
                    <a:cubicBezTo>
                      <a:pt x="2574" y="942"/>
                      <a:pt x="2511" y="1172"/>
                      <a:pt x="2449" y="1381"/>
                    </a:cubicBezTo>
                    <a:lnTo>
                      <a:pt x="1967" y="3034"/>
                    </a:lnTo>
                    <a:cubicBezTo>
                      <a:pt x="1779" y="3599"/>
                      <a:pt x="1549" y="4143"/>
                      <a:pt x="1361" y="4729"/>
                    </a:cubicBezTo>
                    <a:cubicBezTo>
                      <a:pt x="1277" y="4959"/>
                      <a:pt x="1214" y="5189"/>
                      <a:pt x="1130" y="5461"/>
                    </a:cubicBezTo>
                    <a:cubicBezTo>
                      <a:pt x="1110" y="5566"/>
                      <a:pt x="1089" y="5691"/>
                      <a:pt x="1047" y="5796"/>
                    </a:cubicBezTo>
                    <a:cubicBezTo>
                      <a:pt x="963" y="6005"/>
                      <a:pt x="838" y="6131"/>
                      <a:pt x="607" y="6173"/>
                    </a:cubicBezTo>
                    <a:cubicBezTo>
                      <a:pt x="398" y="6173"/>
                      <a:pt x="231" y="6068"/>
                      <a:pt x="168" y="5859"/>
                    </a:cubicBezTo>
                    <a:cubicBezTo>
                      <a:pt x="63" y="5545"/>
                      <a:pt x="1" y="5252"/>
                      <a:pt x="105" y="4938"/>
                    </a:cubicBezTo>
                    <a:cubicBezTo>
                      <a:pt x="168" y="4771"/>
                      <a:pt x="252" y="4624"/>
                      <a:pt x="314" y="4457"/>
                    </a:cubicBezTo>
                    <a:cubicBezTo>
                      <a:pt x="628" y="3871"/>
                      <a:pt x="838" y="3201"/>
                      <a:pt x="1026" y="2532"/>
                    </a:cubicBezTo>
                    <a:cubicBezTo>
                      <a:pt x="1193" y="2030"/>
                      <a:pt x="1361" y="1569"/>
                      <a:pt x="1528" y="1088"/>
                    </a:cubicBezTo>
                    <a:cubicBezTo>
                      <a:pt x="1612" y="858"/>
                      <a:pt x="1654" y="586"/>
                      <a:pt x="1737" y="356"/>
                    </a:cubicBezTo>
                    <a:cubicBezTo>
                      <a:pt x="1821" y="147"/>
                      <a:pt x="1988" y="0"/>
                      <a:pt x="2177" y="21"/>
                    </a:cubicBezTo>
                    <a:cubicBezTo>
                      <a:pt x="2386" y="63"/>
                      <a:pt x="2511" y="230"/>
                      <a:pt x="2532" y="440"/>
                    </a:cubicBezTo>
                    <a:cubicBezTo>
                      <a:pt x="2532" y="460"/>
                      <a:pt x="2574" y="586"/>
                      <a:pt x="2595" y="79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41" name="Google Shape;2341;p74"/>
              <p:cNvSpPr/>
              <p:nvPr/>
            </p:nvSpPr>
            <p:spPr>
              <a:xfrm>
                <a:off x="1948725" y="3612700"/>
                <a:ext cx="165825" cy="37175"/>
              </a:xfrm>
              <a:custGeom>
                <a:avLst/>
                <a:gdLst/>
                <a:ahLst/>
                <a:cxnLst/>
                <a:rect l="l" t="t" r="r" b="b"/>
                <a:pathLst>
                  <a:path w="6633" h="1487" extrusionOk="0">
                    <a:moveTo>
                      <a:pt x="2260" y="1466"/>
                    </a:moveTo>
                    <a:cubicBezTo>
                      <a:pt x="1653" y="1382"/>
                      <a:pt x="1088" y="1340"/>
                      <a:pt x="481" y="1256"/>
                    </a:cubicBezTo>
                    <a:cubicBezTo>
                      <a:pt x="377" y="1235"/>
                      <a:pt x="272" y="1214"/>
                      <a:pt x="167" y="1152"/>
                    </a:cubicBezTo>
                    <a:cubicBezTo>
                      <a:pt x="21" y="1068"/>
                      <a:pt x="0" y="817"/>
                      <a:pt x="146" y="733"/>
                    </a:cubicBezTo>
                    <a:cubicBezTo>
                      <a:pt x="272" y="649"/>
                      <a:pt x="398" y="608"/>
                      <a:pt x="544" y="587"/>
                    </a:cubicBezTo>
                    <a:cubicBezTo>
                      <a:pt x="1109" y="524"/>
                      <a:pt x="1653" y="440"/>
                      <a:pt x="2239" y="419"/>
                    </a:cubicBezTo>
                    <a:cubicBezTo>
                      <a:pt x="2846" y="398"/>
                      <a:pt x="3411" y="398"/>
                      <a:pt x="4017" y="273"/>
                    </a:cubicBezTo>
                    <a:cubicBezTo>
                      <a:pt x="4582" y="126"/>
                      <a:pt x="5189" y="85"/>
                      <a:pt x="5796" y="22"/>
                    </a:cubicBezTo>
                    <a:cubicBezTo>
                      <a:pt x="5984" y="1"/>
                      <a:pt x="6193" y="64"/>
                      <a:pt x="6361" y="105"/>
                    </a:cubicBezTo>
                    <a:cubicBezTo>
                      <a:pt x="6612" y="189"/>
                      <a:pt x="6633" y="524"/>
                      <a:pt x="6445" y="691"/>
                    </a:cubicBezTo>
                    <a:cubicBezTo>
                      <a:pt x="6361" y="754"/>
                      <a:pt x="6277" y="817"/>
                      <a:pt x="6152" y="859"/>
                    </a:cubicBezTo>
                    <a:cubicBezTo>
                      <a:pt x="5900" y="942"/>
                      <a:pt x="5608" y="1068"/>
                      <a:pt x="5356" y="1110"/>
                    </a:cubicBezTo>
                    <a:cubicBezTo>
                      <a:pt x="4310" y="1173"/>
                      <a:pt x="3306" y="1486"/>
                      <a:pt x="2260" y="146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42" name="Google Shape;2342;p74"/>
              <p:cNvSpPr/>
              <p:nvPr/>
            </p:nvSpPr>
            <p:spPr>
              <a:xfrm>
                <a:off x="1926750" y="3445325"/>
                <a:ext cx="122425" cy="81100"/>
              </a:xfrm>
              <a:custGeom>
                <a:avLst/>
                <a:gdLst/>
                <a:ahLst/>
                <a:cxnLst/>
                <a:rect l="l" t="t" r="r" b="b"/>
                <a:pathLst>
                  <a:path w="4897" h="3244" extrusionOk="0">
                    <a:moveTo>
                      <a:pt x="4373" y="0"/>
                    </a:moveTo>
                    <a:cubicBezTo>
                      <a:pt x="4415" y="21"/>
                      <a:pt x="4562" y="63"/>
                      <a:pt x="4624" y="84"/>
                    </a:cubicBezTo>
                    <a:cubicBezTo>
                      <a:pt x="4855" y="189"/>
                      <a:pt x="4896" y="502"/>
                      <a:pt x="4729" y="649"/>
                    </a:cubicBezTo>
                    <a:cubicBezTo>
                      <a:pt x="4708" y="712"/>
                      <a:pt x="4666" y="733"/>
                      <a:pt x="4603" y="754"/>
                    </a:cubicBezTo>
                    <a:cubicBezTo>
                      <a:pt x="3515" y="1528"/>
                      <a:pt x="2427" y="2302"/>
                      <a:pt x="1235" y="2909"/>
                    </a:cubicBezTo>
                    <a:cubicBezTo>
                      <a:pt x="1005" y="3013"/>
                      <a:pt x="753" y="3118"/>
                      <a:pt x="523" y="3202"/>
                    </a:cubicBezTo>
                    <a:cubicBezTo>
                      <a:pt x="356" y="3243"/>
                      <a:pt x="168" y="3202"/>
                      <a:pt x="84" y="3034"/>
                    </a:cubicBezTo>
                    <a:cubicBezTo>
                      <a:pt x="42" y="2909"/>
                      <a:pt x="0" y="2699"/>
                      <a:pt x="63" y="2574"/>
                    </a:cubicBezTo>
                    <a:cubicBezTo>
                      <a:pt x="147" y="2407"/>
                      <a:pt x="314" y="2260"/>
                      <a:pt x="481" y="2176"/>
                    </a:cubicBezTo>
                    <a:cubicBezTo>
                      <a:pt x="942" y="1883"/>
                      <a:pt x="1465" y="1632"/>
                      <a:pt x="1946" y="1298"/>
                    </a:cubicBezTo>
                    <a:cubicBezTo>
                      <a:pt x="2406" y="1026"/>
                      <a:pt x="2867" y="733"/>
                      <a:pt x="3306" y="419"/>
                    </a:cubicBezTo>
                    <a:cubicBezTo>
                      <a:pt x="3641" y="210"/>
                      <a:pt x="3955" y="21"/>
                      <a:pt x="4373" y="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
          <p:nvSpPr>
            <p:cNvPr id="2343" name="Google Shape;2343;p74"/>
            <p:cNvSpPr/>
            <p:nvPr/>
          </p:nvSpPr>
          <p:spPr>
            <a:xfrm>
              <a:off x="4426788" y="1479850"/>
              <a:ext cx="3527725" cy="2187050"/>
            </a:xfrm>
            <a:custGeom>
              <a:avLst/>
              <a:gdLst/>
              <a:ahLst/>
              <a:cxnLst/>
              <a:rect l="l" t="t" r="r" b="b"/>
              <a:pathLst>
                <a:path w="141109" h="87482" extrusionOk="0">
                  <a:moveTo>
                    <a:pt x="16090" y="58900"/>
                  </a:moveTo>
                  <a:cubicBezTo>
                    <a:pt x="16090" y="58775"/>
                    <a:pt x="16090" y="58691"/>
                    <a:pt x="16069" y="58607"/>
                  </a:cubicBezTo>
                  <a:cubicBezTo>
                    <a:pt x="16007" y="58398"/>
                    <a:pt x="15923" y="58168"/>
                    <a:pt x="15986" y="57938"/>
                  </a:cubicBezTo>
                  <a:cubicBezTo>
                    <a:pt x="16007" y="57854"/>
                    <a:pt x="15986" y="57749"/>
                    <a:pt x="15965" y="57645"/>
                  </a:cubicBezTo>
                  <a:cubicBezTo>
                    <a:pt x="15923" y="57540"/>
                    <a:pt x="15902" y="57415"/>
                    <a:pt x="15902" y="57310"/>
                  </a:cubicBezTo>
                  <a:cubicBezTo>
                    <a:pt x="15881" y="56368"/>
                    <a:pt x="15860" y="55448"/>
                    <a:pt x="16111" y="54527"/>
                  </a:cubicBezTo>
                  <a:cubicBezTo>
                    <a:pt x="16216" y="54171"/>
                    <a:pt x="16237" y="53795"/>
                    <a:pt x="16321" y="53418"/>
                  </a:cubicBezTo>
                  <a:cubicBezTo>
                    <a:pt x="16341" y="53230"/>
                    <a:pt x="16404" y="53041"/>
                    <a:pt x="16446" y="52853"/>
                  </a:cubicBezTo>
                  <a:cubicBezTo>
                    <a:pt x="16551" y="52477"/>
                    <a:pt x="16697" y="52079"/>
                    <a:pt x="16844" y="51556"/>
                  </a:cubicBezTo>
                  <a:lnTo>
                    <a:pt x="16530" y="51870"/>
                  </a:lnTo>
                  <a:cubicBezTo>
                    <a:pt x="16279" y="52163"/>
                    <a:pt x="16007" y="52414"/>
                    <a:pt x="15777" y="52707"/>
                  </a:cubicBezTo>
                  <a:cubicBezTo>
                    <a:pt x="15588" y="52916"/>
                    <a:pt x="15337" y="53000"/>
                    <a:pt x="15065" y="53000"/>
                  </a:cubicBezTo>
                  <a:cubicBezTo>
                    <a:pt x="14500" y="52958"/>
                    <a:pt x="13935" y="52832"/>
                    <a:pt x="13454" y="52497"/>
                  </a:cubicBezTo>
                  <a:cubicBezTo>
                    <a:pt x="13182" y="52330"/>
                    <a:pt x="12952" y="52163"/>
                    <a:pt x="12680" y="51974"/>
                  </a:cubicBezTo>
                  <a:cubicBezTo>
                    <a:pt x="12617" y="52079"/>
                    <a:pt x="12533" y="52163"/>
                    <a:pt x="12471" y="52225"/>
                  </a:cubicBezTo>
                  <a:cubicBezTo>
                    <a:pt x="12324" y="52497"/>
                    <a:pt x="12199" y="52749"/>
                    <a:pt x="12010" y="53021"/>
                  </a:cubicBezTo>
                  <a:cubicBezTo>
                    <a:pt x="11885" y="53230"/>
                    <a:pt x="11696" y="53418"/>
                    <a:pt x="11508" y="53544"/>
                  </a:cubicBezTo>
                  <a:cubicBezTo>
                    <a:pt x="11006" y="53941"/>
                    <a:pt x="9646" y="53962"/>
                    <a:pt x="9123" y="53565"/>
                  </a:cubicBezTo>
                  <a:cubicBezTo>
                    <a:pt x="8704" y="53251"/>
                    <a:pt x="8349" y="52916"/>
                    <a:pt x="8118" y="52414"/>
                  </a:cubicBezTo>
                  <a:cubicBezTo>
                    <a:pt x="8035" y="52225"/>
                    <a:pt x="7930" y="52058"/>
                    <a:pt x="7826" y="51849"/>
                  </a:cubicBezTo>
                  <a:cubicBezTo>
                    <a:pt x="7595" y="51891"/>
                    <a:pt x="7407" y="52016"/>
                    <a:pt x="7240" y="52184"/>
                  </a:cubicBezTo>
                  <a:cubicBezTo>
                    <a:pt x="7114" y="52309"/>
                    <a:pt x="6989" y="52393"/>
                    <a:pt x="6800" y="52414"/>
                  </a:cubicBezTo>
                  <a:cubicBezTo>
                    <a:pt x="5859" y="52518"/>
                    <a:pt x="5001" y="52330"/>
                    <a:pt x="4185" y="51807"/>
                  </a:cubicBezTo>
                  <a:cubicBezTo>
                    <a:pt x="4080" y="51744"/>
                    <a:pt x="3955" y="51661"/>
                    <a:pt x="3871" y="51556"/>
                  </a:cubicBezTo>
                  <a:cubicBezTo>
                    <a:pt x="3369" y="50761"/>
                    <a:pt x="2888" y="49987"/>
                    <a:pt x="2909" y="48982"/>
                  </a:cubicBezTo>
                  <a:cubicBezTo>
                    <a:pt x="2929" y="47978"/>
                    <a:pt x="2929" y="46953"/>
                    <a:pt x="3055" y="45927"/>
                  </a:cubicBezTo>
                  <a:cubicBezTo>
                    <a:pt x="3097" y="45635"/>
                    <a:pt x="3160" y="45383"/>
                    <a:pt x="3222" y="45091"/>
                  </a:cubicBezTo>
                  <a:cubicBezTo>
                    <a:pt x="3243" y="45007"/>
                    <a:pt x="3243" y="44902"/>
                    <a:pt x="3264" y="44839"/>
                  </a:cubicBezTo>
                  <a:cubicBezTo>
                    <a:pt x="3222" y="44798"/>
                    <a:pt x="3201" y="44777"/>
                    <a:pt x="3139" y="44777"/>
                  </a:cubicBezTo>
                  <a:cubicBezTo>
                    <a:pt x="2532" y="44839"/>
                    <a:pt x="2113" y="44463"/>
                    <a:pt x="1695" y="44128"/>
                  </a:cubicBezTo>
                  <a:cubicBezTo>
                    <a:pt x="1109" y="43605"/>
                    <a:pt x="691" y="42956"/>
                    <a:pt x="335" y="42266"/>
                  </a:cubicBezTo>
                  <a:cubicBezTo>
                    <a:pt x="230" y="42036"/>
                    <a:pt x="126" y="41764"/>
                    <a:pt x="105" y="41513"/>
                  </a:cubicBezTo>
                  <a:cubicBezTo>
                    <a:pt x="0" y="40864"/>
                    <a:pt x="0" y="40236"/>
                    <a:pt x="168" y="39609"/>
                  </a:cubicBezTo>
                  <a:cubicBezTo>
                    <a:pt x="168" y="39567"/>
                    <a:pt x="188" y="39525"/>
                    <a:pt x="188" y="39504"/>
                  </a:cubicBezTo>
                  <a:cubicBezTo>
                    <a:pt x="502" y="37851"/>
                    <a:pt x="1590" y="36826"/>
                    <a:pt x="3034" y="36072"/>
                  </a:cubicBezTo>
                  <a:cubicBezTo>
                    <a:pt x="2846" y="35780"/>
                    <a:pt x="2678" y="35466"/>
                    <a:pt x="2427" y="35215"/>
                  </a:cubicBezTo>
                  <a:cubicBezTo>
                    <a:pt x="1988" y="34650"/>
                    <a:pt x="1841" y="34022"/>
                    <a:pt x="1779" y="33352"/>
                  </a:cubicBezTo>
                  <a:cubicBezTo>
                    <a:pt x="1758" y="33122"/>
                    <a:pt x="1800" y="32850"/>
                    <a:pt x="1779" y="32620"/>
                  </a:cubicBezTo>
                  <a:cubicBezTo>
                    <a:pt x="1758" y="32181"/>
                    <a:pt x="1904" y="31804"/>
                    <a:pt x="2155" y="31448"/>
                  </a:cubicBezTo>
                  <a:cubicBezTo>
                    <a:pt x="2218" y="31302"/>
                    <a:pt x="2385" y="31176"/>
                    <a:pt x="2511" y="31093"/>
                  </a:cubicBezTo>
                  <a:cubicBezTo>
                    <a:pt x="2804" y="30925"/>
                    <a:pt x="3139" y="30737"/>
                    <a:pt x="3432" y="30549"/>
                  </a:cubicBezTo>
                  <a:cubicBezTo>
                    <a:pt x="3201" y="29774"/>
                    <a:pt x="3306" y="28958"/>
                    <a:pt x="3327" y="28163"/>
                  </a:cubicBezTo>
                  <a:cubicBezTo>
                    <a:pt x="3348" y="27494"/>
                    <a:pt x="4101" y="26343"/>
                    <a:pt x="4833" y="26217"/>
                  </a:cubicBezTo>
                  <a:cubicBezTo>
                    <a:pt x="5189" y="26155"/>
                    <a:pt x="5524" y="26008"/>
                    <a:pt x="5859" y="25862"/>
                  </a:cubicBezTo>
                  <a:cubicBezTo>
                    <a:pt x="5880" y="25862"/>
                    <a:pt x="5922" y="25820"/>
                    <a:pt x="5963" y="25799"/>
                  </a:cubicBezTo>
                  <a:cubicBezTo>
                    <a:pt x="5880" y="25485"/>
                    <a:pt x="5838" y="25129"/>
                    <a:pt x="5754" y="24816"/>
                  </a:cubicBezTo>
                  <a:cubicBezTo>
                    <a:pt x="5649" y="24460"/>
                    <a:pt x="5712" y="24125"/>
                    <a:pt x="5859" y="23769"/>
                  </a:cubicBezTo>
                  <a:cubicBezTo>
                    <a:pt x="6026" y="23456"/>
                    <a:pt x="6194" y="23121"/>
                    <a:pt x="6403" y="22828"/>
                  </a:cubicBezTo>
                  <a:cubicBezTo>
                    <a:pt x="6654" y="22514"/>
                    <a:pt x="6968" y="22305"/>
                    <a:pt x="7344" y="22200"/>
                  </a:cubicBezTo>
                  <a:cubicBezTo>
                    <a:pt x="8035" y="22033"/>
                    <a:pt x="8704" y="21844"/>
                    <a:pt x="9416" y="21886"/>
                  </a:cubicBezTo>
                  <a:cubicBezTo>
                    <a:pt x="9918" y="21928"/>
                    <a:pt x="10420" y="21886"/>
                    <a:pt x="10880" y="21886"/>
                  </a:cubicBezTo>
                  <a:cubicBezTo>
                    <a:pt x="10985" y="21656"/>
                    <a:pt x="11048" y="21426"/>
                    <a:pt x="11173" y="21217"/>
                  </a:cubicBezTo>
                  <a:cubicBezTo>
                    <a:pt x="11592" y="20589"/>
                    <a:pt x="12157" y="20108"/>
                    <a:pt x="12889" y="19878"/>
                  </a:cubicBezTo>
                  <a:cubicBezTo>
                    <a:pt x="13266" y="19752"/>
                    <a:pt x="13663" y="19647"/>
                    <a:pt x="14040" y="19564"/>
                  </a:cubicBezTo>
                  <a:cubicBezTo>
                    <a:pt x="14228" y="19522"/>
                    <a:pt x="14416" y="19522"/>
                    <a:pt x="14626" y="19522"/>
                  </a:cubicBezTo>
                  <a:lnTo>
                    <a:pt x="16341" y="19522"/>
                  </a:lnTo>
                  <a:cubicBezTo>
                    <a:pt x="16530" y="18810"/>
                    <a:pt x="17137" y="18434"/>
                    <a:pt x="17597" y="17953"/>
                  </a:cubicBezTo>
                  <a:cubicBezTo>
                    <a:pt x="17660" y="17890"/>
                    <a:pt x="17743" y="17848"/>
                    <a:pt x="17785" y="17848"/>
                  </a:cubicBezTo>
                  <a:cubicBezTo>
                    <a:pt x="18434" y="17660"/>
                    <a:pt x="19062" y="17555"/>
                    <a:pt x="19752" y="17743"/>
                  </a:cubicBezTo>
                  <a:cubicBezTo>
                    <a:pt x="20631" y="17994"/>
                    <a:pt x="21468" y="18287"/>
                    <a:pt x="22200" y="18852"/>
                  </a:cubicBezTo>
                  <a:cubicBezTo>
                    <a:pt x="22388" y="19020"/>
                    <a:pt x="22619" y="19124"/>
                    <a:pt x="22891" y="19271"/>
                  </a:cubicBezTo>
                  <a:cubicBezTo>
                    <a:pt x="23037" y="19208"/>
                    <a:pt x="23204" y="19103"/>
                    <a:pt x="23393" y="18957"/>
                  </a:cubicBezTo>
                  <a:cubicBezTo>
                    <a:pt x="23727" y="18727"/>
                    <a:pt x="24083" y="18643"/>
                    <a:pt x="24502" y="18622"/>
                  </a:cubicBezTo>
                  <a:cubicBezTo>
                    <a:pt x="25234" y="18622"/>
                    <a:pt x="25862" y="18810"/>
                    <a:pt x="26531" y="19145"/>
                  </a:cubicBezTo>
                  <a:cubicBezTo>
                    <a:pt x="27285" y="19543"/>
                    <a:pt x="27849" y="20171"/>
                    <a:pt x="28414" y="20777"/>
                  </a:cubicBezTo>
                  <a:cubicBezTo>
                    <a:pt x="28582" y="20945"/>
                    <a:pt x="28645" y="21238"/>
                    <a:pt x="28770" y="21531"/>
                  </a:cubicBezTo>
                  <a:cubicBezTo>
                    <a:pt x="28958" y="21614"/>
                    <a:pt x="29209" y="21572"/>
                    <a:pt x="29461" y="21551"/>
                  </a:cubicBezTo>
                  <a:cubicBezTo>
                    <a:pt x="29816" y="21531"/>
                    <a:pt x="30151" y="21635"/>
                    <a:pt x="30465" y="21844"/>
                  </a:cubicBezTo>
                  <a:cubicBezTo>
                    <a:pt x="30674" y="21970"/>
                    <a:pt x="30883" y="22095"/>
                    <a:pt x="31134" y="22179"/>
                  </a:cubicBezTo>
                  <a:cubicBezTo>
                    <a:pt x="31448" y="22284"/>
                    <a:pt x="31699" y="22493"/>
                    <a:pt x="31888" y="22765"/>
                  </a:cubicBezTo>
                  <a:cubicBezTo>
                    <a:pt x="32202" y="23121"/>
                    <a:pt x="32411" y="23539"/>
                    <a:pt x="32599" y="23979"/>
                  </a:cubicBezTo>
                  <a:cubicBezTo>
                    <a:pt x="32641" y="24125"/>
                    <a:pt x="32641" y="24272"/>
                    <a:pt x="32662" y="24439"/>
                  </a:cubicBezTo>
                  <a:cubicBezTo>
                    <a:pt x="32704" y="24585"/>
                    <a:pt x="32704" y="24774"/>
                    <a:pt x="32704" y="24920"/>
                  </a:cubicBezTo>
                  <a:cubicBezTo>
                    <a:pt x="32955" y="25067"/>
                    <a:pt x="33185" y="25004"/>
                    <a:pt x="33457" y="25004"/>
                  </a:cubicBezTo>
                  <a:cubicBezTo>
                    <a:pt x="33917" y="24983"/>
                    <a:pt x="34294" y="25108"/>
                    <a:pt x="34650" y="25380"/>
                  </a:cubicBezTo>
                  <a:cubicBezTo>
                    <a:pt x="35110" y="25715"/>
                    <a:pt x="35549" y="26029"/>
                    <a:pt x="35905" y="26448"/>
                  </a:cubicBezTo>
                  <a:cubicBezTo>
                    <a:pt x="36365" y="26908"/>
                    <a:pt x="36533" y="27473"/>
                    <a:pt x="36596" y="28101"/>
                  </a:cubicBezTo>
                  <a:cubicBezTo>
                    <a:pt x="36616" y="28247"/>
                    <a:pt x="36596" y="28435"/>
                    <a:pt x="36596" y="28624"/>
                  </a:cubicBezTo>
                  <a:cubicBezTo>
                    <a:pt x="36616" y="28958"/>
                    <a:pt x="36533" y="29251"/>
                    <a:pt x="36324" y="29523"/>
                  </a:cubicBezTo>
                  <a:cubicBezTo>
                    <a:pt x="36072" y="29900"/>
                    <a:pt x="35884" y="30318"/>
                    <a:pt x="35654" y="30737"/>
                  </a:cubicBezTo>
                  <a:cubicBezTo>
                    <a:pt x="35738" y="30758"/>
                    <a:pt x="35780" y="30779"/>
                    <a:pt x="35842" y="30758"/>
                  </a:cubicBezTo>
                  <a:cubicBezTo>
                    <a:pt x="36428" y="30632"/>
                    <a:pt x="36805" y="31030"/>
                    <a:pt x="37098" y="31448"/>
                  </a:cubicBezTo>
                  <a:cubicBezTo>
                    <a:pt x="37202" y="31595"/>
                    <a:pt x="37307" y="31720"/>
                    <a:pt x="37474" y="31825"/>
                  </a:cubicBezTo>
                  <a:cubicBezTo>
                    <a:pt x="37830" y="32034"/>
                    <a:pt x="38060" y="32390"/>
                    <a:pt x="38269" y="32725"/>
                  </a:cubicBezTo>
                  <a:cubicBezTo>
                    <a:pt x="38311" y="32808"/>
                    <a:pt x="38353" y="32913"/>
                    <a:pt x="38353" y="32976"/>
                  </a:cubicBezTo>
                  <a:cubicBezTo>
                    <a:pt x="38353" y="33290"/>
                    <a:pt x="38458" y="33583"/>
                    <a:pt x="38520" y="33875"/>
                  </a:cubicBezTo>
                  <a:cubicBezTo>
                    <a:pt x="38604" y="34231"/>
                    <a:pt x="38583" y="34587"/>
                    <a:pt x="38458" y="34943"/>
                  </a:cubicBezTo>
                  <a:cubicBezTo>
                    <a:pt x="38395" y="35047"/>
                    <a:pt x="38395" y="35152"/>
                    <a:pt x="38353" y="35277"/>
                  </a:cubicBezTo>
                  <a:cubicBezTo>
                    <a:pt x="38583" y="35466"/>
                    <a:pt x="38793" y="35654"/>
                    <a:pt x="39044" y="35738"/>
                  </a:cubicBezTo>
                  <a:cubicBezTo>
                    <a:pt x="39295" y="35800"/>
                    <a:pt x="39504" y="35947"/>
                    <a:pt x="39671" y="36114"/>
                  </a:cubicBezTo>
                  <a:cubicBezTo>
                    <a:pt x="39901" y="36365"/>
                    <a:pt x="40173" y="36596"/>
                    <a:pt x="40404" y="36847"/>
                  </a:cubicBezTo>
                  <a:cubicBezTo>
                    <a:pt x="40697" y="37140"/>
                    <a:pt x="40864" y="37453"/>
                    <a:pt x="40822" y="37872"/>
                  </a:cubicBezTo>
                  <a:lnTo>
                    <a:pt x="40822" y="38667"/>
                  </a:lnTo>
                  <a:cubicBezTo>
                    <a:pt x="40822" y="38897"/>
                    <a:pt x="40717" y="39044"/>
                    <a:pt x="40550" y="39190"/>
                  </a:cubicBezTo>
                  <a:cubicBezTo>
                    <a:pt x="40341" y="39316"/>
                    <a:pt x="40153" y="39441"/>
                    <a:pt x="39964" y="39567"/>
                  </a:cubicBezTo>
                  <a:cubicBezTo>
                    <a:pt x="39985" y="39755"/>
                    <a:pt x="40132" y="39755"/>
                    <a:pt x="40194" y="39839"/>
                  </a:cubicBezTo>
                  <a:cubicBezTo>
                    <a:pt x="40278" y="39922"/>
                    <a:pt x="40383" y="39985"/>
                    <a:pt x="40487" y="40048"/>
                  </a:cubicBezTo>
                  <a:cubicBezTo>
                    <a:pt x="40989" y="40278"/>
                    <a:pt x="41094" y="40780"/>
                    <a:pt x="41178" y="41220"/>
                  </a:cubicBezTo>
                  <a:cubicBezTo>
                    <a:pt x="41282" y="41806"/>
                    <a:pt x="41136" y="42329"/>
                    <a:pt x="40676" y="42705"/>
                  </a:cubicBezTo>
                  <a:cubicBezTo>
                    <a:pt x="40404" y="42956"/>
                    <a:pt x="40173" y="43186"/>
                    <a:pt x="39881" y="43438"/>
                  </a:cubicBezTo>
                  <a:cubicBezTo>
                    <a:pt x="39964" y="43626"/>
                    <a:pt x="40069" y="43814"/>
                    <a:pt x="40236" y="44002"/>
                  </a:cubicBezTo>
                  <a:cubicBezTo>
                    <a:pt x="40655" y="44463"/>
                    <a:pt x="40613" y="45007"/>
                    <a:pt x="40153" y="45467"/>
                  </a:cubicBezTo>
                  <a:cubicBezTo>
                    <a:pt x="39985" y="45593"/>
                    <a:pt x="39839" y="45718"/>
                    <a:pt x="39650" y="45844"/>
                  </a:cubicBezTo>
                  <a:cubicBezTo>
                    <a:pt x="39399" y="46032"/>
                    <a:pt x="39106" y="46199"/>
                    <a:pt x="38834" y="46409"/>
                  </a:cubicBezTo>
                  <a:cubicBezTo>
                    <a:pt x="38311" y="46785"/>
                    <a:pt x="37725" y="46953"/>
                    <a:pt x="37098" y="46953"/>
                  </a:cubicBezTo>
                  <a:lnTo>
                    <a:pt x="36072" y="46953"/>
                  </a:lnTo>
                  <a:cubicBezTo>
                    <a:pt x="35466" y="46953"/>
                    <a:pt x="34943" y="46848"/>
                    <a:pt x="34503" y="46346"/>
                  </a:cubicBezTo>
                  <a:cubicBezTo>
                    <a:pt x="34419" y="46451"/>
                    <a:pt x="34315" y="46513"/>
                    <a:pt x="34273" y="46618"/>
                  </a:cubicBezTo>
                  <a:cubicBezTo>
                    <a:pt x="33855" y="47392"/>
                    <a:pt x="33227" y="47936"/>
                    <a:pt x="32536" y="48459"/>
                  </a:cubicBezTo>
                  <a:cubicBezTo>
                    <a:pt x="32013" y="48878"/>
                    <a:pt x="31448" y="49233"/>
                    <a:pt x="30925" y="49652"/>
                  </a:cubicBezTo>
                  <a:cubicBezTo>
                    <a:pt x="30549" y="49924"/>
                    <a:pt x="30151" y="50133"/>
                    <a:pt x="29712" y="50280"/>
                  </a:cubicBezTo>
                  <a:cubicBezTo>
                    <a:pt x="29481" y="50342"/>
                    <a:pt x="29251" y="50405"/>
                    <a:pt x="29042" y="50593"/>
                  </a:cubicBezTo>
                  <a:cubicBezTo>
                    <a:pt x="29105" y="50740"/>
                    <a:pt x="29189" y="50907"/>
                    <a:pt x="29251" y="51033"/>
                  </a:cubicBezTo>
                  <a:cubicBezTo>
                    <a:pt x="29879" y="51326"/>
                    <a:pt x="30507" y="51535"/>
                    <a:pt x="31155" y="51598"/>
                  </a:cubicBezTo>
                  <a:cubicBezTo>
                    <a:pt x="31281" y="51640"/>
                    <a:pt x="31406" y="51640"/>
                    <a:pt x="31553" y="51681"/>
                  </a:cubicBezTo>
                  <a:cubicBezTo>
                    <a:pt x="32327" y="52058"/>
                    <a:pt x="33185" y="52079"/>
                    <a:pt x="34022" y="52205"/>
                  </a:cubicBezTo>
                  <a:cubicBezTo>
                    <a:pt x="35947" y="52518"/>
                    <a:pt x="37851" y="52811"/>
                    <a:pt x="39755" y="53104"/>
                  </a:cubicBezTo>
                  <a:cubicBezTo>
                    <a:pt x="41596" y="53355"/>
                    <a:pt x="43333" y="53941"/>
                    <a:pt x="45049" y="54590"/>
                  </a:cubicBezTo>
                  <a:cubicBezTo>
                    <a:pt x="45383" y="54715"/>
                    <a:pt x="45718" y="54799"/>
                    <a:pt x="46116" y="54925"/>
                  </a:cubicBezTo>
                  <a:cubicBezTo>
                    <a:pt x="46137" y="54904"/>
                    <a:pt x="46220" y="54904"/>
                    <a:pt x="46262" y="54841"/>
                  </a:cubicBezTo>
                  <a:cubicBezTo>
                    <a:pt x="46513" y="54694"/>
                    <a:pt x="46743" y="54694"/>
                    <a:pt x="46974" y="54778"/>
                  </a:cubicBezTo>
                  <a:cubicBezTo>
                    <a:pt x="47601" y="54946"/>
                    <a:pt x="48229" y="55197"/>
                    <a:pt x="48731" y="55678"/>
                  </a:cubicBezTo>
                  <a:cubicBezTo>
                    <a:pt x="48940" y="55887"/>
                    <a:pt x="49171" y="56054"/>
                    <a:pt x="49401" y="56201"/>
                  </a:cubicBezTo>
                  <a:cubicBezTo>
                    <a:pt x="49673" y="56389"/>
                    <a:pt x="49777" y="56661"/>
                    <a:pt x="49798" y="56933"/>
                  </a:cubicBezTo>
                  <a:cubicBezTo>
                    <a:pt x="49819" y="57205"/>
                    <a:pt x="49694" y="57352"/>
                    <a:pt x="49401" y="57394"/>
                  </a:cubicBezTo>
                  <a:cubicBezTo>
                    <a:pt x="49338" y="57394"/>
                    <a:pt x="49254" y="57352"/>
                    <a:pt x="49171" y="57352"/>
                  </a:cubicBezTo>
                  <a:cubicBezTo>
                    <a:pt x="49066" y="57143"/>
                    <a:pt x="49024" y="56871"/>
                    <a:pt x="48752" y="56724"/>
                  </a:cubicBezTo>
                  <a:cubicBezTo>
                    <a:pt x="48543" y="56619"/>
                    <a:pt x="48417" y="56389"/>
                    <a:pt x="48187" y="56285"/>
                  </a:cubicBezTo>
                  <a:cubicBezTo>
                    <a:pt x="48145" y="56515"/>
                    <a:pt x="48292" y="56682"/>
                    <a:pt x="48334" y="56829"/>
                  </a:cubicBezTo>
                  <a:cubicBezTo>
                    <a:pt x="48459" y="57289"/>
                    <a:pt x="48250" y="57770"/>
                    <a:pt x="47832" y="57959"/>
                  </a:cubicBezTo>
                  <a:cubicBezTo>
                    <a:pt x="47559" y="58084"/>
                    <a:pt x="47246" y="58168"/>
                    <a:pt x="46974" y="58398"/>
                  </a:cubicBezTo>
                  <a:cubicBezTo>
                    <a:pt x="46932" y="58461"/>
                    <a:pt x="46785" y="58482"/>
                    <a:pt x="46723" y="58482"/>
                  </a:cubicBezTo>
                  <a:cubicBezTo>
                    <a:pt x="46534" y="58503"/>
                    <a:pt x="46367" y="58503"/>
                    <a:pt x="46220" y="58670"/>
                  </a:cubicBezTo>
                  <a:cubicBezTo>
                    <a:pt x="46220" y="58858"/>
                    <a:pt x="46346" y="58984"/>
                    <a:pt x="46430" y="59172"/>
                  </a:cubicBezTo>
                  <a:cubicBezTo>
                    <a:pt x="46576" y="59507"/>
                    <a:pt x="46723" y="59821"/>
                    <a:pt x="46764" y="60176"/>
                  </a:cubicBezTo>
                  <a:cubicBezTo>
                    <a:pt x="46785" y="60344"/>
                    <a:pt x="46827" y="60469"/>
                    <a:pt x="46869" y="60637"/>
                  </a:cubicBezTo>
                  <a:cubicBezTo>
                    <a:pt x="47078" y="61306"/>
                    <a:pt x="47183" y="61997"/>
                    <a:pt x="47308" y="62687"/>
                  </a:cubicBezTo>
                  <a:cubicBezTo>
                    <a:pt x="47350" y="62855"/>
                    <a:pt x="47371" y="63043"/>
                    <a:pt x="47413" y="63189"/>
                  </a:cubicBezTo>
                  <a:cubicBezTo>
                    <a:pt x="47601" y="63629"/>
                    <a:pt x="47664" y="64110"/>
                    <a:pt x="47706" y="64570"/>
                  </a:cubicBezTo>
                  <a:cubicBezTo>
                    <a:pt x="47727" y="64759"/>
                    <a:pt x="47769" y="64947"/>
                    <a:pt x="47811" y="65135"/>
                  </a:cubicBezTo>
                  <a:cubicBezTo>
                    <a:pt x="47915" y="65386"/>
                    <a:pt x="48041" y="65658"/>
                    <a:pt x="47811" y="65993"/>
                  </a:cubicBezTo>
                  <a:cubicBezTo>
                    <a:pt x="48208" y="65972"/>
                    <a:pt x="48501" y="65930"/>
                    <a:pt x="48752" y="65910"/>
                  </a:cubicBezTo>
                  <a:cubicBezTo>
                    <a:pt x="50008" y="65721"/>
                    <a:pt x="51263" y="65554"/>
                    <a:pt x="52518" y="65303"/>
                  </a:cubicBezTo>
                  <a:cubicBezTo>
                    <a:pt x="55301" y="64780"/>
                    <a:pt x="58063" y="64215"/>
                    <a:pt x="60846" y="63692"/>
                  </a:cubicBezTo>
                  <a:cubicBezTo>
                    <a:pt x="62478" y="63378"/>
                    <a:pt x="64152" y="63106"/>
                    <a:pt x="65826" y="62855"/>
                  </a:cubicBezTo>
                  <a:cubicBezTo>
                    <a:pt x="66642" y="62729"/>
                    <a:pt x="67479" y="62625"/>
                    <a:pt x="68316" y="62478"/>
                  </a:cubicBezTo>
                  <a:cubicBezTo>
                    <a:pt x="68483" y="62457"/>
                    <a:pt x="68609" y="62436"/>
                    <a:pt x="68797" y="62373"/>
                  </a:cubicBezTo>
                  <a:cubicBezTo>
                    <a:pt x="68923" y="61934"/>
                    <a:pt x="69027" y="61516"/>
                    <a:pt x="69153" y="61076"/>
                  </a:cubicBezTo>
                  <a:cubicBezTo>
                    <a:pt x="69383" y="60239"/>
                    <a:pt x="69592" y="59381"/>
                    <a:pt x="69885" y="58565"/>
                  </a:cubicBezTo>
                  <a:cubicBezTo>
                    <a:pt x="70157" y="57854"/>
                    <a:pt x="70492" y="57184"/>
                    <a:pt x="70827" y="56494"/>
                  </a:cubicBezTo>
                  <a:cubicBezTo>
                    <a:pt x="71245" y="55678"/>
                    <a:pt x="71747" y="54925"/>
                    <a:pt x="72312" y="54213"/>
                  </a:cubicBezTo>
                  <a:cubicBezTo>
                    <a:pt x="72772" y="53690"/>
                    <a:pt x="73254" y="53230"/>
                    <a:pt x="73860" y="52895"/>
                  </a:cubicBezTo>
                  <a:cubicBezTo>
                    <a:pt x="74300" y="52623"/>
                    <a:pt x="74802" y="52477"/>
                    <a:pt x="75304" y="52393"/>
                  </a:cubicBezTo>
                  <a:cubicBezTo>
                    <a:pt x="76664" y="52163"/>
                    <a:pt x="77941" y="52414"/>
                    <a:pt x="79154" y="53062"/>
                  </a:cubicBezTo>
                  <a:cubicBezTo>
                    <a:pt x="80158" y="53627"/>
                    <a:pt x="81037" y="54318"/>
                    <a:pt x="81832" y="55134"/>
                  </a:cubicBezTo>
                  <a:cubicBezTo>
                    <a:pt x="82753" y="56054"/>
                    <a:pt x="83548" y="57080"/>
                    <a:pt x="84218" y="58168"/>
                  </a:cubicBezTo>
                  <a:cubicBezTo>
                    <a:pt x="84343" y="58356"/>
                    <a:pt x="84448" y="58565"/>
                    <a:pt x="84594" y="58712"/>
                  </a:cubicBezTo>
                  <a:cubicBezTo>
                    <a:pt x="85013" y="58858"/>
                    <a:pt x="85368" y="58795"/>
                    <a:pt x="85766" y="58712"/>
                  </a:cubicBezTo>
                  <a:cubicBezTo>
                    <a:pt x="89218" y="57854"/>
                    <a:pt x="92671" y="57101"/>
                    <a:pt x="96165" y="56473"/>
                  </a:cubicBezTo>
                  <a:cubicBezTo>
                    <a:pt x="97923" y="56159"/>
                    <a:pt x="99680" y="55824"/>
                    <a:pt x="101438" y="55469"/>
                  </a:cubicBezTo>
                  <a:cubicBezTo>
                    <a:pt x="101501" y="55448"/>
                    <a:pt x="101605" y="55427"/>
                    <a:pt x="101668" y="55406"/>
                  </a:cubicBezTo>
                  <a:cubicBezTo>
                    <a:pt x="101752" y="55218"/>
                    <a:pt x="101668" y="55113"/>
                    <a:pt x="101563" y="55029"/>
                  </a:cubicBezTo>
                  <a:cubicBezTo>
                    <a:pt x="101354" y="54841"/>
                    <a:pt x="101270" y="54611"/>
                    <a:pt x="101291" y="54318"/>
                  </a:cubicBezTo>
                  <a:cubicBezTo>
                    <a:pt x="101333" y="54088"/>
                    <a:pt x="101270" y="53878"/>
                    <a:pt x="101187" y="53648"/>
                  </a:cubicBezTo>
                  <a:cubicBezTo>
                    <a:pt x="101061" y="53209"/>
                    <a:pt x="100957" y="52790"/>
                    <a:pt x="100957" y="52309"/>
                  </a:cubicBezTo>
                  <a:cubicBezTo>
                    <a:pt x="100957" y="52058"/>
                    <a:pt x="100915" y="51786"/>
                    <a:pt x="100831" y="51535"/>
                  </a:cubicBezTo>
                  <a:cubicBezTo>
                    <a:pt x="100601" y="50698"/>
                    <a:pt x="100559" y="49861"/>
                    <a:pt x="100392" y="49024"/>
                  </a:cubicBezTo>
                  <a:cubicBezTo>
                    <a:pt x="100329" y="48815"/>
                    <a:pt x="100350" y="48606"/>
                    <a:pt x="100350" y="48396"/>
                  </a:cubicBezTo>
                  <a:lnTo>
                    <a:pt x="100350" y="47706"/>
                  </a:lnTo>
                  <a:cubicBezTo>
                    <a:pt x="100245" y="47580"/>
                    <a:pt x="100099" y="47601"/>
                    <a:pt x="99994" y="47622"/>
                  </a:cubicBezTo>
                  <a:cubicBezTo>
                    <a:pt x="99764" y="47727"/>
                    <a:pt x="99513" y="47706"/>
                    <a:pt x="99283" y="47622"/>
                  </a:cubicBezTo>
                  <a:cubicBezTo>
                    <a:pt x="99157" y="47580"/>
                    <a:pt x="99032" y="47601"/>
                    <a:pt x="98885" y="47601"/>
                  </a:cubicBezTo>
                  <a:cubicBezTo>
                    <a:pt x="98027" y="47601"/>
                    <a:pt x="97776" y="47308"/>
                    <a:pt x="97734" y="46451"/>
                  </a:cubicBezTo>
                  <a:cubicBezTo>
                    <a:pt x="97734" y="46367"/>
                    <a:pt x="97734" y="46262"/>
                    <a:pt x="97713" y="46137"/>
                  </a:cubicBezTo>
                  <a:cubicBezTo>
                    <a:pt x="97630" y="46220"/>
                    <a:pt x="97588" y="46241"/>
                    <a:pt x="97567" y="46262"/>
                  </a:cubicBezTo>
                  <a:cubicBezTo>
                    <a:pt x="97420" y="46513"/>
                    <a:pt x="97316" y="46743"/>
                    <a:pt x="97190" y="46974"/>
                  </a:cubicBezTo>
                  <a:cubicBezTo>
                    <a:pt x="97148" y="47078"/>
                    <a:pt x="97148" y="47183"/>
                    <a:pt x="97148" y="47288"/>
                  </a:cubicBezTo>
                  <a:cubicBezTo>
                    <a:pt x="97169" y="47518"/>
                    <a:pt x="97044" y="47664"/>
                    <a:pt x="96793" y="47706"/>
                  </a:cubicBezTo>
                  <a:cubicBezTo>
                    <a:pt x="96625" y="47727"/>
                    <a:pt x="96458" y="47622"/>
                    <a:pt x="96416" y="47455"/>
                  </a:cubicBezTo>
                  <a:cubicBezTo>
                    <a:pt x="96332" y="47162"/>
                    <a:pt x="96312" y="46890"/>
                    <a:pt x="96458" y="46618"/>
                  </a:cubicBezTo>
                  <a:cubicBezTo>
                    <a:pt x="96667" y="46241"/>
                    <a:pt x="96876" y="45907"/>
                    <a:pt x="97086" y="45509"/>
                  </a:cubicBezTo>
                  <a:cubicBezTo>
                    <a:pt x="97379" y="44944"/>
                    <a:pt x="97881" y="44588"/>
                    <a:pt x="98341" y="44233"/>
                  </a:cubicBezTo>
                  <a:cubicBezTo>
                    <a:pt x="98425" y="44170"/>
                    <a:pt x="98550" y="44149"/>
                    <a:pt x="98655" y="44128"/>
                  </a:cubicBezTo>
                  <a:cubicBezTo>
                    <a:pt x="98781" y="44107"/>
                    <a:pt x="98927" y="44128"/>
                    <a:pt x="99094" y="44128"/>
                  </a:cubicBezTo>
                  <a:cubicBezTo>
                    <a:pt x="99785" y="43521"/>
                    <a:pt x="100496" y="42894"/>
                    <a:pt x="101187" y="42266"/>
                  </a:cubicBezTo>
                  <a:cubicBezTo>
                    <a:pt x="102128" y="41492"/>
                    <a:pt x="103112" y="40697"/>
                    <a:pt x="104179" y="40090"/>
                  </a:cubicBezTo>
                  <a:cubicBezTo>
                    <a:pt x="106271" y="38876"/>
                    <a:pt x="108364" y="37621"/>
                    <a:pt x="110456" y="36386"/>
                  </a:cubicBezTo>
                  <a:cubicBezTo>
                    <a:pt x="110686" y="36219"/>
                    <a:pt x="110895" y="36052"/>
                    <a:pt x="111125" y="35884"/>
                  </a:cubicBezTo>
                  <a:cubicBezTo>
                    <a:pt x="111314" y="35759"/>
                    <a:pt x="111481" y="35591"/>
                    <a:pt x="111690" y="35466"/>
                  </a:cubicBezTo>
                  <a:cubicBezTo>
                    <a:pt x="112255" y="35131"/>
                    <a:pt x="112757" y="34712"/>
                    <a:pt x="113260" y="34210"/>
                  </a:cubicBezTo>
                  <a:cubicBezTo>
                    <a:pt x="113281" y="33896"/>
                    <a:pt x="113322" y="33583"/>
                    <a:pt x="113364" y="33269"/>
                  </a:cubicBezTo>
                  <a:cubicBezTo>
                    <a:pt x="113385" y="32955"/>
                    <a:pt x="113406" y="32641"/>
                    <a:pt x="113532" y="32327"/>
                  </a:cubicBezTo>
                  <a:cubicBezTo>
                    <a:pt x="113615" y="32118"/>
                    <a:pt x="113532" y="32013"/>
                    <a:pt x="113301" y="32013"/>
                  </a:cubicBezTo>
                  <a:cubicBezTo>
                    <a:pt x="112590" y="32013"/>
                    <a:pt x="111900" y="31992"/>
                    <a:pt x="111188" y="32013"/>
                  </a:cubicBezTo>
                  <a:cubicBezTo>
                    <a:pt x="110142" y="32076"/>
                    <a:pt x="109117" y="31825"/>
                    <a:pt x="108092" y="31574"/>
                  </a:cubicBezTo>
                  <a:cubicBezTo>
                    <a:pt x="108029" y="31553"/>
                    <a:pt x="107945" y="31511"/>
                    <a:pt x="107882" y="31511"/>
                  </a:cubicBezTo>
                  <a:cubicBezTo>
                    <a:pt x="106941" y="31281"/>
                    <a:pt x="106062" y="30883"/>
                    <a:pt x="105246" y="30360"/>
                  </a:cubicBezTo>
                  <a:cubicBezTo>
                    <a:pt x="104576" y="29921"/>
                    <a:pt x="103949" y="29419"/>
                    <a:pt x="103467" y="28770"/>
                  </a:cubicBezTo>
                  <a:cubicBezTo>
                    <a:pt x="102923" y="28017"/>
                    <a:pt x="102379" y="27222"/>
                    <a:pt x="101856" y="26448"/>
                  </a:cubicBezTo>
                  <a:cubicBezTo>
                    <a:pt x="101710" y="26238"/>
                    <a:pt x="101605" y="26029"/>
                    <a:pt x="101501" y="25799"/>
                  </a:cubicBezTo>
                  <a:cubicBezTo>
                    <a:pt x="101375" y="25506"/>
                    <a:pt x="101291" y="25213"/>
                    <a:pt x="101166" y="24962"/>
                  </a:cubicBezTo>
                  <a:cubicBezTo>
                    <a:pt x="101019" y="24585"/>
                    <a:pt x="100873" y="24230"/>
                    <a:pt x="100831" y="23811"/>
                  </a:cubicBezTo>
                  <a:cubicBezTo>
                    <a:pt x="100810" y="23665"/>
                    <a:pt x="100747" y="23539"/>
                    <a:pt x="100726" y="23414"/>
                  </a:cubicBezTo>
                  <a:cubicBezTo>
                    <a:pt x="100517" y="23330"/>
                    <a:pt x="100308" y="23393"/>
                    <a:pt x="100099" y="23393"/>
                  </a:cubicBezTo>
                  <a:cubicBezTo>
                    <a:pt x="99617" y="23414"/>
                    <a:pt x="99241" y="23288"/>
                    <a:pt x="98885" y="22995"/>
                  </a:cubicBezTo>
                  <a:cubicBezTo>
                    <a:pt x="98655" y="22807"/>
                    <a:pt x="98425" y="22681"/>
                    <a:pt x="98195" y="22514"/>
                  </a:cubicBezTo>
                  <a:cubicBezTo>
                    <a:pt x="98006" y="22388"/>
                    <a:pt x="97818" y="22242"/>
                    <a:pt x="97692" y="22054"/>
                  </a:cubicBezTo>
                  <a:cubicBezTo>
                    <a:pt x="97567" y="21886"/>
                    <a:pt x="97462" y="21719"/>
                    <a:pt x="97274" y="21614"/>
                  </a:cubicBezTo>
                  <a:cubicBezTo>
                    <a:pt x="97148" y="21531"/>
                    <a:pt x="97086" y="21405"/>
                    <a:pt x="97086" y="21259"/>
                  </a:cubicBezTo>
                  <a:cubicBezTo>
                    <a:pt x="97086" y="21154"/>
                    <a:pt x="97065" y="21028"/>
                    <a:pt x="97086" y="20924"/>
                  </a:cubicBezTo>
                  <a:cubicBezTo>
                    <a:pt x="97148" y="20212"/>
                    <a:pt x="97295" y="19543"/>
                    <a:pt x="97734" y="18957"/>
                  </a:cubicBezTo>
                  <a:cubicBezTo>
                    <a:pt x="97902" y="18790"/>
                    <a:pt x="98048" y="18643"/>
                    <a:pt x="98320" y="18643"/>
                  </a:cubicBezTo>
                  <a:lnTo>
                    <a:pt x="98948" y="18643"/>
                  </a:lnTo>
                  <a:cubicBezTo>
                    <a:pt x="99283" y="18643"/>
                    <a:pt x="99576" y="18727"/>
                    <a:pt x="99827" y="18936"/>
                  </a:cubicBezTo>
                  <a:cubicBezTo>
                    <a:pt x="99994" y="19062"/>
                    <a:pt x="100141" y="19208"/>
                    <a:pt x="100413" y="19229"/>
                  </a:cubicBezTo>
                  <a:cubicBezTo>
                    <a:pt x="100454" y="18999"/>
                    <a:pt x="100496" y="18748"/>
                    <a:pt x="100517" y="18518"/>
                  </a:cubicBezTo>
                  <a:cubicBezTo>
                    <a:pt x="99576" y="18015"/>
                    <a:pt x="98718" y="16718"/>
                    <a:pt x="98676" y="15693"/>
                  </a:cubicBezTo>
                  <a:cubicBezTo>
                    <a:pt x="98676" y="14940"/>
                    <a:pt x="98571" y="14186"/>
                    <a:pt x="98571" y="13412"/>
                  </a:cubicBezTo>
                  <a:cubicBezTo>
                    <a:pt x="98571" y="12324"/>
                    <a:pt x="98864" y="11278"/>
                    <a:pt x="99471" y="10336"/>
                  </a:cubicBezTo>
                  <a:cubicBezTo>
                    <a:pt x="99764" y="9897"/>
                    <a:pt x="100015" y="9416"/>
                    <a:pt x="100308" y="8976"/>
                  </a:cubicBezTo>
                  <a:cubicBezTo>
                    <a:pt x="100496" y="8704"/>
                    <a:pt x="100664" y="8453"/>
                    <a:pt x="100873" y="8181"/>
                  </a:cubicBezTo>
                  <a:lnTo>
                    <a:pt x="100957" y="8118"/>
                  </a:lnTo>
                  <a:cubicBezTo>
                    <a:pt x="101710" y="7114"/>
                    <a:pt x="102651" y="6340"/>
                    <a:pt x="103656" y="5608"/>
                  </a:cubicBezTo>
                  <a:cubicBezTo>
                    <a:pt x="104158" y="5231"/>
                    <a:pt x="104702" y="4917"/>
                    <a:pt x="105267" y="4624"/>
                  </a:cubicBezTo>
                  <a:cubicBezTo>
                    <a:pt x="106041" y="4289"/>
                    <a:pt x="106815" y="3976"/>
                    <a:pt x="107610" y="3725"/>
                  </a:cubicBezTo>
                  <a:cubicBezTo>
                    <a:pt x="108029" y="3557"/>
                    <a:pt x="108447" y="3515"/>
                    <a:pt x="108887" y="3432"/>
                  </a:cubicBezTo>
                  <a:cubicBezTo>
                    <a:pt x="109744" y="3243"/>
                    <a:pt x="110581" y="3055"/>
                    <a:pt x="111481" y="3013"/>
                  </a:cubicBezTo>
                  <a:cubicBezTo>
                    <a:pt x="112067" y="2992"/>
                    <a:pt x="112674" y="2992"/>
                    <a:pt x="113301" y="2992"/>
                  </a:cubicBezTo>
                  <a:cubicBezTo>
                    <a:pt x="113720" y="2992"/>
                    <a:pt x="114118" y="3013"/>
                    <a:pt x="114536" y="3013"/>
                  </a:cubicBezTo>
                  <a:cubicBezTo>
                    <a:pt x="114620" y="2825"/>
                    <a:pt x="114515" y="2783"/>
                    <a:pt x="114410" y="2699"/>
                  </a:cubicBezTo>
                  <a:cubicBezTo>
                    <a:pt x="114243" y="2574"/>
                    <a:pt x="114055" y="2427"/>
                    <a:pt x="113908" y="2302"/>
                  </a:cubicBezTo>
                  <a:cubicBezTo>
                    <a:pt x="113825" y="2218"/>
                    <a:pt x="113720" y="2113"/>
                    <a:pt x="113720" y="2009"/>
                  </a:cubicBezTo>
                  <a:cubicBezTo>
                    <a:pt x="113636" y="1423"/>
                    <a:pt x="113574" y="816"/>
                    <a:pt x="114034" y="293"/>
                  </a:cubicBezTo>
                  <a:cubicBezTo>
                    <a:pt x="114138" y="188"/>
                    <a:pt x="114243" y="63"/>
                    <a:pt x="114410" y="63"/>
                  </a:cubicBezTo>
                  <a:cubicBezTo>
                    <a:pt x="114787" y="63"/>
                    <a:pt x="115185" y="0"/>
                    <a:pt x="115582" y="168"/>
                  </a:cubicBezTo>
                  <a:cubicBezTo>
                    <a:pt x="115938" y="314"/>
                    <a:pt x="116335" y="377"/>
                    <a:pt x="116670" y="628"/>
                  </a:cubicBezTo>
                  <a:cubicBezTo>
                    <a:pt x="116859" y="753"/>
                    <a:pt x="117047" y="921"/>
                    <a:pt x="117193" y="1046"/>
                  </a:cubicBezTo>
                  <a:cubicBezTo>
                    <a:pt x="117298" y="1151"/>
                    <a:pt x="117403" y="1276"/>
                    <a:pt x="117549" y="1360"/>
                  </a:cubicBezTo>
                  <a:cubicBezTo>
                    <a:pt x="117988" y="1590"/>
                    <a:pt x="118239" y="1988"/>
                    <a:pt x="118491" y="2406"/>
                  </a:cubicBezTo>
                  <a:cubicBezTo>
                    <a:pt x="118511" y="2469"/>
                    <a:pt x="118553" y="2490"/>
                    <a:pt x="118595" y="2532"/>
                  </a:cubicBezTo>
                  <a:cubicBezTo>
                    <a:pt x="118616" y="2511"/>
                    <a:pt x="118658" y="2511"/>
                    <a:pt x="118700" y="2490"/>
                  </a:cubicBezTo>
                  <a:cubicBezTo>
                    <a:pt x="118951" y="2051"/>
                    <a:pt x="119348" y="1758"/>
                    <a:pt x="119704" y="1444"/>
                  </a:cubicBezTo>
                  <a:cubicBezTo>
                    <a:pt x="119955" y="1235"/>
                    <a:pt x="120206" y="1109"/>
                    <a:pt x="120499" y="1004"/>
                  </a:cubicBezTo>
                  <a:cubicBezTo>
                    <a:pt x="120939" y="837"/>
                    <a:pt x="121420" y="732"/>
                    <a:pt x="121880" y="649"/>
                  </a:cubicBezTo>
                  <a:cubicBezTo>
                    <a:pt x="122466" y="544"/>
                    <a:pt x="122885" y="837"/>
                    <a:pt x="123261" y="1151"/>
                  </a:cubicBezTo>
                  <a:cubicBezTo>
                    <a:pt x="123366" y="1235"/>
                    <a:pt x="123429" y="1381"/>
                    <a:pt x="123449" y="1486"/>
                  </a:cubicBezTo>
                  <a:cubicBezTo>
                    <a:pt x="123470" y="1758"/>
                    <a:pt x="123470" y="2009"/>
                    <a:pt x="123449" y="2281"/>
                  </a:cubicBezTo>
                  <a:cubicBezTo>
                    <a:pt x="123408" y="2616"/>
                    <a:pt x="123240" y="2929"/>
                    <a:pt x="122947" y="3139"/>
                  </a:cubicBezTo>
                  <a:cubicBezTo>
                    <a:pt x="122675" y="3369"/>
                    <a:pt x="122382" y="3620"/>
                    <a:pt x="122089" y="3871"/>
                  </a:cubicBezTo>
                  <a:cubicBezTo>
                    <a:pt x="122110" y="4038"/>
                    <a:pt x="122215" y="3997"/>
                    <a:pt x="122299" y="3997"/>
                  </a:cubicBezTo>
                  <a:cubicBezTo>
                    <a:pt x="122717" y="3976"/>
                    <a:pt x="123094" y="4101"/>
                    <a:pt x="123449" y="4289"/>
                  </a:cubicBezTo>
                  <a:cubicBezTo>
                    <a:pt x="124245" y="4687"/>
                    <a:pt x="124977" y="5189"/>
                    <a:pt x="125626" y="5733"/>
                  </a:cubicBezTo>
                  <a:cubicBezTo>
                    <a:pt x="125960" y="6026"/>
                    <a:pt x="126232" y="6403"/>
                    <a:pt x="126504" y="6758"/>
                  </a:cubicBezTo>
                  <a:cubicBezTo>
                    <a:pt x="126546" y="6779"/>
                    <a:pt x="126567" y="6821"/>
                    <a:pt x="126567" y="6863"/>
                  </a:cubicBezTo>
                  <a:cubicBezTo>
                    <a:pt x="126588" y="7240"/>
                    <a:pt x="126860" y="7512"/>
                    <a:pt x="127069" y="7805"/>
                  </a:cubicBezTo>
                  <a:cubicBezTo>
                    <a:pt x="127843" y="8851"/>
                    <a:pt x="128241" y="10043"/>
                    <a:pt x="128262" y="11362"/>
                  </a:cubicBezTo>
                  <a:cubicBezTo>
                    <a:pt x="128262" y="11466"/>
                    <a:pt x="128262" y="11529"/>
                    <a:pt x="128283" y="11634"/>
                  </a:cubicBezTo>
                  <a:cubicBezTo>
                    <a:pt x="128450" y="11801"/>
                    <a:pt x="128639" y="11696"/>
                    <a:pt x="128785" y="11696"/>
                  </a:cubicBezTo>
                  <a:cubicBezTo>
                    <a:pt x="129371" y="11634"/>
                    <a:pt x="129852" y="11822"/>
                    <a:pt x="130375" y="12031"/>
                  </a:cubicBezTo>
                  <a:cubicBezTo>
                    <a:pt x="130543" y="12094"/>
                    <a:pt x="130626" y="12199"/>
                    <a:pt x="130689" y="12345"/>
                  </a:cubicBezTo>
                  <a:cubicBezTo>
                    <a:pt x="130961" y="12952"/>
                    <a:pt x="131191" y="13600"/>
                    <a:pt x="131212" y="14249"/>
                  </a:cubicBezTo>
                  <a:cubicBezTo>
                    <a:pt x="131275" y="15065"/>
                    <a:pt x="131066" y="15818"/>
                    <a:pt x="130459" y="16425"/>
                  </a:cubicBezTo>
                  <a:cubicBezTo>
                    <a:pt x="130229" y="16655"/>
                    <a:pt x="129957" y="16906"/>
                    <a:pt x="129706" y="17116"/>
                  </a:cubicBezTo>
                  <a:cubicBezTo>
                    <a:pt x="129183" y="17492"/>
                    <a:pt x="128597" y="17702"/>
                    <a:pt x="127948" y="17534"/>
                  </a:cubicBezTo>
                  <a:lnTo>
                    <a:pt x="127760" y="17534"/>
                  </a:lnTo>
                  <a:cubicBezTo>
                    <a:pt x="127760" y="17660"/>
                    <a:pt x="127739" y="17764"/>
                    <a:pt x="127739" y="17869"/>
                  </a:cubicBezTo>
                  <a:cubicBezTo>
                    <a:pt x="127739" y="18183"/>
                    <a:pt x="127718" y="18476"/>
                    <a:pt x="127739" y="18790"/>
                  </a:cubicBezTo>
                  <a:cubicBezTo>
                    <a:pt x="127822" y="20150"/>
                    <a:pt x="127613" y="21468"/>
                    <a:pt x="127425" y="22807"/>
                  </a:cubicBezTo>
                  <a:cubicBezTo>
                    <a:pt x="127404" y="23016"/>
                    <a:pt x="127320" y="23246"/>
                    <a:pt x="127237" y="23456"/>
                  </a:cubicBezTo>
                  <a:cubicBezTo>
                    <a:pt x="126923" y="24167"/>
                    <a:pt x="126609" y="24878"/>
                    <a:pt x="126295" y="25611"/>
                  </a:cubicBezTo>
                  <a:cubicBezTo>
                    <a:pt x="126190" y="25862"/>
                    <a:pt x="126023" y="26113"/>
                    <a:pt x="125835" y="26322"/>
                  </a:cubicBezTo>
                  <a:cubicBezTo>
                    <a:pt x="125312" y="26845"/>
                    <a:pt x="124830" y="27389"/>
                    <a:pt x="124307" y="27933"/>
                  </a:cubicBezTo>
                  <a:cubicBezTo>
                    <a:pt x="124140" y="28142"/>
                    <a:pt x="123931" y="28352"/>
                    <a:pt x="123742" y="28561"/>
                  </a:cubicBezTo>
                  <a:cubicBezTo>
                    <a:pt x="123742" y="28749"/>
                    <a:pt x="123889" y="28833"/>
                    <a:pt x="123973" y="28937"/>
                  </a:cubicBezTo>
                  <a:cubicBezTo>
                    <a:pt x="124077" y="29063"/>
                    <a:pt x="124182" y="29168"/>
                    <a:pt x="124286" y="29251"/>
                  </a:cubicBezTo>
                  <a:cubicBezTo>
                    <a:pt x="124600" y="29482"/>
                    <a:pt x="124830" y="29774"/>
                    <a:pt x="125081" y="30046"/>
                  </a:cubicBezTo>
                  <a:cubicBezTo>
                    <a:pt x="125333" y="30402"/>
                    <a:pt x="125626" y="30737"/>
                    <a:pt x="125918" y="31072"/>
                  </a:cubicBezTo>
                  <a:cubicBezTo>
                    <a:pt x="126128" y="31344"/>
                    <a:pt x="126337" y="31595"/>
                    <a:pt x="126483" y="31930"/>
                  </a:cubicBezTo>
                  <a:cubicBezTo>
                    <a:pt x="126567" y="32118"/>
                    <a:pt x="126693" y="32243"/>
                    <a:pt x="126797" y="32411"/>
                  </a:cubicBezTo>
                  <a:lnTo>
                    <a:pt x="127592" y="33583"/>
                  </a:lnTo>
                  <a:cubicBezTo>
                    <a:pt x="127634" y="33645"/>
                    <a:pt x="127655" y="33708"/>
                    <a:pt x="127697" y="33771"/>
                  </a:cubicBezTo>
                  <a:cubicBezTo>
                    <a:pt x="127864" y="34315"/>
                    <a:pt x="128053" y="34859"/>
                    <a:pt x="128262" y="35445"/>
                  </a:cubicBezTo>
                  <a:cubicBezTo>
                    <a:pt x="128262" y="35466"/>
                    <a:pt x="128262" y="35528"/>
                    <a:pt x="128283" y="35549"/>
                  </a:cubicBezTo>
                  <a:cubicBezTo>
                    <a:pt x="128492" y="35884"/>
                    <a:pt x="128534" y="36303"/>
                    <a:pt x="128576" y="36721"/>
                  </a:cubicBezTo>
                  <a:cubicBezTo>
                    <a:pt x="128806" y="36637"/>
                    <a:pt x="128973" y="36512"/>
                    <a:pt x="129120" y="36386"/>
                  </a:cubicBezTo>
                  <a:cubicBezTo>
                    <a:pt x="129517" y="35968"/>
                    <a:pt x="129957" y="35633"/>
                    <a:pt x="130459" y="35340"/>
                  </a:cubicBezTo>
                  <a:cubicBezTo>
                    <a:pt x="130626" y="35236"/>
                    <a:pt x="130773" y="35131"/>
                    <a:pt x="130940" y="35005"/>
                  </a:cubicBezTo>
                  <a:cubicBezTo>
                    <a:pt x="131317" y="34650"/>
                    <a:pt x="131798" y="34419"/>
                    <a:pt x="132258" y="34273"/>
                  </a:cubicBezTo>
                  <a:cubicBezTo>
                    <a:pt x="132740" y="34106"/>
                    <a:pt x="133200" y="34106"/>
                    <a:pt x="133723" y="34189"/>
                  </a:cubicBezTo>
                  <a:cubicBezTo>
                    <a:pt x="134455" y="34315"/>
                    <a:pt x="135062" y="34691"/>
                    <a:pt x="135753" y="34963"/>
                  </a:cubicBezTo>
                  <a:cubicBezTo>
                    <a:pt x="135878" y="35026"/>
                    <a:pt x="135962" y="35131"/>
                    <a:pt x="136066" y="35215"/>
                  </a:cubicBezTo>
                  <a:cubicBezTo>
                    <a:pt x="136297" y="35424"/>
                    <a:pt x="136548" y="35633"/>
                    <a:pt x="136903" y="35675"/>
                  </a:cubicBezTo>
                  <a:cubicBezTo>
                    <a:pt x="137029" y="35696"/>
                    <a:pt x="137133" y="35800"/>
                    <a:pt x="137154" y="35947"/>
                  </a:cubicBezTo>
                  <a:cubicBezTo>
                    <a:pt x="137343" y="36491"/>
                    <a:pt x="137698" y="36888"/>
                    <a:pt x="138075" y="37307"/>
                  </a:cubicBezTo>
                  <a:cubicBezTo>
                    <a:pt x="138305" y="37579"/>
                    <a:pt x="138514" y="37935"/>
                    <a:pt x="138724" y="38249"/>
                  </a:cubicBezTo>
                  <a:cubicBezTo>
                    <a:pt x="139058" y="38793"/>
                    <a:pt x="139435" y="39316"/>
                    <a:pt x="139644" y="39943"/>
                  </a:cubicBezTo>
                  <a:cubicBezTo>
                    <a:pt x="139665" y="39985"/>
                    <a:pt x="139665" y="40048"/>
                    <a:pt x="139728" y="40090"/>
                  </a:cubicBezTo>
                  <a:cubicBezTo>
                    <a:pt x="140146" y="40676"/>
                    <a:pt x="140272" y="41345"/>
                    <a:pt x="140502" y="41973"/>
                  </a:cubicBezTo>
                  <a:cubicBezTo>
                    <a:pt x="140523" y="42057"/>
                    <a:pt x="140586" y="42161"/>
                    <a:pt x="140565" y="42266"/>
                  </a:cubicBezTo>
                  <a:cubicBezTo>
                    <a:pt x="140523" y="42559"/>
                    <a:pt x="140628" y="42810"/>
                    <a:pt x="140732" y="43103"/>
                  </a:cubicBezTo>
                  <a:cubicBezTo>
                    <a:pt x="140879" y="43479"/>
                    <a:pt x="140983" y="43835"/>
                    <a:pt x="140921" y="44212"/>
                  </a:cubicBezTo>
                  <a:cubicBezTo>
                    <a:pt x="140921" y="44275"/>
                    <a:pt x="140921" y="44358"/>
                    <a:pt x="140942" y="44442"/>
                  </a:cubicBezTo>
                  <a:cubicBezTo>
                    <a:pt x="141109" y="45049"/>
                    <a:pt x="141109" y="45635"/>
                    <a:pt x="141109" y="46241"/>
                  </a:cubicBezTo>
                  <a:cubicBezTo>
                    <a:pt x="141109" y="47476"/>
                    <a:pt x="141088" y="48710"/>
                    <a:pt x="141109" y="49966"/>
                  </a:cubicBezTo>
                  <a:cubicBezTo>
                    <a:pt x="141109" y="50447"/>
                    <a:pt x="140983" y="50907"/>
                    <a:pt x="140795" y="51326"/>
                  </a:cubicBezTo>
                  <a:cubicBezTo>
                    <a:pt x="140607" y="51744"/>
                    <a:pt x="140419" y="52163"/>
                    <a:pt x="140000" y="52393"/>
                  </a:cubicBezTo>
                  <a:cubicBezTo>
                    <a:pt x="139854" y="52477"/>
                    <a:pt x="139791" y="52707"/>
                    <a:pt x="139644" y="52811"/>
                  </a:cubicBezTo>
                  <a:cubicBezTo>
                    <a:pt x="139372" y="53021"/>
                    <a:pt x="139058" y="53167"/>
                    <a:pt x="138786" y="53355"/>
                  </a:cubicBezTo>
                  <a:cubicBezTo>
                    <a:pt x="138745" y="53355"/>
                    <a:pt x="138745" y="53376"/>
                    <a:pt x="138724" y="53376"/>
                  </a:cubicBezTo>
                  <a:cubicBezTo>
                    <a:pt x="138535" y="53523"/>
                    <a:pt x="138389" y="53669"/>
                    <a:pt x="138180" y="53753"/>
                  </a:cubicBezTo>
                  <a:cubicBezTo>
                    <a:pt x="137970" y="53795"/>
                    <a:pt x="137782" y="53837"/>
                    <a:pt x="137594" y="53962"/>
                  </a:cubicBezTo>
                  <a:cubicBezTo>
                    <a:pt x="137573" y="53983"/>
                    <a:pt x="137531" y="54004"/>
                    <a:pt x="137489" y="53983"/>
                  </a:cubicBezTo>
                  <a:cubicBezTo>
                    <a:pt x="137071" y="53962"/>
                    <a:pt x="136715" y="54150"/>
                    <a:pt x="136338" y="54297"/>
                  </a:cubicBezTo>
                  <a:cubicBezTo>
                    <a:pt x="135878" y="54485"/>
                    <a:pt x="135376" y="54569"/>
                    <a:pt x="134874" y="54715"/>
                  </a:cubicBezTo>
                  <a:cubicBezTo>
                    <a:pt x="134434" y="54841"/>
                    <a:pt x="133995" y="55050"/>
                    <a:pt x="133556" y="55155"/>
                  </a:cubicBezTo>
                  <a:cubicBezTo>
                    <a:pt x="133388" y="55218"/>
                    <a:pt x="133242" y="55301"/>
                    <a:pt x="133074" y="55364"/>
                  </a:cubicBezTo>
                  <a:cubicBezTo>
                    <a:pt x="132760" y="55531"/>
                    <a:pt x="132426" y="55678"/>
                    <a:pt x="132049" y="55741"/>
                  </a:cubicBezTo>
                  <a:cubicBezTo>
                    <a:pt x="131944" y="55741"/>
                    <a:pt x="131840" y="55824"/>
                    <a:pt x="131735" y="55845"/>
                  </a:cubicBezTo>
                  <a:cubicBezTo>
                    <a:pt x="131212" y="55971"/>
                    <a:pt x="130668" y="56096"/>
                    <a:pt x="130208" y="56389"/>
                  </a:cubicBezTo>
                  <a:cubicBezTo>
                    <a:pt x="129810" y="56389"/>
                    <a:pt x="129517" y="56599"/>
                    <a:pt x="129183" y="56724"/>
                  </a:cubicBezTo>
                  <a:cubicBezTo>
                    <a:pt x="129099" y="56766"/>
                    <a:pt x="128994" y="56829"/>
                    <a:pt x="128911" y="56829"/>
                  </a:cubicBezTo>
                  <a:cubicBezTo>
                    <a:pt x="128450" y="56871"/>
                    <a:pt x="128011" y="57122"/>
                    <a:pt x="127530" y="57184"/>
                  </a:cubicBezTo>
                  <a:cubicBezTo>
                    <a:pt x="127425" y="57184"/>
                    <a:pt x="127341" y="57226"/>
                    <a:pt x="127278" y="57247"/>
                  </a:cubicBezTo>
                  <a:cubicBezTo>
                    <a:pt x="127027" y="57394"/>
                    <a:pt x="126776" y="57415"/>
                    <a:pt x="126504" y="57435"/>
                  </a:cubicBezTo>
                  <a:cubicBezTo>
                    <a:pt x="125835" y="57498"/>
                    <a:pt x="125144" y="57561"/>
                    <a:pt x="124475" y="57624"/>
                  </a:cubicBezTo>
                  <a:cubicBezTo>
                    <a:pt x="124098" y="57645"/>
                    <a:pt x="123721" y="57707"/>
                    <a:pt x="123345" y="57603"/>
                  </a:cubicBezTo>
                  <a:cubicBezTo>
                    <a:pt x="123052" y="57498"/>
                    <a:pt x="122738" y="57624"/>
                    <a:pt x="122424" y="57645"/>
                  </a:cubicBezTo>
                  <a:cubicBezTo>
                    <a:pt x="122424" y="57812"/>
                    <a:pt x="122424" y="57917"/>
                    <a:pt x="122466" y="58021"/>
                  </a:cubicBezTo>
                  <a:cubicBezTo>
                    <a:pt x="122487" y="58168"/>
                    <a:pt x="122508" y="58356"/>
                    <a:pt x="122592" y="58503"/>
                  </a:cubicBezTo>
                  <a:cubicBezTo>
                    <a:pt x="122801" y="58984"/>
                    <a:pt x="122738" y="59486"/>
                    <a:pt x="122885" y="59946"/>
                  </a:cubicBezTo>
                  <a:cubicBezTo>
                    <a:pt x="122947" y="60239"/>
                    <a:pt x="122926" y="60553"/>
                    <a:pt x="123010" y="60846"/>
                  </a:cubicBezTo>
                  <a:cubicBezTo>
                    <a:pt x="123094" y="61264"/>
                    <a:pt x="123115" y="61704"/>
                    <a:pt x="123345" y="62101"/>
                  </a:cubicBezTo>
                  <a:cubicBezTo>
                    <a:pt x="123429" y="62792"/>
                    <a:pt x="123575" y="63482"/>
                    <a:pt x="123157" y="64131"/>
                  </a:cubicBezTo>
                  <a:cubicBezTo>
                    <a:pt x="123115" y="64215"/>
                    <a:pt x="123052" y="64298"/>
                    <a:pt x="123031" y="64403"/>
                  </a:cubicBezTo>
                  <a:cubicBezTo>
                    <a:pt x="122592" y="65261"/>
                    <a:pt x="121838" y="65700"/>
                    <a:pt x="120939" y="65930"/>
                  </a:cubicBezTo>
                  <a:cubicBezTo>
                    <a:pt x="120792" y="65972"/>
                    <a:pt x="120646" y="65972"/>
                    <a:pt x="120499" y="65993"/>
                  </a:cubicBezTo>
                  <a:cubicBezTo>
                    <a:pt x="120185" y="65993"/>
                    <a:pt x="119851" y="65972"/>
                    <a:pt x="119537" y="65993"/>
                  </a:cubicBezTo>
                  <a:cubicBezTo>
                    <a:pt x="119055" y="66035"/>
                    <a:pt x="118637" y="65889"/>
                    <a:pt x="118198" y="65784"/>
                  </a:cubicBezTo>
                  <a:cubicBezTo>
                    <a:pt x="117884" y="65700"/>
                    <a:pt x="117716" y="65470"/>
                    <a:pt x="117695" y="65156"/>
                  </a:cubicBezTo>
                  <a:cubicBezTo>
                    <a:pt x="117695" y="64968"/>
                    <a:pt x="117675" y="64759"/>
                    <a:pt x="117758" y="64612"/>
                  </a:cubicBezTo>
                  <a:cubicBezTo>
                    <a:pt x="117967" y="64110"/>
                    <a:pt x="118198" y="63671"/>
                    <a:pt x="118721" y="63378"/>
                  </a:cubicBezTo>
                  <a:cubicBezTo>
                    <a:pt x="118972" y="63252"/>
                    <a:pt x="119181" y="63064"/>
                    <a:pt x="119390" y="62876"/>
                  </a:cubicBezTo>
                  <a:cubicBezTo>
                    <a:pt x="119704" y="62625"/>
                    <a:pt x="120018" y="62373"/>
                    <a:pt x="120395" y="62248"/>
                  </a:cubicBezTo>
                  <a:cubicBezTo>
                    <a:pt x="120520" y="62206"/>
                    <a:pt x="120688" y="62122"/>
                    <a:pt x="120792" y="62018"/>
                  </a:cubicBezTo>
                  <a:cubicBezTo>
                    <a:pt x="121001" y="61829"/>
                    <a:pt x="121211" y="61788"/>
                    <a:pt x="121462" y="61808"/>
                  </a:cubicBezTo>
                  <a:cubicBezTo>
                    <a:pt x="121734" y="61829"/>
                    <a:pt x="121985" y="61850"/>
                    <a:pt x="122278" y="61892"/>
                  </a:cubicBezTo>
                  <a:cubicBezTo>
                    <a:pt x="122299" y="61641"/>
                    <a:pt x="122299" y="61432"/>
                    <a:pt x="122257" y="61223"/>
                  </a:cubicBezTo>
                  <a:cubicBezTo>
                    <a:pt x="122173" y="60888"/>
                    <a:pt x="122152" y="60553"/>
                    <a:pt x="122089" y="60218"/>
                  </a:cubicBezTo>
                  <a:cubicBezTo>
                    <a:pt x="122006" y="59591"/>
                    <a:pt x="121880" y="58984"/>
                    <a:pt x="121734" y="58377"/>
                  </a:cubicBezTo>
                  <a:cubicBezTo>
                    <a:pt x="121650" y="58084"/>
                    <a:pt x="121650" y="57770"/>
                    <a:pt x="121587" y="57456"/>
                  </a:cubicBezTo>
                  <a:cubicBezTo>
                    <a:pt x="121357" y="57331"/>
                    <a:pt x="121127" y="57205"/>
                    <a:pt x="120834" y="57205"/>
                  </a:cubicBezTo>
                  <a:cubicBezTo>
                    <a:pt x="120541" y="57205"/>
                    <a:pt x="120290" y="57080"/>
                    <a:pt x="120018" y="56975"/>
                  </a:cubicBezTo>
                  <a:cubicBezTo>
                    <a:pt x="119767" y="56871"/>
                    <a:pt x="119474" y="56724"/>
                    <a:pt x="119181" y="56599"/>
                  </a:cubicBezTo>
                  <a:cubicBezTo>
                    <a:pt x="119139" y="56808"/>
                    <a:pt x="119055" y="56996"/>
                    <a:pt x="119014" y="57205"/>
                  </a:cubicBezTo>
                  <a:lnTo>
                    <a:pt x="118846" y="57749"/>
                  </a:lnTo>
                  <a:cubicBezTo>
                    <a:pt x="118700" y="58251"/>
                    <a:pt x="118511" y="58712"/>
                    <a:pt x="118177" y="59109"/>
                  </a:cubicBezTo>
                  <a:cubicBezTo>
                    <a:pt x="117988" y="59319"/>
                    <a:pt x="117779" y="59444"/>
                    <a:pt x="117486" y="59444"/>
                  </a:cubicBezTo>
                  <a:lnTo>
                    <a:pt x="117382" y="59444"/>
                  </a:lnTo>
                  <a:lnTo>
                    <a:pt x="115101" y="59381"/>
                  </a:lnTo>
                  <a:cubicBezTo>
                    <a:pt x="115038" y="59381"/>
                    <a:pt x="114954" y="59340"/>
                    <a:pt x="114871" y="59340"/>
                  </a:cubicBezTo>
                  <a:cubicBezTo>
                    <a:pt x="114201" y="59381"/>
                    <a:pt x="113574" y="59193"/>
                    <a:pt x="112946" y="58984"/>
                  </a:cubicBezTo>
                  <a:cubicBezTo>
                    <a:pt x="112883" y="58963"/>
                    <a:pt x="112841" y="58984"/>
                    <a:pt x="112737" y="58963"/>
                  </a:cubicBezTo>
                  <a:cubicBezTo>
                    <a:pt x="112527" y="59298"/>
                    <a:pt x="112255" y="59632"/>
                    <a:pt x="112360" y="60072"/>
                  </a:cubicBezTo>
                  <a:cubicBezTo>
                    <a:pt x="112381" y="60156"/>
                    <a:pt x="112360" y="60239"/>
                    <a:pt x="112339" y="60323"/>
                  </a:cubicBezTo>
                  <a:cubicBezTo>
                    <a:pt x="112234" y="60679"/>
                    <a:pt x="112276" y="61076"/>
                    <a:pt x="112318" y="61432"/>
                  </a:cubicBezTo>
                  <a:cubicBezTo>
                    <a:pt x="112339" y="61955"/>
                    <a:pt x="112485" y="62436"/>
                    <a:pt x="112653" y="62938"/>
                  </a:cubicBezTo>
                  <a:cubicBezTo>
                    <a:pt x="112862" y="63503"/>
                    <a:pt x="113071" y="64110"/>
                    <a:pt x="113281" y="64738"/>
                  </a:cubicBezTo>
                  <a:cubicBezTo>
                    <a:pt x="113469" y="64821"/>
                    <a:pt x="113699" y="64842"/>
                    <a:pt x="113804" y="65094"/>
                  </a:cubicBezTo>
                  <a:cubicBezTo>
                    <a:pt x="113887" y="65386"/>
                    <a:pt x="113929" y="65658"/>
                    <a:pt x="113804" y="65930"/>
                  </a:cubicBezTo>
                  <a:cubicBezTo>
                    <a:pt x="113427" y="66767"/>
                    <a:pt x="112988" y="67500"/>
                    <a:pt x="112255" y="68065"/>
                  </a:cubicBezTo>
                  <a:cubicBezTo>
                    <a:pt x="111795" y="68420"/>
                    <a:pt x="111272" y="68692"/>
                    <a:pt x="110770" y="68964"/>
                  </a:cubicBezTo>
                  <a:cubicBezTo>
                    <a:pt x="110330" y="69236"/>
                    <a:pt x="109828" y="69236"/>
                    <a:pt x="109326" y="69174"/>
                  </a:cubicBezTo>
                  <a:cubicBezTo>
                    <a:pt x="109117" y="69153"/>
                    <a:pt x="108908" y="69111"/>
                    <a:pt x="108719" y="69006"/>
                  </a:cubicBezTo>
                  <a:cubicBezTo>
                    <a:pt x="108259" y="68755"/>
                    <a:pt x="108071" y="68337"/>
                    <a:pt x="108154" y="67814"/>
                  </a:cubicBezTo>
                  <a:cubicBezTo>
                    <a:pt x="108175" y="67604"/>
                    <a:pt x="108238" y="67437"/>
                    <a:pt x="108301" y="67228"/>
                  </a:cubicBezTo>
                  <a:cubicBezTo>
                    <a:pt x="108343" y="67165"/>
                    <a:pt x="108364" y="67081"/>
                    <a:pt x="108384" y="67060"/>
                  </a:cubicBezTo>
                  <a:cubicBezTo>
                    <a:pt x="108656" y="66872"/>
                    <a:pt x="108761" y="66600"/>
                    <a:pt x="108928" y="66349"/>
                  </a:cubicBezTo>
                  <a:cubicBezTo>
                    <a:pt x="109326" y="65805"/>
                    <a:pt x="109849" y="65449"/>
                    <a:pt x="110393" y="65094"/>
                  </a:cubicBezTo>
                  <a:cubicBezTo>
                    <a:pt x="110749" y="64863"/>
                    <a:pt x="111125" y="64821"/>
                    <a:pt x="111544" y="64780"/>
                  </a:cubicBezTo>
                  <a:cubicBezTo>
                    <a:pt x="111816" y="64780"/>
                    <a:pt x="112067" y="64759"/>
                    <a:pt x="112381" y="64759"/>
                  </a:cubicBezTo>
                  <a:cubicBezTo>
                    <a:pt x="112360" y="64633"/>
                    <a:pt x="112360" y="64508"/>
                    <a:pt x="112339" y="64424"/>
                  </a:cubicBezTo>
                  <a:cubicBezTo>
                    <a:pt x="112151" y="63838"/>
                    <a:pt x="111921" y="63273"/>
                    <a:pt x="111753" y="62687"/>
                  </a:cubicBezTo>
                  <a:cubicBezTo>
                    <a:pt x="111523" y="61913"/>
                    <a:pt x="111439" y="61097"/>
                    <a:pt x="111544" y="60281"/>
                  </a:cubicBezTo>
                  <a:cubicBezTo>
                    <a:pt x="111544" y="60176"/>
                    <a:pt x="111607" y="60114"/>
                    <a:pt x="111586" y="60009"/>
                  </a:cubicBezTo>
                  <a:cubicBezTo>
                    <a:pt x="111523" y="59612"/>
                    <a:pt x="111628" y="59235"/>
                    <a:pt x="111900" y="58921"/>
                  </a:cubicBezTo>
                  <a:cubicBezTo>
                    <a:pt x="111941" y="58879"/>
                    <a:pt x="111941" y="58795"/>
                    <a:pt x="112004" y="58691"/>
                  </a:cubicBezTo>
                  <a:cubicBezTo>
                    <a:pt x="111753" y="58607"/>
                    <a:pt x="111544" y="58565"/>
                    <a:pt x="111335" y="58482"/>
                  </a:cubicBezTo>
                  <a:cubicBezTo>
                    <a:pt x="111125" y="58398"/>
                    <a:pt x="110958" y="58335"/>
                    <a:pt x="110770" y="58272"/>
                  </a:cubicBezTo>
                  <a:cubicBezTo>
                    <a:pt x="110644" y="58251"/>
                    <a:pt x="110498" y="58251"/>
                    <a:pt x="110372" y="58272"/>
                  </a:cubicBezTo>
                  <a:cubicBezTo>
                    <a:pt x="109849" y="58335"/>
                    <a:pt x="109326" y="58377"/>
                    <a:pt x="108782" y="58440"/>
                  </a:cubicBezTo>
                  <a:cubicBezTo>
                    <a:pt x="108447" y="58482"/>
                    <a:pt x="108092" y="58503"/>
                    <a:pt x="107778" y="58649"/>
                  </a:cubicBezTo>
                  <a:cubicBezTo>
                    <a:pt x="107568" y="58712"/>
                    <a:pt x="107296" y="58712"/>
                    <a:pt x="107045" y="58754"/>
                  </a:cubicBezTo>
                  <a:cubicBezTo>
                    <a:pt x="106711" y="58775"/>
                    <a:pt x="106376" y="58816"/>
                    <a:pt x="106062" y="58963"/>
                  </a:cubicBezTo>
                  <a:cubicBezTo>
                    <a:pt x="105790" y="59068"/>
                    <a:pt x="105518" y="59068"/>
                    <a:pt x="105225" y="59088"/>
                  </a:cubicBezTo>
                  <a:cubicBezTo>
                    <a:pt x="104807" y="59130"/>
                    <a:pt x="104388" y="59088"/>
                    <a:pt x="104011" y="59319"/>
                  </a:cubicBezTo>
                  <a:cubicBezTo>
                    <a:pt x="103990" y="59340"/>
                    <a:pt x="103949" y="59340"/>
                    <a:pt x="103907" y="59340"/>
                  </a:cubicBezTo>
                  <a:cubicBezTo>
                    <a:pt x="103070" y="59402"/>
                    <a:pt x="102275" y="59632"/>
                    <a:pt x="101459" y="59758"/>
                  </a:cubicBezTo>
                  <a:cubicBezTo>
                    <a:pt x="100203" y="59946"/>
                    <a:pt x="98948" y="60135"/>
                    <a:pt x="97692" y="60365"/>
                  </a:cubicBezTo>
                  <a:cubicBezTo>
                    <a:pt x="96730" y="60553"/>
                    <a:pt x="95788" y="60846"/>
                    <a:pt x="94805" y="61076"/>
                  </a:cubicBezTo>
                  <a:cubicBezTo>
                    <a:pt x="93236" y="61474"/>
                    <a:pt x="91708" y="61850"/>
                    <a:pt x="90097" y="62122"/>
                  </a:cubicBezTo>
                  <a:cubicBezTo>
                    <a:pt x="89093" y="62269"/>
                    <a:pt x="88047" y="62457"/>
                    <a:pt x="86959" y="62645"/>
                  </a:cubicBezTo>
                  <a:cubicBezTo>
                    <a:pt x="87021" y="62792"/>
                    <a:pt x="87063" y="62959"/>
                    <a:pt x="87126" y="63085"/>
                  </a:cubicBezTo>
                  <a:cubicBezTo>
                    <a:pt x="88005" y="65135"/>
                    <a:pt x="88716" y="67228"/>
                    <a:pt x="89156" y="69425"/>
                  </a:cubicBezTo>
                  <a:cubicBezTo>
                    <a:pt x="89407" y="70513"/>
                    <a:pt x="89553" y="71622"/>
                    <a:pt x="89658" y="72731"/>
                  </a:cubicBezTo>
                  <a:cubicBezTo>
                    <a:pt x="89679" y="72982"/>
                    <a:pt x="89679" y="73233"/>
                    <a:pt x="89679" y="73463"/>
                  </a:cubicBezTo>
                  <a:cubicBezTo>
                    <a:pt x="89679" y="73735"/>
                    <a:pt x="89742" y="73986"/>
                    <a:pt x="89762" y="74258"/>
                  </a:cubicBezTo>
                  <a:cubicBezTo>
                    <a:pt x="89783" y="75032"/>
                    <a:pt x="90034" y="75806"/>
                    <a:pt x="90034" y="76560"/>
                  </a:cubicBezTo>
                  <a:cubicBezTo>
                    <a:pt x="90034" y="77418"/>
                    <a:pt x="90139" y="78254"/>
                    <a:pt x="90306" y="79091"/>
                  </a:cubicBezTo>
                  <a:cubicBezTo>
                    <a:pt x="90348" y="79217"/>
                    <a:pt x="90369" y="79363"/>
                    <a:pt x="90369" y="79489"/>
                  </a:cubicBezTo>
                  <a:cubicBezTo>
                    <a:pt x="90390" y="81791"/>
                    <a:pt x="90390" y="84092"/>
                    <a:pt x="90411" y="86373"/>
                  </a:cubicBezTo>
                  <a:cubicBezTo>
                    <a:pt x="90411" y="86540"/>
                    <a:pt x="90453" y="86749"/>
                    <a:pt x="90286" y="86896"/>
                  </a:cubicBezTo>
                  <a:cubicBezTo>
                    <a:pt x="90055" y="87105"/>
                    <a:pt x="89762" y="87314"/>
                    <a:pt x="89449" y="87314"/>
                  </a:cubicBezTo>
                  <a:cubicBezTo>
                    <a:pt x="88737" y="87356"/>
                    <a:pt x="88047" y="87356"/>
                    <a:pt x="87356" y="87377"/>
                  </a:cubicBezTo>
                  <a:cubicBezTo>
                    <a:pt x="87314" y="87377"/>
                    <a:pt x="87252" y="87377"/>
                    <a:pt x="87210" y="87356"/>
                  </a:cubicBezTo>
                  <a:cubicBezTo>
                    <a:pt x="86687" y="87168"/>
                    <a:pt x="86184" y="87273"/>
                    <a:pt x="85682" y="87440"/>
                  </a:cubicBezTo>
                  <a:cubicBezTo>
                    <a:pt x="85557" y="87461"/>
                    <a:pt x="85431" y="87482"/>
                    <a:pt x="85285" y="87482"/>
                  </a:cubicBezTo>
                  <a:lnTo>
                    <a:pt x="78464" y="87482"/>
                  </a:lnTo>
                  <a:cubicBezTo>
                    <a:pt x="78234" y="87482"/>
                    <a:pt x="78024" y="87482"/>
                    <a:pt x="77794" y="87377"/>
                  </a:cubicBezTo>
                  <a:cubicBezTo>
                    <a:pt x="77627" y="87314"/>
                    <a:pt x="77417" y="87314"/>
                    <a:pt x="77229" y="87314"/>
                  </a:cubicBezTo>
                  <a:lnTo>
                    <a:pt x="73651" y="87314"/>
                  </a:lnTo>
                  <a:cubicBezTo>
                    <a:pt x="73316" y="87314"/>
                    <a:pt x="72982" y="87335"/>
                    <a:pt x="72626" y="87210"/>
                  </a:cubicBezTo>
                  <a:cubicBezTo>
                    <a:pt x="72521" y="87147"/>
                    <a:pt x="72396" y="87168"/>
                    <a:pt x="72291" y="87147"/>
                  </a:cubicBezTo>
                  <a:cubicBezTo>
                    <a:pt x="71329" y="87126"/>
                    <a:pt x="70366" y="87063"/>
                    <a:pt x="69383" y="87063"/>
                  </a:cubicBezTo>
                  <a:cubicBezTo>
                    <a:pt x="69069" y="87063"/>
                    <a:pt x="68818" y="87001"/>
                    <a:pt x="68609" y="86833"/>
                  </a:cubicBezTo>
                  <a:cubicBezTo>
                    <a:pt x="68106" y="86436"/>
                    <a:pt x="67667" y="86017"/>
                    <a:pt x="67479" y="85368"/>
                  </a:cubicBezTo>
                  <a:cubicBezTo>
                    <a:pt x="67374" y="85013"/>
                    <a:pt x="67332" y="84657"/>
                    <a:pt x="67332" y="84301"/>
                  </a:cubicBezTo>
                  <a:lnTo>
                    <a:pt x="67332" y="83276"/>
                  </a:lnTo>
                  <a:cubicBezTo>
                    <a:pt x="67332" y="83025"/>
                    <a:pt x="67332" y="82774"/>
                    <a:pt x="67228" y="82544"/>
                  </a:cubicBezTo>
                  <a:cubicBezTo>
                    <a:pt x="67186" y="82523"/>
                    <a:pt x="67186" y="82460"/>
                    <a:pt x="67186" y="82439"/>
                  </a:cubicBezTo>
                  <a:cubicBezTo>
                    <a:pt x="67186" y="81916"/>
                    <a:pt x="67039" y="81393"/>
                    <a:pt x="67018" y="80870"/>
                  </a:cubicBezTo>
                  <a:cubicBezTo>
                    <a:pt x="67018" y="80033"/>
                    <a:pt x="67039" y="79196"/>
                    <a:pt x="67039" y="78359"/>
                  </a:cubicBezTo>
                  <a:cubicBezTo>
                    <a:pt x="67039" y="78045"/>
                    <a:pt x="67060" y="77710"/>
                    <a:pt x="67249" y="77501"/>
                  </a:cubicBezTo>
                  <a:cubicBezTo>
                    <a:pt x="67228" y="77104"/>
                    <a:pt x="67165" y="76769"/>
                    <a:pt x="67165" y="76434"/>
                  </a:cubicBezTo>
                  <a:cubicBezTo>
                    <a:pt x="67165" y="75765"/>
                    <a:pt x="67165" y="75095"/>
                    <a:pt x="67249" y="74446"/>
                  </a:cubicBezTo>
                  <a:cubicBezTo>
                    <a:pt x="67290" y="73923"/>
                    <a:pt x="67270" y="73358"/>
                    <a:pt x="67249" y="72835"/>
                  </a:cubicBezTo>
                  <a:cubicBezTo>
                    <a:pt x="67228" y="71643"/>
                    <a:pt x="67353" y="70471"/>
                    <a:pt x="67542" y="69257"/>
                  </a:cubicBezTo>
                  <a:cubicBezTo>
                    <a:pt x="67667" y="68420"/>
                    <a:pt x="67793" y="67604"/>
                    <a:pt x="67897" y="66767"/>
                  </a:cubicBezTo>
                  <a:cubicBezTo>
                    <a:pt x="67918" y="66663"/>
                    <a:pt x="67897" y="66558"/>
                    <a:pt x="67918" y="66412"/>
                  </a:cubicBezTo>
                  <a:cubicBezTo>
                    <a:pt x="67709" y="66328"/>
                    <a:pt x="67542" y="66391"/>
                    <a:pt x="67353" y="66433"/>
                  </a:cubicBezTo>
                  <a:cubicBezTo>
                    <a:pt x="65763" y="66746"/>
                    <a:pt x="64215" y="67123"/>
                    <a:pt x="62666" y="67583"/>
                  </a:cubicBezTo>
                  <a:cubicBezTo>
                    <a:pt x="60135" y="68379"/>
                    <a:pt x="57540" y="68923"/>
                    <a:pt x="54925" y="69467"/>
                  </a:cubicBezTo>
                  <a:cubicBezTo>
                    <a:pt x="53355" y="69801"/>
                    <a:pt x="51765" y="70011"/>
                    <a:pt x="50175" y="70283"/>
                  </a:cubicBezTo>
                  <a:cubicBezTo>
                    <a:pt x="49024" y="70471"/>
                    <a:pt x="47894" y="70638"/>
                    <a:pt x="46743" y="70847"/>
                  </a:cubicBezTo>
                  <a:cubicBezTo>
                    <a:pt x="46555" y="70889"/>
                    <a:pt x="46367" y="70952"/>
                    <a:pt x="46199" y="71015"/>
                  </a:cubicBezTo>
                  <a:cubicBezTo>
                    <a:pt x="46032" y="71057"/>
                    <a:pt x="45907" y="71120"/>
                    <a:pt x="45739" y="71120"/>
                  </a:cubicBezTo>
                  <a:cubicBezTo>
                    <a:pt x="45300" y="71057"/>
                    <a:pt x="44944" y="71224"/>
                    <a:pt x="44526" y="71350"/>
                  </a:cubicBezTo>
                  <a:cubicBezTo>
                    <a:pt x="44212" y="71433"/>
                    <a:pt x="43898" y="71517"/>
                    <a:pt x="43584" y="71538"/>
                  </a:cubicBezTo>
                  <a:cubicBezTo>
                    <a:pt x="43082" y="71622"/>
                    <a:pt x="42601" y="71768"/>
                    <a:pt x="42078" y="71936"/>
                  </a:cubicBezTo>
                  <a:cubicBezTo>
                    <a:pt x="42161" y="72166"/>
                    <a:pt x="42329" y="72270"/>
                    <a:pt x="42454" y="72396"/>
                  </a:cubicBezTo>
                  <a:cubicBezTo>
                    <a:pt x="42684" y="72605"/>
                    <a:pt x="42852" y="72835"/>
                    <a:pt x="42998" y="73128"/>
                  </a:cubicBezTo>
                  <a:cubicBezTo>
                    <a:pt x="43521" y="74049"/>
                    <a:pt x="43898" y="75011"/>
                    <a:pt x="44107" y="76037"/>
                  </a:cubicBezTo>
                  <a:cubicBezTo>
                    <a:pt x="44212" y="76560"/>
                    <a:pt x="44379" y="77062"/>
                    <a:pt x="44484" y="77585"/>
                  </a:cubicBezTo>
                  <a:cubicBezTo>
                    <a:pt x="44546" y="77794"/>
                    <a:pt x="44546" y="78024"/>
                    <a:pt x="44567" y="78254"/>
                  </a:cubicBezTo>
                  <a:cubicBezTo>
                    <a:pt x="44588" y="78422"/>
                    <a:pt x="44588" y="78589"/>
                    <a:pt x="44588" y="78778"/>
                  </a:cubicBezTo>
                  <a:cubicBezTo>
                    <a:pt x="44693" y="78778"/>
                    <a:pt x="44777" y="78798"/>
                    <a:pt x="44860" y="78798"/>
                  </a:cubicBezTo>
                  <a:cubicBezTo>
                    <a:pt x="45258" y="78736"/>
                    <a:pt x="45593" y="78861"/>
                    <a:pt x="45948" y="78987"/>
                  </a:cubicBezTo>
                  <a:cubicBezTo>
                    <a:pt x="46471" y="79196"/>
                    <a:pt x="46953" y="79426"/>
                    <a:pt x="47413" y="79740"/>
                  </a:cubicBezTo>
                  <a:cubicBezTo>
                    <a:pt x="48187" y="80242"/>
                    <a:pt x="48752" y="80891"/>
                    <a:pt x="49171" y="81707"/>
                  </a:cubicBezTo>
                  <a:cubicBezTo>
                    <a:pt x="49401" y="82146"/>
                    <a:pt x="49380" y="82627"/>
                    <a:pt x="49338" y="83088"/>
                  </a:cubicBezTo>
                  <a:cubicBezTo>
                    <a:pt x="49296" y="83255"/>
                    <a:pt x="49192" y="83360"/>
                    <a:pt x="49066" y="83444"/>
                  </a:cubicBezTo>
                  <a:cubicBezTo>
                    <a:pt x="48606" y="83674"/>
                    <a:pt x="48124" y="83904"/>
                    <a:pt x="47559" y="83820"/>
                  </a:cubicBezTo>
                  <a:cubicBezTo>
                    <a:pt x="47371" y="83799"/>
                    <a:pt x="47162" y="83862"/>
                    <a:pt x="46974" y="83820"/>
                  </a:cubicBezTo>
                  <a:cubicBezTo>
                    <a:pt x="46743" y="83799"/>
                    <a:pt x="46534" y="83757"/>
                    <a:pt x="46325" y="83695"/>
                  </a:cubicBezTo>
                  <a:cubicBezTo>
                    <a:pt x="46304" y="83695"/>
                    <a:pt x="46304" y="83674"/>
                    <a:pt x="46262" y="83674"/>
                  </a:cubicBezTo>
                  <a:cubicBezTo>
                    <a:pt x="45300" y="83276"/>
                    <a:pt x="45300" y="83276"/>
                    <a:pt x="44546" y="82523"/>
                  </a:cubicBezTo>
                  <a:lnTo>
                    <a:pt x="44149" y="82125"/>
                  </a:lnTo>
                  <a:cubicBezTo>
                    <a:pt x="43919" y="81895"/>
                    <a:pt x="43710" y="81665"/>
                    <a:pt x="43584" y="81351"/>
                  </a:cubicBezTo>
                  <a:cubicBezTo>
                    <a:pt x="43521" y="81205"/>
                    <a:pt x="43438" y="81100"/>
                    <a:pt x="43375" y="80995"/>
                  </a:cubicBezTo>
                  <a:cubicBezTo>
                    <a:pt x="43207" y="80828"/>
                    <a:pt x="43186" y="80577"/>
                    <a:pt x="43186" y="80347"/>
                  </a:cubicBezTo>
                  <a:cubicBezTo>
                    <a:pt x="43186" y="79949"/>
                    <a:pt x="43291" y="79594"/>
                    <a:pt x="43647" y="79384"/>
                  </a:cubicBezTo>
                  <a:cubicBezTo>
                    <a:pt x="43710" y="79363"/>
                    <a:pt x="43730" y="79301"/>
                    <a:pt x="43793" y="79259"/>
                  </a:cubicBezTo>
                  <a:cubicBezTo>
                    <a:pt x="43751" y="79091"/>
                    <a:pt x="43710" y="78945"/>
                    <a:pt x="43710" y="78757"/>
                  </a:cubicBezTo>
                  <a:cubicBezTo>
                    <a:pt x="43730" y="78213"/>
                    <a:pt x="43626" y="77710"/>
                    <a:pt x="43479" y="77187"/>
                  </a:cubicBezTo>
                  <a:cubicBezTo>
                    <a:pt x="43312" y="76664"/>
                    <a:pt x="43186" y="76120"/>
                    <a:pt x="43082" y="75597"/>
                  </a:cubicBezTo>
                  <a:cubicBezTo>
                    <a:pt x="42914" y="74760"/>
                    <a:pt x="42538" y="74028"/>
                    <a:pt x="42140" y="73296"/>
                  </a:cubicBezTo>
                  <a:cubicBezTo>
                    <a:pt x="41910" y="72835"/>
                    <a:pt x="41492" y="72563"/>
                    <a:pt x="41136" y="72187"/>
                  </a:cubicBezTo>
                  <a:cubicBezTo>
                    <a:pt x="41031" y="72249"/>
                    <a:pt x="40927" y="72270"/>
                    <a:pt x="40885" y="72312"/>
                  </a:cubicBezTo>
                  <a:cubicBezTo>
                    <a:pt x="40780" y="72417"/>
                    <a:pt x="40676" y="72459"/>
                    <a:pt x="40508" y="72459"/>
                  </a:cubicBezTo>
                  <a:cubicBezTo>
                    <a:pt x="40173" y="72417"/>
                    <a:pt x="39943" y="72563"/>
                    <a:pt x="39755" y="72835"/>
                  </a:cubicBezTo>
                  <a:cubicBezTo>
                    <a:pt x="39567" y="73086"/>
                    <a:pt x="39399" y="73316"/>
                    <a:pt x="39190" y="73547"/>
                  </a:cubicBezTo>
                  <a:cubicBezTo>
                    <a:pt x="39106" y="73651"/>
                    <a:pt x="38939" y="73672"/>
                    <a:pt x="38876" y="73777"/>
                  </a:cubicBezTo>
                  <a:cubicBezTo>
                    <a:pt x="38144" y="74551"/>
                    <a:pt x="37202" y="75011"/>
                    <a:pt x="36303" y="75534"/>
                  </a:cubicBezTo>
                  <a:cubicBezTo>
                    <a:pt x="35989" y="75723"/>
                    <a:pt x="35654" y="75848"/>
                    <a:pt x="35340" y="75974"/>
                  </a:cubicBezTo>
                  <a:cubicBezTo>
                    <a:pt x="35047" y="76120"/>
                    <a:pt x="34754" y="76246"/>
                    <a:pt x="34503" y="76476"/>
                  </a:cubicBezTo>
                  <a:cubicBezTo>
                    <a:pt x="34399" y="76581"/>
                    <a:pt x="34231" y="76643"/>
                    <a:pt x="34106" y="76685"/>
                  </a:cubicBezTo>
                  <a:lnTo>
                    <a:pt x="33331" y="76999"/>
                  </a:lnTo>
                  <a:cubicBezTo>
                    <a:pt x="33227" y="77062"/>
                    <a:pt x="33080" y="77083"/>
                    <a:pt x="33039" y="77166"/>
                  </a:cubicBezTo>
                  <a:cubicBezTo>
                    <a:pt x="32829" y="77397"/>
                    <a:pt x="32536" y="77480"/>
                    <a:pt x="32243" y="77606"/>
                  </a:cubicBezTo>
                  <a:cubicBezTo>
                    <a:pt x="32013" y="77690"/>
                    <a:pt x="31804" y="77815"/>
                    <a:pt x="31574" y="77920"/>
                  </a:cubicBezTo>
                  <a:cubicBezTo>
                    <a:pt x="31344" y="78024"/>
                    <a:pt x="31093" y="78171"/>
                    <a:pt x="30821" y="78150"/>
                  </a:cubicBezTo>
                  <a:cubicBezTo>
                    <a:pt x="30737" y="78150"/>
                    <a:pt x="30653" y="78171"/>
                    <a:pt x="30611" y="78213"/>
                  </a:cubicBezTo>
                  <a:cubicBezTo>
                    <a:pt x="30298" y="78338"/>
                    <a:pt x="29984" y="78443"/>
                    <a:pt x="29607" y="78589"/>
                  </a:cubicBezTo>
                  <a:cubicBezTo>
                    <a:pt x="29628" y="79070"/>
                    <a:pt x="29607" y="79573"/>
                    <a:pt x="29774" y="80054"/>
                  </a:cubicBezTo>
                  <a:cubicBezTo>
                    <a:pt x="29879" y="80347"/>
                    <a:pt x="29879" y="80661"/>
                    <a:pt x="29921" y="80954"/>
                  </a:cubicBezTo>
                  <a:cubicBezTo>
                    <a:pt x="30005" y="81372"/>
                    <a:pt x="30046" y="81811"/>
                    <a:pt x="30193" y="82230"/>
                  </a:cubicBezTo>
                  <a:cubicBezTo>
                    <a:pt x="30318" y="82627"/>
                    <a:pt x="30402" y="82983"/>
                    <a:pt x="30360" y="83402"/>
                  </a:cubicBezTo>
                  <a:cubicBezTo>
                    <a:pt x="30360" y="83485"/>
                    <a:pt x="30402" y="83590"/>
                    <a:pt x="30402" y="83716"/>
                  </a:cubicBezTo>
                  <a:lnTo>
                    <a:pt x="30737" y="83716"/>
                  </a:lnTo>
                  <a:cubicBezTo>
                    <a:pt x="31155" y="83716"/>
                    <a:pt x="31574" y="83716"/>
                    <a:pt x="31992" y="83695"/>
                  </a:cubicBezTo>
                  <a:cubicBezTo>
                    <a:pt x="32641" y="83653"/>
                    <a:pt x="33227" y="83820"/>
                    <a:pt x="33813" y="84008"/>
                  </a:cubicBezTo>
                  <a:cubicBezTo>
                    <a:pt x="33980" y="84071"/>
                    <a:pt x="34127" y="84176"/>
                    <a:pt x="34273" y="84239"/>
                  </a:cubicBezTo>
                  <a:cubicBezTo>
                    <a:pt x="34419" y="84322"/>
                    <a:pt x="34545" y="84427"/>
                    <a:pt x="34712" y="84490"/>
                  </a:cubicBezTo>
                  <a:cubicBezTo>
                    <a:pt x="34963" y="84552"/>
                    <a:pt x="35173" y="84720"/>
                    <a:pt x="35361" y="84908"/>
                  </a:cubicBezTo>
                  <a:cubicBezTo>
                    <a:pt x="35780" y="85327"/>
                    <a:pt x="35884" y="85808"/>
                    <a:pt x="35696" y="86331"/>
                  </a:cubicBezTo>
                  <a:cubicBezTo>
                    <a:pt x="35528" y="86812"/>
                    <a:pt x="35173" y="87042"/>
                    <a:pt x="34712" y="87042"/>
                  </a:cubicBezTo>
                  <a:cubicBezTo>
                    <a:pt x="33959" y="87063"/>
                    <a:pt x="33185" y="87063"/>
                    <a:pt x="32432" y="87042"/>
                  </a:cubicBezTo>
                  <a:cubicBezTo>
                    <a:pt x="32076" y="87042"/>
                    <a:pt x="31720" y="86896"/>
                    <a:pt x="31406" y="86708"/>
                  </a:cubicBezTo>
                  <a:cubicBezTo>
                    <a:pt x="30883" y="86394"/>
                    <a:pt x="30465" y="85912"/>
                    <a:pt x="30088" y="85473"/>
                  </a:cubicBezTo>
                  <a:cubicBezTo>
                    <a:pt x="29670" y="84971"/>
                    <a:pt x="29586" y="84343"/>
                    <a:pt x="29502" y="83716"/>
                  </a:cubicBezTo>
                  <a:lnTo>
                    <a:pt x="29502" y="83444"/>
                  </a:lnTo>
                  <a:cubicBezTo>
                    <a:pt x="29523" y="83130"/>
                    <a:pt x="29461" y="82837"/>
                    <a:pt x="29377" y="82544"/>
                  </a:cubicBezTo>
                  <a:cubicBezTo>
                    <a:pt x="29251" y="82042"/>
                    <a:pt x="29168" y="81560"/>
                    <a:pt x="29084" y="81037"/>
                  </a:cubicBezTo>
                  <a:cubicBezTo>
                    <a:pt x="29063" y="80891"/>
                    <a:pt x="29084" y="80765"/>
                    <a:pt x="29042" y="80640"/>
                  </a:cubicBezTo>
                  <a:cubicBezTo>
                    <a:pt x="28875" y="80033"/>
                    <a:pt x="28791" y="79468"/>
                    <a:pt x="28833" y="78840"/>
                  </a:cubicBezTo>
                  <a:cubicBezTo>
                    <a:pt x="28833" y="78798"/>
                    <a:pt x="28791" y="78757"/>
                    <a:pt x="28770" y="78736"/>
                  </a:cubicBezTo>
                  <a:cubicBezTo>
                    <a:pt x="28519" y="78673"/>
                    <a:pt x="28268" y="78757"/>
                    <a:pt x="28038" y="78840"/>
                  </a:cubicBezTo>
                  <a:cubicBezTo>
                    <a:pt x="27703" y="78966"/>
                    <a:pt x="27326" y="78987"/>
                    <a:pt x="26971" y="78966"/>
                  </a:cubicBezTo>
                  <a:cubicBezTo>
                    <a:pt x="26699" y="78966"/>
                    <a:pt x="26448" y="79008"/>
                    <a:pt x="26176" y="79070"/>
                  </a:cubicBezTo>
                  <a:cubicBezTo>
                    <a:pt x="25820" y="79154"/>
                    <a:pt x="25422" y="79154"/>
                    <a:pt x="25067" y="79175"/>
                  </a:cubicBezTo>
                  <a:lnTo>
                    <a:pt x="24481" y="79175"/>
                  </a:lnTo>
                  <a:cubicBezTo>
                    <a:pt x="24083" y="79175"/>
                    <a:pt x="23707" y="79196"/>
                    <a:pt x="23309" y="79322"/>
                  </a:cubicBezTo>
                  <a:cubicBezTo>
                    <a:pt x="22828" y="79510"/>
                    <a:pt x="22347" y="79405"/>
                    <a:pt x="21865" y="79301"/>
                  </a:cubicBezTo>
                  <a:cubicBezTo>
                    <a:pt x="21342" y="79196"/>
                    <a:pt x="20819" y="78987"/>
                    <a:pt x="20296" y="78840"/>
                  </a:cubicBezTo>
                  <a:cubicBezTo>
                    <a:pt x="19773" y="78673"/>
                    <a:pt x="19354" y="78338"/>
                    <a:pt x="18999" y="78003"/>
                  </a:cubicBezTo>
                  <a:cubicBezTo>
                    <a:pt x="18957" y="77962"/>
                    <a:pt x="18936" y="77941"/>
                    <a:pt x="18852" y="77899"/>
                  </a:cubicBezTo>
                  <a:cubicBezTo>
                    <a:pt x="18371" y="77962"/>
                    <a:pt x="17806" y="77857"/>
                    <a:pt x="17262" y="78003"/>
                  </a:cubicBezTo>
                  <a:cubicBezTo>
                    <a:pt x="17137" y="78024"/>
                    <a:pt x="17011" y="78024"/>
                    <a:pt x="16865" y="78024"/>
                  </a:cubicBezTo>
                  <a:cubicBezTo>
                    <a:pt x="16697" y="78024"/>
                    <a:pt x="16509" y="78024"/>
                    <a:pt x="16341" y="78213"/>
                  </a:cubicBezTo>
                  <a:cubicBezTo>
                    <a:pt x="16300" y="78254"/>
                    <a:pt x="16195" y="78275"/>
                    <a:pt x="16090" y="78317"/>
                  </a:cubicBezTo>
                  <a:cubicBezTo>
                    <a:pt x="15588" y="78317"/>
                    <a:pt x="15086" y="78359"/>
                    <a:pt x="14626" y="78234"/>
                  </a:cubicBezTo>
                  <a:cubicBezTo>
                    <a:pt x="14186" y="78129"/>
                    <a:pt x="13705" y="78150"/>
                    <a:pt x="13266" y="78254"/>
                  </a:cubicBezTo>
                  <a:cubicBezTo>
                    <a:pt x="12973" y="78317"/>
                    <a:pt x="12722" y="78275"/>
                    <a:pt x="12450" y="78129"/>
                  </a:cubicBezTo>
                  <a:cubicBezTo>
                    <a:pt x="12303" y="78045"/>
                    <a:pt x="12136" y="78024"/>
                    <a:pt x="11989" y="77920"/>
                  </a:cubicBezTo>
                  <a:cubicBezTo>
                    <a:pt x="11696" y="77752"/>
                    <a:pt x="11424" y="77606"/>
                    <a:pt x="11173" y="77418"/>
                  </a:cubicBezTo>
                  <a:cubicBezTo>
                    <a:pt x="10985" y="77313"/>
                    <a:pt x="10839" y="77166"/>
                    <a:pt x="10671" y="77020"/>
                  </a:cubicBezTo>
                  <a:cubicBezTo>
                    <a:pt x="10546" y="76894"/>
                    <a:pt x="10420" y="76769"/>
                    <a:pt x="10253" y="76643"/>
                  </a:cubicBezTo>
                  <a:lnTo>
                    <a:pt x="9897" y="76267"/>
                  </a:lnTo>
                  <a:cubicBezTo>
                    <a:pt x="9751" y="76141"/>
                    <a:pt x="9625" y="76037"/>
                    <a:pt x="9541" y="75911"/>
                  </a:cubicBezTo>
                  <a:cubicBezTo>
                    <a:pt x="9311" y="75513"/>
                    <a:pt x="9081" y="75137"/>
                    <a:pt x="8872" y="74718"/>
                  </a:cubicBezTo>
                  <a:cubicBezTo>
                    <a:pt x="8662" y="74342"/>
                    <a:pt x="8579" y="73923"/>
                    <a:pt x="8432" y="73526"/>
                  </a:cubicBezTo>
                  <a:cubicBezTo>
                    <a:pt x="8370" y="73400"/>
                    <a:pt x="8349" y="73254"/>
                    <a:pt x="8286" y="73149"/>
                  </a:cubicBezTo>
                  <a:cubicBezTo>
                    <a:pt x="8139" y="72898"/>
                    <a:pt x="8056" y="72605"/>
                    <a:pt x="8077" y="72291"/>
                  </a:cubicBezTo>
                  <a:cubicBezTo>
                    <a:pt x="8118" y="71998"/>
                    <a:pt x="7951" y="71747"/>
                    <a:pt x="7867" y="71475"/>
                  </a:cubicBezTo>
                  <a:cubicBezTo>
                    <a:pt x="7805" y="71266"/>
                    <a:pt x="7742" y="71036"/>
                    <a:pt x="7742" y="70827"/>
                  </a:cubicBezTo>
                  <a:cubicBezTo>
                    <a:pt x="7742" y="70701"/>
                    <a:pt x="7742" y="70575"/>
                    <a:pt x="7700" y="70429"/>
                  </a:cubicBezTo>
                  <a:cubicBezTo>
                    <a:pt x="7595" y="70199"/>
                    <a:pt x="7595" y="69969"/>
                    <a:pt x="7554" y="69697"/>
                  </a:cubicBezTo>
                  <a:cubicBezTo>
                    <a:pt x="7533" y="69425"/>
                    <a:pt x="7428" y="69111"/>
                    <a:pt x="7386" y="68818"/>
                  </a:cubicBezTo>
                  <a:cubicBezTo>
                    <a:pt x="7072" y="68651"/>
                    <a:pt x="7177" y="68379"/>
                    <a:pt x="7177" y="68107"/>
                  </a:cubicBezTo>
                  <a:cubicBezTo>
                    <a:pt x="7135" y="67081"/>
                    <a:pt x="7135" y="66077"/>
                    <a:pt x="7135" y="65031"/>
                  </a:cubicBezTo>
                  <a:cubicBezTo>
                    <a:pt x="7135" y="64842"/>
                    <a:pt x="7135" y="64675"/>
                    <a:pt x="7177" y="64529"/>
                  </a:cubicBezTo>
                  <a:cubicBezTo>
                    <a:pt x="7240" y="64047"/>
                    <a:pt x="7302" y="63587"/>
                    <a:pt x="7302" y="63106"/>
                  </a:cubicBezTo>
                  <a:cubicBezTo>
                    <a:pt x="7302" y="62959"/>
                    <a:pt x="7344" y="62771"/>
                    <a:pt x="7428" y="62625"/>
                  </a:cubicBezTo>
                  <a:cubicBezTo>
                    <a:pt x="7554" y="62269"/>
                    <a:pt x="7721" y="61955"/>
                    <a:pt x="7846" y="61620"/>
                  </a:cubicBezTo>
                  <a:cubicBezTo>
                    <a:pt x="7930" y="61411"/>
                    <a:pt x="8056" y="61202"/>
                    <a:pt x="8244" y="61076"/>
                  </a:cubicBezTo>
                  <a:cubicBezTo>
                    <a:pt x="8432" y="60972"/>
                    <a:pt x="8537" y="60783"/>
                    <a:pt x="8642" y="60595"/>
                  </a:cubicBezTo>
                  <a:cubicBezTo>
                    <a:pt x="9102" y="59842"/>
                    <a:pt x="9688" y="59193"/>
                    <a:pt x="10441" y="58670"/>
                  </a:cubicBezTo>
                  <a:cubicBezTo>
                    <a:pt x="11362" y="58021"/>
                    <a:pt x="12345" y="58021"/>
                    <a:pt x="13370" y="58272"/>
                  </a:cubicBezTo>
                  <a:cubicBezTo>
                    <a:pt x="13600" y="58335"/>
                    <a:pt x="13831" y="58398"/>
                    <a:pt x="14082" y="58440"/>
                  </a:cubicBezTo>
                  <a:cubicBezTo>
                    <a:pt x="14563" y="58503"/>
                    <a:pt x="15044" y="58649"/>
                    <a:pt x="15484" y="58858"/>
                  </a:cubicBezTo>
                  <a:cubicBezTo>
                    <a:pt x="15588" y="58879"/>
                    <a:pt x="15777" y="58963"/>
                    <a:pt x="16090" y="58900"/>
                  </a:cubicBezTo>
                  <a:close/>
                  <a:moveTo>
                    <a:pt x="89218" y="86205"/>
                  </a:moveTo>
                  <a:cubicBezTo>
                    <a:pt x="89239" y="86080"/>
                    <a:pt x="89260" y="85996"/>
                    <a:pt x="89260" y="85892"/>
                  </a:cubicBezTo>
                  <a:cubicBezTo>
                    <a:pt x="89302" y="84155"/>
                    <a:pt x="89302" y="82439"/>
                    <a:pt x="89302" y="80723"/>
                  </a:cubicBezTo>
                  <a:cubicBezTo>
                    <a:pt x="89302" y="80619"/>
                    <a:pt x="89302" y="80472"/>
                    <a:pt x="89239" y="80368"/>
                  </a:cubicBezTo>
                  <a:cubicBezTo>
                    <a:pt x="89114" y="80159"/>
                    <a:pt x="89135" y="79928"/>
                    <a:pt x="89135" y="79719"/>
                  </a:cubicBezTo>
                  <a:cubicBezTo>
                    <a:pt x="89114" y="79154"/>
                    <a:pt x="89135" y="78568"/>
                    <a:pt x="89093" y="78024"/>
                  </a:cubicBezTo>
                  <a:cubicBezTo>
                    <a:pt x="89030" y="77543"/>
                    <a:pt x="88988" y="77083"/>
                    <a:pt x="89009" y="76601"/>
                  </a:cubicBezTo>
                  <a:cubicBezTo>
                    <a:pt x="89009" y="76246"/>
                    <a:pt x="89009" y="75911"/>
                    <a:pt x="88905" y="75534"/>
                  </a:cubicBezTo>
                  <a:cubicBezTo>
                    <a:pt x="88842" y="75346"/>
                    <a:pt x="88842" y="75179"/>
                    <a:pt x="88842" y="74969"/>
                  </a:cubicBezTo>
                  <a:cubicBezTo>
                    <a:pt x="88884" y="74593"/>
                    <a:pt x="88800" y="74258"/>
                    <a:pt x="88716" y="73881"/>
                  </a:cubicBezTo>
                  <a:cubicBezTo>
                    <a:pt x="88591" y="73296"/>
                    <a:pt x="88486" y="72689"/>
                    <a:pt x="88381" y="72103"/>
                  </a:cubicBezTo>
                  <a:cubicBezTo>
                    <a:pt x="88361" y="71956"/>
                    <a:pt x="88361" y="71789"/>
                    <a:pt x="88319" y="71664"/>
                  </a:cubicBezTo>
                  <a:cubicBezTo>
                    <a:pt x="88214" y="71203"/>
                    <a:pt x="88068" y="70722"/>
                    <a:pt x="88193" y="70220"/>
                  </a:cubicBezTo>
                  <a:cubicBezTo>
                    <a:pt x="88214" y="70094"/>
                    <a:pt x="88172" y="69969"/>
                    <a:pt x="88151" y="69843"/>
                  </a:cubicBezTo>
                  <a:cubicBezTo>
                    <a:pt x="87837" y="68190"/>
                    <a:pt x="87356" y="66600"/>
                    <a:pt x="86791" y="65031"/>
                  </a:cubicBezTo>
                  <a:cubicBezTo>
                    <a:pt x="86394" y="64005"/>
                    <a:pt x="85954" y="62980"/>
                    <a:pt x="85473" y="61976"/>
                  </a:cubicBezTo>
                  <a:cubicBezTo>
                    <a:pt x="84971" y="60909"/>
                    <a:pt x="84427" y="59884"/>
                    <a:pt x="83820" y="58879"/>
                  </a:cubicBezTo>
                  <a:cubicBezTo>
                    <a:pt x="83276" y="57938"/>
                    <a:pt x="82627" y="57017"/>
                    <a:pt x="81895" y="56201"/>
                  </a:cubicBezTo>
                  <a:cubicBezTo>
                    <a:pt x="81163" y="55364"/>
                    <a:pt x="80347" y="54632"/>
                    <a:pt x="79468" y="54004"/>
                  </a:cubicBezTo>
                  <a:cubicBezTo>
                    <a:pt x="78798" y="53565"/>
                    <a:pt x="78066" y="53167"/>
                    <a:pt x="77292" y="53021"/>
                  </a:cubicBezTo>
                  <a:cubicBezTo>
                    <a:pt x="75744" y="52728"/>
                    <a:pt x="74342" y="53000"/>
                    <a:pt x="73233" y="54213"/>
                  </a:cubicBezTo>
                  <a:cubicBezTo>
                    <a:pt x="73128" y="54360"/>
                    <a:pt x="73003" y="54485"/>
                    <a:pt x="72898" y="54611"/>
                  </a:cubicBezTo>
                  <a:cubicBezTo>
                    <a:pt x="72354" y="55301"/>
                    <a:pt x="71894" y="56054"/>
                    <a:pt x="71475" y="56808"/>
                  </a:cubicBezTo>
                  <a:cubicBezTo>
                    <a:pt x="71412" y="56975"/>
                    <a:pt x="71329" y="57101"/>
                    <a:pt x="71224" y="57247"/>
                  </a:cubicBezTo>
                  <a:cubicBezTo>
                    <a:pt x="71119" y="57456"/>
                    <a:pt x="70994" y="57645"/>
                    <a:pt x="70910" y="57854"/>
                  </a:cubicBezTo>
                  <a:cubicBezTo>
                    <a:pt x="70743" y="58168"/>
                    <a:pt x="70617" y="58482"/>
                    <a:pt x="70492" y="58795"/>
                  </a:cubicBezTo>
                  <a:cubicBezTo>
                    <a:pt x="70303" y="59193"/>
                    <a:pt x="70157" y="59591"/>
                    <a:pt x="70094" y="60030"/>
                  </a:cubicBezTo>
                  <a:cubicBezTo>
                    <a:pt x="69990" y="60741"/>
                    <a:pt x="69843" y="61432"/>
                    <a:pt x="69529" y="62101"/>
                  </a:cubicBezTo>
                  <a:cubicBezTo>
                    <a:pt x="69383" y="62353"/>
                    <a:pt x="69320" y="62666"/>
                    <a:pt x="69257" y="62959"/>
                  </a:cubicBezTo>
                  <a:cubicBezTo>
                    <a:pt x="69111" y="63775"/>
                    <a:pt x="68964" y="64591"/>
                    <a:pt x="68818" y="65407"/>
                  </a:cubicBezTo>
                  <a:cubicBezTo>
                    <a:pt x="68734" y="65868"/>
                    <a:pt x="68692" y="66307"/>
                    <a:pt x="68713" y="66767"/>
                  </a:cubicBezTo>
                  <a:cubicBezTo>
                    <a:pt x="68734" y="67249"/>
                    <a:pt x="68692" y="67688"/>
                    <a:pt x="68525" y="68107"/>
                  </a:cubicBezTo>
                  <a:cubicBezTo>
                    <a:pt x="68420" y="68420"/>
                    <a:pt x="68399" y="68734"/>
                    <a:pt x="68399" y="69048"/>
                  </a:cubicBezTo>
                  <a:cubicBezTo>
                    <a:pt x="68399" y="69278"/>
                    <a:pt x="68337" y="69487"/>
                    <a:pt x="68295" y="69739"/>
                  </a:cubicBezTo>
                  <a:cubicBezTo>
                    <a:pt x="68211" y="70178"/>
                    <a:pt x="68106" y="70617"/>
                    <a:pt x="68023" y="71057"/>
                  </a:cubicBezTo>
                  <a:cubicBezTo>
                    <a:pt x="67897" y="71768"/>
                    <a:pt x="67918" y="72500"/>
                    <a:pt x="67918" y="73212"/>
                  </a:cubicBezTo>
                  <a:cubicBezTo>
                    <a:pt x="67918" y="73526"/>
                    <a:pt x="67918" y="73860"/>
                    <a:pt x="67876" y="74174"/>
                  </a:cubicBezTo>
                  <a:cubicBezTo>
                    <a:pt x="67709" y="75032"/>
                    <a:pt x="67772" y="75932"/>
                    <a:pt x="67814" y="76790"/>
                  </a:cubicBezTo>
                  <a:cubicBezTo>
                    <a:pt x="67855" y="77438"/>
                    <a:pt x="67897" y="78129"/>
                    <a:pt x="67772" y="78778"/>
                  </a:cubicBezTo>
                  <a:cubicBezTo>
                    <a:pt x="67562" y="79886"/>
                    <a:pt x="67751" y="80975"/>
                    <a:pt x="67814" y="82042"/>
                  </a:cubicBezTo>
                  <a:cubicBezTo>
                    <a:pt x="67814" y="82083"/>
                    <a:pt x="67814" y="82125"/>
                    <a:pt x="67855" y="82146"/>
                  </a:cubicBezTo>
                  <a:cubicBezTo>
                    <a:pt x="68002" y="82439"/>
                    <a:pt x="67981" y="82732"/>
                    <a:pt x="67981" y="83046"/>
                  </a:cubicBezTo>
                  <a:cubicBezTo>
                    <a:pt x="67981" y="83381"/>
                    <a:pt x="68002" y="83716"/>
                    <a:pt x="67981" y="84071"/>
                  </a:cubicBezTo>
                  <a:cubicBezTo>
                    <a:pt x="67960" y="84490"/>
                    <a:pt x="68106" y="84845"/>
                    <a:pt x="68232" y="85222"/>
                  </a:cubicBezTo>
                  <a:cubicBezTo>
                    <a:pt x="68316" y="85452"/>
                    <a:pt x="68504" y="85640"/>
                    <a:pt x="68713" y="85787"/>
                  </a:cubicBezTo>
                  <a:cubicBezTo>
                    <a:pt x="69069" y="86059"/>
                    <a:pt x="69446" y="86310"/>
                    <a:pt x="69969" y="86226"/>
                  </a:cubicBezTo>
                  <a:cubicBezTo>
                    <a:pt x="70052" y="86205"/>
                    <a:pt x="70157" y="86268"/>
                    <a:pt x="70262" y="86268"/>
                  </a:cubicBezTo>
                  <a:cubicBezTo>
                    <a:pt x="70492" y="86289"/>
                    <a:pt x="70743" y="86310"/>
                    <a:pt x="70994" y="86310"/>
                  </a:cubicBezTo>
                  <a:cubicBezTo>
                    <a:pt x="71329" y="86310"/>
                    <a:pt x="71664" y="86289"/>
                    <a:pt x="71998" y="86289"/>
                  </a:cubicBezTo>
                  <a:cubicBezTo>
                    <a:pt x="72187" y="86289"/>
                    <a:pt x="72396" y="86289"/>
                    <a:pt x="72563" y="86331"/>
                  </a:cubicBezTo>
                  <a:cubicBezTo>
                    <a:pt x="72814" y="86415"/>
                    <a:pt x="73086" y="86415"/>
                    <a:pt x="73337" y="86415"/>
                  </a:cubicBezTo>
                  <a:lnTo>
                    <a:pt x="77166" y="86415"/>
                  </a:lnTo>
                  <a:cubicBezTo>
                    <a:pt x="77376" y="86415"/>
                    <a:pt x="77585" y="86436"/>
                    <a:pt x="77794" y="86477"/>
                  </a:cubicBezTo>
                  <a:cubicBezTo>
                    <a:pt x="78108" y="86519"/>
                    <a:pt x="78422" y="86519"/>
                    <a:pt x="78736" y="86394"/>
                  </a:cubicBezTo>
                  <a:cubicBezTo>
                    <a:pt x="78903" y="86331"/>
                    <a:pt x="79091" y="86310"/>
                    <a:pt x="79280" y="86310"/>
                  </a:cubicBezTo>
                  <a:lnTo>
                    <a:pt x="81037" y="86310"/>
                  </a:lnTo>
                  <a:cubicBezTo>
                    <a:pt x="81184" y="86310"/>
                    <a:pt x="81372" y="86289"/>
                    <a:pt x="81519" y="86268"/>
                  </a:cubicBezTo>
                  <a:cubicBezTo>
                    <a:pt x="81770" y="86226"/>
                    <a:pt x="81979" y="86185"/>
                    <a:pt x="82209" y="86185"/>
                  </a:cubicBezTo>
                  <a:lnTo>
                    <a:pt x="84239" y="86185"/>
                  </a:lnTo>
                  <a:cubicBezTo>
                    <a:pt x="84552" y="86185"/>
                    <a:pt x="84845" y="86205"/>
                    <a:pt x="85138" y="86059"/>
                  </a:cubicBezTo>
                  <a:cubicBezTo>
                    <a:pt x="85243" y="85996"/>
                    <a:pt x="85389" y="85996"/>
                    <a:pt x="85536" y="85996"/>
                  </a:cubicBezTo>
                  <a:lnTo>
                    <a:pt x="87900" y="85996"/>
                  </a:lnTo>
                  <a:cubicBezTo>
                    <a:pt x="88068" y="85996"/>
                    <a:pt x="88214" y="85996"/>
                    <a:pt x="88361" y="86080"/>
                  </a:cubicBezTo>
                  <a:cubicBezTo>
                    <a:pt x="88633" y="86268"/>
                    <a:pt x="88905" y="86268"/>
                    <a:pt x="89218" y="86205"/>
                  </a:cubicBezTo>
                  <a:close/>
                  <a:moveTo>
                    <a:pt x="6926" y="25799"/>
                  </a:moveTo>
                  <a:cubicBezTo>
                    <a:pt x="7114" y="25820"/>
                    <a:pt x="7282" y="25820"/>
                    <a:pt x="7407" y="25841"/>
                  </a:cubicBezTo>
                  <a:cubicBezTo>
                    <a:pt x="7637" y="25883"/>
                    <a:pt x="7826" y="26029"/>
                    <a:pt x="7930" y="26238"/>
                  </a:cubicBezTo>
                  <a:cubicBezTo>
                    <a:pt x="8139" y="26636"/>
                    <a:pt x="7930" y="27013"/>
                    <a:pt x="7491" y="27054"/>
                  </a:cubicBezTo>
                  <a:cubicBezTo>
                    <a:pt x="7219" y="27075"/>
                    <a:pt x="6989" y="26992"/>
                    <a:pt x="6779" y="26866"/>
                  </a:cubicBezTo>
                  <a:cubicBezTo>
                    <a:pt x="6486" y="26678"/>
                    <a:pt x="6173" y="26657"/>
                    <a:pt x="5859" y="26782"/>
                  </a:cubicBezTo>
                  <a:cubicBezTo>
                    <a:pt x="5608" y="26866"/>
                    <a:pt x="5357" y="26971"/>
                    <a:pt x="5105" y="27054"/>
                  </a:cubicBezTo>
                  <a:cubicBezTo>
                    <a:pt x="4478" y="27222"/>
                    <a:pt x="4185" y="27703"/>
                    <a:pt x="4101" y="28310"/>
                  </a:cubicBezTo>
                  <a:cubicBezTo>
                    <a:pt x="4059" y="28791"/>
                    <a:pt x="4059" y="29314"/>
                    <a:pt x="4101" y="29837"/>
                  </a:cubicBezTo>
                  <a:cubicBezTo>
                    <a:pt x="4143" y="30256"/>
                    <a:pt x="4269" y="30653"/>
                    <a:pt x="4687" y="30883"/>
                  </a:cubicBezTo>
                  <a:cubicBezTo>
                    <a:pt x="4875" y="30988"/>
                    <a:pt x="5001" y="31155"/>
                    <a:pt x="5126" y="31302"/>
                  </a:cubicBezTo>
                  <a:cubicBezTo>
                    <a:pt x="5315" y="31553"/>
                    <a:pt x="5294" y="31867"/>
                    <a:pt x="5105" y="32034"/>
                  </a:cubicBezTo>
                  <a:cubicBezTo>
                    <a:pt x="4917" y="32223"/>
                    <a:pt x="4603" y="32243"/>
                    <a:pt x="4373" y="32076"/>
                  </a:cubicBezTo>
                  <a:lnTo>
                    <a:pt x="4143" y="31825"/>
                  </a:lnTo>
                  <a:cubicBezTo>
                    <a:pt x="4059" y="31720"/>
                    <a:pt x="3976" y="31616"/>
                    <a:pt x="3934" y="31511"/>
                  </a:cubicBezTo>
                  <a:cubicBezTo>
                    <a:pt x="3829" y="31511"/>
                    <a:pt x="3745" y="31490"/>
                    <a:pt x="3662" y="31490"/>
                  </a:cubicBezTo>
                  <a:cubicBezTo>
                    <a:pt x="2992" y="31511"/>
                    <a:pt x="2532" y="31950"/>
                    <a:pt x="2511" y="32641"/>
                  </a:cubicBezTo>
                  <a:lnTo>
                    <a:pt x="2511" y="33415"/>
                  </a:lnTo>
                  <a:cubicBezTo>
                    <a:pt x="2532" y="34210"/>
                    <a:pt x="3034" y="34775"/>
                    <a:pt x="3515" y="35361"/>
                  </a:cubicBezTo>
                  <a:cubicBezTo>
                    <a:pt x="3641" y="35508"/>
                    <a:pt x="3829" y="35612"/>
                    <a:pt x="3934" y="35800"/>
                  </a:cubicBezTo>
                  <a:cubicBezTo>
                    <a:pt x="4059" y="36010"/>
                    <a:pt x="4248" y="36114"/>
                    <a:pt x="4499" y="36135"/>
                  </a:cubicBezTo>
                  <a:cubicBezTo>
                    <a:pt x="4603" y="36135"/>
                    <a:pt x="4729" y="36135"/>
                    <a:pt x="4833" y="36177"/>
                  </a:cubicBezTo>
                  <a:cubicBezTo>
                    <a:pt x="5001" y="36198"/>
                    <a:pt x="5126" y="36240"/>
                    <a:pt x="5210" y="36428"/>
                  </a:cubicBezTo>
                  <a:cubicBezTo>
                    <a:pt x="5105" y="36512"/>
                    <a:pt x="4980" y="36554"/>
                    <a:pt x="4896" y="36637"/>
                  </a:cubicBezTo>
                  <a:cubicBezTo>
                    <a:pt x="4687" y="36826"/>
                    <a:pt x="4415" y="36868"/>
                    <a:pt x="4164" y="36847"/>
                  </a:cubicBezTo>
                  <a:cubicBezTo>
                    <a:pt x="3997" y="36826"/>
                    <a:pt x="3850" y="36868"/>
                    <a:pt x="3725" y="36826"/>
                  </a:cubicBezTo>
                  <a:cubicBezTo>
                    <a:pt x="3432" y="36700"/>
                    <a:pt x="3201" y="36805"/>
                    <a:pt x="2992" y="36951"/>
                  </a:cubicBezTo>
                  <a:cubicBezTo>
                    <a:pt x="2595" y="37265"/>
                    <a:pt x="2176" y="37579"/>
                    <a:pt x="1841" y="37956"/>
                  </a:cubicBezTo>
                  <a:cubicBezTo>
                    <a:pt x="1569" y="38207"/>
                    <a:pt x="1360" y="38541"/>
                    <a:pt x="1214" y="38897"/>
                  </a:cubicBezTo>
                  <a:cubicBezTo>
                    <a:pt x="921" y="39650"/>
                    <a:pt x="795" y="40425"/>
                    <a:pt x="900" y="41241"/>
                  </a:cubicBezTo>
                  <a:cubicBezTo>
                    <a:pt x="921" y="41450"/>
                    <a:pt x="963" y="41659"/>
                    <a:pt x="1046" y="41847"/>
                  </a:cubicBezTo>
                  <a:cubicBezTo>
                    <a:pt x="1360" y="42559"/>
                    <a:pt x="1800" y="43145"/>
                    <a:pt x="2406" y="43647"/>
                  </a:cubicBezTo>
                  <a:cubicBezTo>
                    <a:pt x="2720" y="43919"/>
                    <a:pt x="3034" y="44065"/>
                    <a:pt x="3453" y="44044"/>
                  </a:cubicBezTo>
                  <a:cubicBezTo>
                    <a:pt x="3745" y="44023"/>
                    <a:pt x="4038" y="44044"/>
                    <a:pt x="4289" y="43940"/>
                  </a:cubicBezTo>
                  <a:cubicBezTo>
                    <a:pt x="4373" y="43919"/>
                    <a:pt x="4499" y="43919"/>
                    <a:pt x="4561" y="43961"/>
                  </a:cubicBezTo>
                  <a:cubicBezTo>
                    <a:pt x="4666" y="44065"/>
                    <a:pt x="4582" y="44170"/>
                    <a:pt x="4520" y="44275"/>
                  </a:cubicBezTo>
                  <a:cubicBezTo>
                    <a:pt x="4457" y="44442"/>
                    <a:pt x="4310" y="44547"/>
                    <a:pt x="4269" y="44693"/>
                  </a:cubicBezTo>
                  <a:cubicBezTo>
                    <a:pt x="4143" y="45132"/>
                    <a:pt x="4038" y="45593"/>
                    <a:pt x="3955" y="46032"/>
                  </a:cubicBezTo>
                  <a:cubicBezTo>
                    <a:pt x="3829" y="46995"/>
                    <a:pt x="3829" y="47957"/>
                    <a:pt x="3787" y="48940"/>
                  </a:cubicBezTo>
                  <a:cubicBezTo>
                    <a:pt x="3766" y="49736"/>
                    <a:pt x="4101" y="50363"/>
                    <a:pt x="4520" y="50970"/>
                  </a:cubicBezTo>
                  <a:cubicBezTo>
                    <a:pt x="4582" y="51054"/>
                    <a:pt x="4687" y="51137"/>
                    <a:pt x="4792" y="51179"/>
                  </a:cubicBezTo>
                  <a:cubicBezTo>
                    <a:pt x="5210" y="51389"/>
                    <a:pt x="5649" y="51577"/>
                    <a:pt x="6152" y="51577"/>
                  </a:cubicBezTo>
                  <a:cubicBezTo>
                    <a:pt x="6717" y="51598"/>
                    <a:pt x="7072" y="51284"/>
                    <a:pt x="7302" y="50845"/>
                  </a:cubicBezTo>
                  <a:cubicBezTo>
                    <a:pt x="7344" y="50761"/>
                    <a:pt x="7344" y="50656"/>
                    <a:pt x="7407" y="50573"/>
                  </a:cubicBezTo>
                  <a:cubicBezTo>
                    <a:pt x="7512" y="50342"/>
                    <a:pt x="7700" y="50238"/>
                    <a:pt x="7951" y="50259"/>
                  </a:cubicBezTo>
                  <a:cubicBezTo>
                    <a:pt x="8181" y="50301"/>
                    <a:pt x="8370" y="50426"/>
                    <a:pt x="8390" y="50677"/>
                  </a:cubicBezTo>
                  <a:cubicBezTo>
                    <a:pt x="8453" y="51200"/>
                    <a:pt x="8704" y="51661"/>
                    <a:pt x="8955" y="52121"/>
                  </a:cubicBezTo>
                  <a:cubicBezTo>
                    <a:pt x="9102" y="52414"/>
                    <a:pt x="9332" y="52623"/>
                    <a:pt x="9604" y="52832"/>
                  </a:cubicBezTo>
                  <a:cubicBezTo>
                    <a:pt x="9688" y="52916"/>
                    <a:pt x="9813" y="52937"/>
                    <a:pt x="9918" y="52958"/>
                  </a:cubicBezTo>
                  <a:cubicBezTo>
                    <a:pt x="10169" y="52979"/>
                    <a:pt x="10441" y="52979"/>
                    <a:pt x="10692" y="52958"/>
                  </a:cubicBezTo>
                  <a:cubicBezTo>
                    <a:pt x="10818" y="52937"/>
                    <a:pt x="10985" y="52853"/>
                    <a:pt x="11090" y="52749"/>
                  </a:cubicBezTo>
                  <a:cubicBezTo>
                    <a:pt x="11236" y="52560"/>
                    <a:pt x="11403" y="52351"/>
                    <a:pt x="11529" y="52142"/>
                  </a:cubicBezTo>
                  <a:cubicBezTo>
                    <a:pt x="11634" y="51974"/>
                    <a:pt x="11738" y="51786"/>
                    <a:pt x="11822" y="51598"/>
                  </a:cubicBezTo>
                  <a:cubicBezTo>
                    <a:pt x="12115" y="51054"/>
                    <a:pt x="12638" y="50970"/>
                    <a:pt x="13077" y="51200"/>
                  </a:cubicBezTo>
                  <a:cubicBezTo>
                    <a:pt x="13266" y="51305"/>
                    <a:pt x="13412" y="51409"/>
                    <a:pt x="13600" y="51556"/>
                  </a:cubicBezTo>
                  <a:cubicBezTo>
                    <a:pt x="13956" y="51828"/>
                    <a:pt x="14354" y="52037"/>
                    <a:pt x="14835" y="52100"/>
                  </a:cubicBezTo>
                  <a:cubicBezTo>
                    <a:pt x="14961" y="52121"/>
                    <a:pt x="15107" y="52121"/>
                    <a:pt x="15191" y="52037"/>
                  </a:cubicBezTo>
                  <a:cubicBezTo>
                    <a:pt x="15588" y="51702"/>
                    <a:pt x="15923" y="51347"/>
                    <a:pt x="16153" y="50845"/>
                  </a:cubicBezTo>
                  <a:cubicBezTo>
                    <a:pt x="15735" y="50656"/>
                    <a:pt x="15358" y="50468"/>
                    <a:pt x="14940" y="50321"/>
                  </a:cubicBezTo>
                  <a:cubicBezTo>
                    <a:pt x="14626" y="50217"/>
                    <a:pt x="14333" y="50091"/>
                    <a:pt x="14249" y="49715"/>
                  </a:cubicBezTo>
                  <a:cubicBezTo>
                    <a:pt x="14228" y="49631"/>
                    <a:pt x="14144" y="49568"/>
                    <a:pt x="14082" y="49505"/>
                  </a:cubicBezTo>
                  <a:cubicBezTo>
                    <a:pt x="13768" y="49171"/>
                    <a:pt x="13768" y="49171"/>
                    <a:pt x="13621" y="48773"/>
                  </a:cubicBezTo>
                  <a:cubicBezTo>
                    <a:pt x="13412" y="48815"/>
                    <a:pt x="13203" y="48815"/>
                    <a:pt x="13036" y="48878"/>
                  </a:cubicBezTo>
                  <a:cubicBezTo>
                    <a:pt x="12429" y="49087"/>
                    <a:pt x="11822" y="49066"/>
                    <a:pt x="11215" y="48961"/>
                  </a:cubicBezTo>
                  <a:cubicBezTo>
                    <a:pt x="10901" y="48899"/>
                    <a:pt x="10587" y="48836"/>
                    <a:pt x="10274" y="48773"/>
                  </a:cubicBezTo>
                  <a:cubicBezTo>
                    <a:pt x="10043" y="48752"/>
                    <a:pt x="9813" y="48648"/>
                    <a:pt x="9625" y="48459"/>
                  </a:cubicBezTo>
                  <a:cubicBezTo>
                    <a:pt x="9479" y="48334"/>
                    <a:pt x="9311" y="48208"/>
                    <a:pt x="9144" y="48041"/>
                  </a:cubicBezTo>
                  <a:cubicBezTo>
                    <a:pt x="8914" y="47811"/>
                    <a:pt x="8683" y="47539"/>
                    <a:pt x="8474" y="47288"/>
                  </a:cubicBezTo>
                  <a:cubicBezTo>
                    <a:pt x="8286" y="47057"/>
                    <a:pt x="8202" y="46785"/>
                    <a:pt x="8202" y="46492"/>
                  </a:cubicBezTo>
                  <a:cubicBezTo>
                    <a:pt x="8244" y="46262"/>
                    <a:pt x="8244" y="46011"/>
                    <a:pt x="8202" y="45760"/>
                  </a:cubicBezTo>
                  <a:cubicBezTo>
                    <a:pt x="8181" y="45321"/>
                    <a:pt x="8286" y="44902"/>
                    <a:pt x="8558" y="44547"/>
                  </a:cubicBezTo>
                  <a:cubicBezTo>
                    <a:pt x="8725" y="44275"/>
                    <a:pt x="8893" y="44044"/>
                    <a:pt x="9186" y="43919"/>
                  </a:cubicBezTo>
                  <a:cubicBezTo>
                    <a:pt x="9332" y="43835"/>
                    <a:pt x="9479" y="43730"/>
                    <a:pt x="9520" y="43542"/>
                  </a:cubicBezTo>
                  <a:cubicBezTo>
                    <a:pt x="9437" y="43396"/>
                    <a:pt x="9395" y="43228"/>
                    <a:pt x="9311" y="43082"/>
                  </a:cubicBezTo>
                  <a:cubicBezTo>
                    <a:pt x="9227" y="42914"/>
                    <a:pt x="9269" y="42726"/>
                    <a:pt x="9374" y="42580"/>
                  </a:cubicBezTo>
                  <a:cubicBezTo>
                    <a:pt x="9667" y="42182"/>
                    <a:pt x="9751" y="41680"/>
                    <a:pt x="9834" y="41199"/>
                  </a:cubicBezTo>
                  <a:cubicBezTo>
                    <a:pt x="9897" y="40801"/>
                    <a:pt x="10127" y="40487"/>
                    <a:pt x="10315" y="40173"/>
                  </a:cubicBezTo>
                  <a:cubicBezTo>
                    <a:pt x="10357" y="40069"/>
                    <a:pt x="10483" y="40048"/>
                    <a:pt x="10629" y="40069"/>
                  </a:cubicBezTo>
                  <a:cubicBezTo>
                    <a:pt x="10755" y="40090"/>
                    <a:pt x="10880" y="40132"/>
                    <a:pt x="10943" y="40278"/>
                  </a:cubicBezTo>
                  <a:cubicBezTo>
                    <a:pt x="10901" y="40299"/>
                    <a:pt x="10880" y="40362"/>
                    <a:pt x="10818" y="40383"/>
                  </a:cubicBezTo>
                  <a:cubicBezTo>
                    <a:pt x="10546" y="40529"/>
                    <a:pt x="10462" y="40822"/>
                    <a:pt x="10483" y="41115"/>
                  </a:cubicBezTo>
                  <a:cubicBezTo>
                    <a:pt x="10504" y="41366"/>
                    <a:pt x="10462" y="41638"/>
                    <a:pt x="10441" y="41889"/>
                  </a:cubicBezTo>
                  <a:cubicBezTo>
                    <a:pt x="10357" y="42350"/>
                    <a:pt x="10378" y="42601"/>
                    <a:pt x="10525" y="43019"/>
                  </a:cubicBezTo>
                  <a:cubicBezTo>
                    <a:pt x="10755" y="43103"/>
                    <a:pt x="11048" y="43040"/>
                    <a:pt x="11299" y="43040"/>
                  </a:cubicBezTo>
                  <a:cubicBezTo>
                    <a:pt x="11780" y="43082"/>
                    <a:pt x="12240" y="43082"/>
                    <a:pt x="12659" y="42789"/>
                  </a:cubicBezTo>
                  <a:cubicBezTo>
                    <a:pt x="12743" y="42726"/>
                    <a:pt x="12868" y="42684"/>
                    <a:pt x="12973" y="42684"/>
                  </a:cubicBezTo>
                  <a:cubicBezTo>
                    <a:pt x="13538" y="42580"/>
                    <a:pt x="13956" y="42203"/>
                    <a:pt x="14375" y="41889"/>
                  </a:cubicBezTo>
                  <a:cubicBezTo>
                    <a:pt x="14605" y="41743"/>
                    <a:pt x="14668" y="41513"/>
                    <a:pt x="14647" y="41241"/>
                  </a:cubicBezTo>
                  <a:cubicBezTo>
                    <a:pt x="14626" y="41031"/>
                    <a:pt x="14521" y="40927"/>
                    <a:pt x="14312" y="40843"/>
                  </a:cubicBezTo>
                  <a:cubicBezTo>
                    <a:pt x="14228" y="40822"/>
                    <a:pt x="14144" y="40822"/>
                    <a:pt x="14103" y="40801"/>
                  </a:cubicBezTo>
                  <a:cubicBezTo>
                    <a:pt x="13935" y="40717"/>
                    <a:pt x="13831" y="40529"/>
                    <a:pt x="13852" y="40383"/>
                  </a:cubicBezTo>
                  <a:cubicBezTo>
                    <a:pt x="13893" y="40215"/>
                    <a:pt x="14019" y="40048"/>
                    <a:pt x="14165" y="40006"/>
                  </a:cubicBezTo>
                  <a:cubicBezTo>
                    <a:pt x="14333" y="39985"/>
                    <a:pt x="14479" y="40006"/>
                    <a:pt x="14626" y="39985"/>
                  </a:cubicBezTo>
                  <a:cubicBezTo>
                    <a:pt x="14835" y="39943"/>
                    <a:pt x="15086" y="39943"/>
                    <a:pt x="15274" y="39797"/>
                  </a:cubicBezTo>
                  <a:cubicBezTo>
                    <a:pt x="15588" y="39629"/>
                    <a:pt x="15839" y="39378"/>
                    <a:pt x="16111" y="39127"/>
                  </a:cubicBezTo>
                  <a:cubicBezTo>
                    <a:pt x="16634" y="38604"/>
                    <a:pt x="16634" y="37956"/>
                    <a:pt x="16509" y="37265"/>
                  </a:cubicBezTo>
                  <a:cubicBezTo>
                    <a:pt x="16509" y="37223"/>
                    <a:pt x="16446" y="37181"/>
                    <a:pt x="16404" y="37119"/>
                  </a:cubicBezTo>
                  <a:cubicBezTo>
                    <a:pt x="16321" y="37119"/>
                    <a:pt x="16216" y="37077"/>
                    <a:pt x="16132" y="37077"/>
                  </a:cubicBezTo>
                  <a:cubicBezTo>
                    <a:pt x="15735" y="37119"/>
                    <a:pt x="15505" y="36847"/>
                    <a:pt x="15295" y="36554"/>
                  </a:cubicBezTo>
                  <a:cubicBezTo>
                    <a:pt x="15044" y="36198"/>
                    <a:pt x="15253" y="35759"/>
                    <a:pt x="15693" y="35696"/>
                  </a:cubicBezTo>
                  <a:cubicBezTo>
                    <a:pt x="16111" y="35654"/>
                    <a:pt x="16530" y="35654"/>
                    <a:pt x="16844" y="36031"/>
                  </a:cubicBezTo>
                  <a:cubicBezTo>
                    <a:pt x="16865" y="36093"/>
                    <a:pt x="16927" y="36093"/>
                    <a:pt x="16969" y="36135"/>
                  </a:cubicBezTo>
                  <a:cubicBezTo>
                    <a:pt x="17974" y="36135"/>
                    <a:pt x="18936" y="35026"/>
                    <a:pt x="18538" y="33938"/>
                  </a:cubicBezTo>
                  <a:cubicBezTo>
                    <a:pt x="18350" y="33875"/>
                    <a:pt x="18141" y="33813"/>
                    <a:pt x="17974" y="33708"/>
                  </a:cubicBezTo>
                  <a:cubicBezTo>
                    <a:pt x="17806" y="33603"/>
                    <a:pt x="17660" y="33499"/>
                    <a:pt x="17513" y="33352"/>
                  </a:cubicBezTo>
                  <a:cubicBezTo>
                    <a:pt x="17241" y="32976"/>
                    <a:pt x="17471" y="32515"/>
                    <a:pt x="17932" y="32474"/>
                  </a:cubicBezTo>
                  <a:lnTo>
                    <a:pt x="18455" y="32474"/>
                  </a:lnTo>
                  <a:cubicBezTo>
                    <a:pt x="18664" y="32474"/>
                    <a:pt x="18831" y="32557"/>
                    <a:pt x="18957" y="32725"/>
                  </a:cubicBezTo>
                  <a:cubicBezTo>
                    <a:pt x="19062" y="32850"/>
                    <a:pt x="19166" y="32976"/>
                    <a:pt x="19271" y="33143"/>
                  </a:cubicBezTo>
                  <a:cubicBezTo>
                    <a:pt x="19375" y="33143"/>
                    <a:pt x="19459" y="33143"/>
                    <a:pt x="19564" y="33101"/>
                  </a:cubicBezTo>
                  <a:cubicBezTo>
                    <a:pt x="19794" y="33059"/>
                    <a:pt x="20024" y="32976"/>
                    <a:pt x="20275" y="32934"/>
                  </a:cubicBezTo>
                  <a:cubicBezTo>
                    <a:pt x="20924" y="32787"/>
                    <a:pt x="21468" y="32474"/>
                    <a:pt x="21991" y="32097"/>
                  </a:cubicBezTo>
                  <a:cubicBezTo>
                    <a:pt x="22305" y="31846"/>
                    <a:pt x="22535" y="31595"/>
                    <a:pt x="22619" y="31176"/>
                  </a:cubicBezTo>
                  <a:cubicBezTo>
                    <a:pt x="22681" y="30883"/>
                    <a:pt x="22744" y="30570"/>
                    <a:pt x="22807" y="30277"/>
                  </a:cubicBezTo>
                  <a:cubicBezTo>
                    <a:pt x="22932" y="29544"/>
                    <a:pt x="22849" y="28854"/>
                    <a:pt x="22430" y="28226"/>
                  </a:cubicBezTo>
                  <a:cubicBezTo>
                    <a:pt x="22388" y="28121"/>
                    <a:pt x="22305" y="28038"/>
                    <a:pt x="22263" y="27954"/>
                  </a:cubicBezTo>
                  <a:cubicBezTo>
                    <a:pt x="22326" y="27808"/>
                    <a:pt x="22472" y="27703"/>
                    <a:pt x="22619" y="27703"/>
                  </a:cubicBezTo>
                  <a:cubicBezTo>
                    <a:pt x="22786" y="27703"/>
                    <a:pt x="22849" y="27808"/>
                    <a:pt x="22932" y="27912"/>
                  </a:cubicBezTo>
                  <a:cubicBezTo>
                    <a:pt x="23163" y="28184"/>
                    <a:pt x="23351" y="28498"/>
                    <a:pt x="23435" y="28854"/>
                  </a:cubicBezTo>
                  <a:cubicBezTo>
                    <a:pt x="23518" y="29230"/>
                    <a:pt x="23581" y="29628"/>
                    <a:pt x="23623" y="30026"/>
                  </a:cubicBezTo>
                  <a:cubicBezTo>
                    <a:pt x="23644" y="30318"/>
                    <a:pt x="23686" y="30549"/>
                    <a:pt x="23874" y="30758"/>
                  </a:cubicBezTo>
                  <a:cubicBezTo>
                    <a:pt x="24000" y="30946"/>
                    <a:pt x="24146" y="31114"/>
                    <a:pt x="24272" y="31323"/>
                  </a:cubicBezTo>
                  <a:cubicBezTo>
                    <a:pt x="24460" y="31678"/>
                    <a:pt x="24878" y="31616"/>
                    <a:pt x="25108" y="31888"/>
                  </a:cubicBezTo>
                  <a:cubicBezTo>
                    <a:pt x="25150" y="31930"/>
                    <a:pt x="25234" y="31930"/>
                    <a:pt x="25318" y="31950"/>
                  </a:cubicBezTo>
                  <a:lnTo>
                    <a:pt x="25360" y="31950"/>
                  </a:lnTo>
                  <a:cubicBezTo>
                    <a:pt x="25632" y="31930"/>
                    <a:pt x="25883" y="31950"/>
                    <a:pt x="26155" y="31909"/>
                  </a:cubicBezTo>
                  <a:cubicBezTo>
                    <a:pt x="26594" y="31825"/>
                    <a:pt x="26908" y="31574"/>
                    <a:pt x="26992" y="31093"/>
                  </a:cubicBezTo>
                  <a:cubicBezTo>
                    <a:pt x="27013" y="30862"/>
                    <a:pt x="27117" y="30674"/>
                    <a:pt x="27243" y="30465"/>
                  </a:cubicBezTo>
                  <a:cubicBezTo>
                    <a:pt x="27326" y="30318"/>
                    <a:pt x="27494" y="30277"/>
                    <a:pt x="27640" y="30318"/>
                  </a:cubicBezTo>
                  <a:cubicBezTo>
                    <a:pt x="27808" y="30339"/>
                    <a:pt x="27933" y="30444"/>
                    <a:pt x="27954" y="30590"/>
                  </a:cubicBezTo>
                  <a:cubicBezTo>
                    <a:pt x="27975" y="30737"/>
                    <a:pt x="27954" y="30862"/>
                    <a:pt x="27975" y="30988"/>
                  </a:cubicBezTo>
                  <a:cubicBezTo>
                    <a:pt x="28017" y="31155"/>
                    <a:pt x="28017" y="31302"/>
                    <a:pt x="28080" y="31427"/>
                  </a:cubicBezTo>
                  <a:cubicBezTo>
                    <a:pt x="28373" y="31909"/>
                    <a:pt x="28686" y="32411"/>
                    <a:pt x="29105" y="32787"/>
                  </a:cubicBezTo>
                  <a:cubicBezTo>
                    <a:pt x="29544" y="33248"/>
                    <a:pt x="30067" y="33352"/>
                    <a:pt x="30674" y="33290"/>
                  </a:cubicBezTo>
                  <a:cubicBezTo>
                    <a:pt x="30758" y="33290"/>
                    <a:pt x="30862" y="33248"/>
                    <a:pt x="30946" y="33185"/>
                  </a:cubicBezTo>
                  <a:cubicBezTo>
                    <a:pt x="31218" y="32934"/>
                    <a:pt x="31532" y="32662"/>
                    <a:pt x="31699" y="32264"/>
                  </a:cubicBezTo>
                  <a:cubicBezTo>
                    <a:pt x="31741" y="32139"/>
                    <a:pt x="31804" y="32034"/>
                    <a:pt x="31846" y="31909"/>
                  </a:cubicBezTo>
                  <a:cubicBezTo>
                    <a:pt x="31930" y="31720"/>
                    <a:pt x="32055" y="31637"/>
                    <a:pt x="32243" y="31637"/>
                  </a:cubicBezTo>
                  <a:cubicBezTo>
                    <a:pt x="32515" y="31616"/>
                    <a:pt x="32683" y="31720"/>
                    <a:pt x="32787" y="32034"/>
                  </a:cubicBezTo>
                  <a:cubicBezTo>
                    <a:pt x="32955" y="32557"/>
                    <a:pt x="33290" y="32976"/>
                    <a:pt x="33562" y="33415"/>
                  </a:cubicBezTo>
                  <a:cubicBezTo>
                    <a:pt x="33624" y="33562"/>
                    <a:pt x="33729" y="33666"/>
                    <a:pt x="33875" y="33771"/>
                  </a:cubicBezTo>
                  <a:cubicBezTo>
                    <a:pt x="33980" y="33875"/>
                    <a:pt x="34127" y="33875"/>
                    <a:pt x="34231" y="33792"/>
                  </a:cubicBezTo>
                  <a:cubicBezTo>
                    <a:pt x="34357" y="33708"/>
                    <a:pt x="34419" y="33583"/>
                    <a:pt x="34357" y="33457"/>
                  </a:cubicBezTo>
                  <a:cubicBezTo>
                    <a:pt x="34336" y="33311"/>
                    <a:pt x="34252" y="33206"/>
                    <a:pt x="34210" y="33080"/>
                  </a:cubicBezTo>
                  <a:cubicBezTo>
                    <a:pt x="33917" y="32453"/>
                    <a:pt x="33624" y="31846"/>
                    <a:pt x="33352" y="31218"/>
                  </a:cubicBezTo>
                  <a:cubicBezTo>
                    <a:pt x="33290" y="31114"/>
                    <a:pt x="33269" y="31009"/>
                    <a:pt x="33394" y="30904"/>
                  </a:cubicBezTo>
                  <a:cubicBezTo>
                    <a:pt x="33771" y="31009"/>
                    <a:pt x="34106" y="31197"/>
                    <a:pt x="34336" y="31574"/>
                  </a:cubicBezTo>
                  <a:cubicBezTo>
                    <a:pt x="34503" y="31846"/>
                    <a:pt x="34671" y="32139"/>
                    <a:pt x="34859" y="32453"/>
                  </a:cubicBezTo>
                  <a:cubicBezTo>
                    <a:pt x="34943" y="32369"/>
                    <a:pt x="34984" y="32327"/>
                    <a:pt x="35026" y="32243"/>
                  </a:cubicBezTo>
                  <a:cubicBezTo>
                    <a:pt x="35235" y="31909"/>
                    <a:pt x="35507" y="31699"/>
                    <a:pt x="35926" y="31616"/>
                  </a:cubicBezTo>
                  <a:cubicBezTo>
                    <a:pt x="36031" y="31595"/>
                    <a:pt x="36114" y="31532"/>
                    <a:pt x="36303" y="31469"/>
                  </a:cubicBezTo>
                  <a:cubicBezTo>
                    <a:pt x="35800" y="31281"/>
                    <a:pt x="35298" y="31323"/>
                    <a:pt x="34963" y="31009"/>
                  </a:cubicBezTo>
                  <a:cubicBezTo>
                    <a:pt x="34984" y="30800"/>
                    <a:pt x="35047" y="30590"/>
                    <a:pt x="35047" y="30423"/>
                  </a:cubicBezTo>
                  <a:cubicBezTo>
                    <a:pt x="35026" y="30130"/>
                    <a:pt x="35089" y="29900"/>
                    <a:pt x="35235" y="29649"/>
                  </a:cubicBezTo>
                  <a:cubicBezTo>
                    <a:pt x="35361" y="29419"/>
                    <a:pt x="35466" y="29189"/>
                    <a:pt x="35591" y="28958"/>
                  </a:cubicBezTo>
                  <a:cubicBezTo>
                    <a:pt x="35654" y="28875"/>
                    <a:pt x="35696" y="28791"/>
                    <a:pt x="35696" y="28686"/>
                  </a:cubicBezTo>
                  <a:cubicBezTo>
                    <a:pt x="35759" y="28038"/>
                    <a:pt x="35696" y="27389"/>
                    <a:pt x="35173" y="26908"/>
                  </a:cubicBezTo>
                  <a:cubicBezTo>
                    <a:pt x="34859" y="26615"/>
                    <a:pt x="34524" y="26385"/>
                    <a:pt x="34210" y="26092"/>
                  </a:cubicBezTo>
                  <a:cubicBezTo>
                    <a:pt x="33938" y="25883"/>
                    <a:pt x="33666" y="25778"/>
                    <a:pt x="33311" y="25820"/>
                  </a:cubicBezTo>
                  <a:cubicBezTo>
                    <a:pt x="32871" y="25841"/>
                    <a:pt x="32453" y="25841"/>
                    <a:pt x="32013" y="25820"/>
                  </a:cubicBezTo>
                  <a:cubicBezTo>
                    <a:pt x="31532" y="25778"/>
                    <a:pt x="31323" y="25443"/>
                    <a:pt x="31616" y="25088"/>
                  </a:cubicBezTo>
                  <a:cubicBezTo>
                    <a:pt x="31846" y="24774"/>
                    <a:pt x="31825" y="24418"/>
                    <a:pt x="31699" y="24104"/>
                  </a:cubicBezTo>
                  <a:cubicBezTo>
                    <a:pt x="31574" y="23832"/>
                    <a:pt x="31386" y="23539"/>
                    <a:pt x="31197" y="23267"/>
                  </a:cubicBezTo>
                  <a:cubicBezTo>
                    <a:pt x="31093" y="23142"/>
                    <a:pt x="30946" y="23037"/>
                    <a:pt x="30800" y="22953"/>
                  </a:cubicBezTo>
                  <a:cubicBezTo>
                    <a:pt x="30549" y="22807"/>
                    <a:pt x="30256" y="22702"/>
                    <a:pt x="30005" y="22535"/>
                  </a:cubicBezTo>
                  <a:cubicBezTo>
                    <a:pt x="29795" y="22409"/>
                    <a:pt x="29586" y="22367"/>
                    <a:pt x="29335" y="22367"/>
                  </a:cubicBezTo>
                  <a:lnTo>
                    <a:pt x="28812" y="22367"/>
                  </a:lnTo>
                  <a:cubicBezTo>
                    <a:pt x="28665" y="22807"/>
                    <a:pt x="28352" y="22932"/>
                    <a:pt x="27933" y="22891"/>
                  </a:cubicBezTo>
                  <a:cubicBezTo>
                    <a:pt x="27724" y="22849"/>
                    <a:pt x="27515" y="22807"/>
                    <a:pt x="27410" y="22598"/>
                  </a:cubicBezTo>
                  <a:cubicBezTo>
                    <a:pt x="27305" y="22367"/>
                    <a:pt x="27347" y="22158"/>
                    <a:pt x="27494" y="21970"/>
                  </a:cubicBezTo>
                  <a:cubicBezTo>
                    <a:pt x="27557" y="21865"/>
                    <a:pt x="27703" y="21761"/>
                    <a:pt x="27766" y="21656"/>
                  </a:cubicBezTo>
                  <a:cubicBezTo>
                    <a:pt x="27745" y="21551"/>
                    <a:pt x="27745" y="21468"/>
                    <a:pt x="27724" y="21426"/>
                  </a:cubicBezTo>
                  <a:cubicBezTo>
                    <a:pt x="27703" y="21342"/>
                    <a:pt x="27640" y="21279"/>
                    <a:pt x="27598" y="21238"/>
                  </a:cubicBezTo>
                  <a:cubicBezTo>
                    <a:pt x="27033" y="20631"/>
                    <a:pt x="26468" y="20066"/>
                    <a:pt x="25673" y="19752"/>
                  </a:cubicBezTo>
                  <a:cubicBezTo>
                    <a:pt x="25506" y="19668"/>
                    <a:pt x="25297" y="19585"/>
                    <a:pt x="25088" y="19564"/>
                  </a:cubicBezTo>
                  <a:cubicBezTo>
                    <a:pt x="24523" y="19480"/>
                    <a:pt x="23979" y="19459"/>
                    <a:pt x="23518" y="19878"/>
                  </a:cubicBezTo>
                  <a:cubicBezTo>
                    <a:pt x="23351" y="20003"/>
                    <a:pt x="23246" y="20129"/>
                    <a:pt x="23246" y="20338"/>
                  </a:cubicBezTo>
                  <a:cubicBezTo>
                    <a:pt x="23246" y="20484"/>
                    <a:pt x="23225" y="20610"/>
                    <a:pt x="23204" y="20735"/>
                  </a:cubicBezTo>
                  <a:cubicBezTo>
                    <a:pt x="23142" y="20924"/>
                    <a:pt x="22953" y="21028"/>
                    <a:pt x="22744" y="21028"/>
                  </a:cubicBezTo>
                  <a:cubicBezTo>
                    <a:pt x="22577" y="21007"/>
                    <a:pt x="22409" y="20903"/>
                    <a:pt x="22388" y="20715"/>
                  </a:cubicBezTo>
                  <a:cubicBezTo>
                    <a:pt x="22367" y="20610"/>
                    <a:pt x="22367" y="20484"/>
                    <a:pt x="22326" y="20380"/>
                  </a:cubicBezTo>
                  <a:cubicBezTo>
                    <a:pt x="22284" y="20108"/>
                    <a:pt x="22158" y="19898"/>
                    <a:pt x="21907" y="19752"/>
                  </a:cubicBezTo>
                  <a:cubicBezTo>
                    <a:pt x="21133" y="19229"/>
                    <a:pt x="20338" y="18769"/>
                    <a:pt x="19396" y="18601"/>
                  </a:cubicBezTo>
                  <a:cubicBezTo>
                    <a:pt x="18748" y="18455"/>
                    <a:pt x="18183" y="18497"/>
                    <a:pt x="17701" y="19020"/>
                  </a:cubicBezTo>
                  <a:cubicBezTo>
                    <a:pt x="17660" y="19082"/>
                    <a:pt x="17576" y="19145"/>
                    <a:pt x="17492" y="19229"/>
                  </a:cubicBezTo>
                  <a:cubicBezTo>
                    <a:pt x="17283" y="19396"/>
                    <a:pt x="17157" y="19647"/>
                    <a:pt x="17199" y="19961"/>
                  </a:cubicBezTo>
                  <a:cubicBezTo>
                    <a:pt x="17283" y="20003"/>
                    <a:pt x="17367" y="20066"/>
                    <a:pt x="17471" y="20129"/>
                  </a:cubicBezTo>
                  <a:cubicBezTo>
                    <a:pt x="17597" y="20233"/>
                    <a:pt x="17722" y="20380"/>
                    <a:pt x="17827" y="20505"/>
                  </a:cubicBezTo>
                  <a:cubicBezTo>
                    <a:pt x="18036" y="20756"/>
                    <a:pt x="18015" y="21259"/>
                    <a:pt x="17806" y="21447"/>
                  </a:cubicBezTo>
                  <a:cubicBezTo>
                    <a:pt x="17597" y="21656"/>
                    <a:pt x="17095" y="21635"/>
                    <a:pt x="16865" y="21426"/>
                  </a:cubicBezTo>
                  <a:cubicBezTo>
                    <a:pt x="16760" y="21342"/>
                    <a:pt x="16676" y="21238"/>
                    <a:pt x="16613" y="21112"/>
                  </a:cubicBezTo>
                  <a:cubicBezTo>
                    <a:pt x="16530" y="21007"/>
                    <a:pt x="16467" y="20882"/>
                    <a:pt x="16425" y="20735"/>
                  </a:cubicBezTo>
                  <a:cubicBezTo>
                    <a:pt x="16321" y="20443"/>
                    <a:pt x="16090" y="20359"/>
                    <a:pt x="15797" y="20359"/>
                  </a:cubicBezTo>
                  <a:cubicBezTo>
                    <a:pt x="15065" y="20359"/>
                    <a:pt x="14312" y="20296"/>
                    <a:pt x="13600" y="20589"/>
                  </a:cubicBezTo>
                  <a:cubicBezTo>
                    <a:pt x="13580" y="20610"/>
                    <a:pt x="13517" y="20610"/>
                    <a:pt x="13496" y="20610"/>
                  </a:cubicBezTo>
                  <a:cubicBezTo>
                    <a:pt x="12994" y="20694"/>
                    <a:pt x="12596" y="20924"/>
                    <a:pt x="12240" y="21238"/>
                  </a:cubicBezTo>
                  <a:cubicBezTo>
                    <a:pt x="11906" y="21531"/>
                    <a:pt x="11717" y="21865"/>
                    <a:pt x="11843" y="22305"/>
                  </a:cubicBezTo>
                  <a:lnTo>
                    <a:pt x="12345" y="22807"/>
                  </a:lnTo>
                  <a:cubicBezTo>
                    <a:pt x="12575" y="23100"/>
                    <a:pt x="12554" y="23456"/>
                    <a:pt x="12261" y="23728"/>
                  </a:cubicBezTo>
                  <a:cubicBezTo>
                    <a:pt x="11968" y="23979"/>
                    <a:pt x="11613" y="23979"/>
                    <a:pt x="11341" y="23728"/>
                  </a:cubicBezTo>
                  <a:cubicBezTo>
                    <a:pt x="11236" y="23623"/>
                    <a:pt x="11173" y="23497"/>
                    <a:pt x="11111" y="23330"/>
                  </a:cubicBezTo>
                  <a:cubicBezTo>
                    <a:pt x="11027" y="23163"/>
                    <a:pt x="11006" y="23016"/>
                    <a:pt x="10964" y="22849"/>
                  </a:cubicBezTo>
                  <a:cubicBezTo>
                    <a:pt x="10755" y="22702"/>
                    <a:pt x="10504" y="22702"/>
                    <a:pt x="10274" y="22702"/>
                  </a:cubicBezTo>
                  <a:cubicBezTo>
                    <a:pt x="9960" y="22702"/>
                    <a:pt x="9667" y="22723"/>
                    <a:pt x="9353" y="22702"/>
                  </a:cubicBezTo>
                  <a:cubicBezTo>
                    <a:pt x="8725" y="22639"/>
                    <a:pt x="8160" y="22828"/>
                    <a:pt x="7574" y="22995"/>
                  </a:cubicBezTo>
                  <a:cubicBezTo>
                    <a:pt x="7114" y="23121"/>
                    <a:pt x="6570" y="23895"/>
                    <a:pt x="6570" y="24376"/>
                  </a:cubicBezTo>
                  <a:lnTo>
                    <a:pt x="6570" y="24481"/>
                  </a:lnTo>
                  <a:cubicBezTo>
                    <a:pt x="6612" y="24962"/>
                    <a:pt x="6696" y="25380"/>
                    <a:pt x="6926" y="25799"/>
                  </a:cubicBezTo>
                  <a:close/>
                  <a:moveTo>
                    <a:pt x="101375" y="18392"/>
                  </a:moveTo>
                  <a:cubicBezTo>
                    <a:pt x="101354" y="18476"/>
                    <a:pt x="101333" y="18601"/>
                    <a:pt x="101291" y="18706"/>
                  </a:cubicBezTo>
                  <a:cubicBezTo>
                    <a:pt x="101270" y="18936"/>
                    <a:pt x="101270" y="19145"/>
                    <a:pt x="101270" y="19375"/>
                  </a:cubicBezTo>
                  <a:cubicBezTo>
                    <a:pt x="101291" y="20212"/>
                    <a:pt x="101354" y="21049"/>
                    <a:pt x="101396" y="21886"/>
                  </a:cubicBezTo>
                  <a:cubicBezTo>
                    <a:pt x="101480" y="22765"/>
                    <a:pt x="101668" y="23623"/>
                    <a:pt x="101961" y="24439"/>
                  </a:cubicBezTo>
                  <a:cubicBezTo>
                    <a:pt x="102233" y="25192"/>
                    <a:pt x="102568" y="25904"/>
                    <a:pt x="103070" y="26531"/>
                  </a:cubicBezTo>
                  <a:cubicBezTo>
                    <a:pt x="103426" y="26992"/>
                    <a:pt x="103760" y="27473"/>
                    <a:pt x="104116" y="27954"/>
                  </a:cubicBezTo>
                  <a:cubicBezTo>
                    <a:pt x="104535" y="28540"/>
                    <a:pt x="105099" y="28979"/>
                    <a:pt x="105685" y="29356"/>
                  </a:cubicBezTo>
                  <a:cubicBezTo>
                    <a:pt x="106397" y="29816"/>
                    <a:pt x="107192" y="30193"/>
                    <a:pt x="108008" y="30402"/>
                  </a:cubicBezTo>
                  <a:cubicBezTo>
                    <a:pt x="109159" y="30716"/>
                    <a:pt x="110351" y="30967"/>
                    <a:pt x="111544" y="30883"/>
                  </a:cubicBezTo>
                  <a:lnTo>
                    <a:pt x="112004" y="30883"/>
                  </a:lnTo>
                  <a:cubicBezTo>
                    <a:pt x="112193" y="30883"/>
                    <a:pt x="112423" y="30883"/>
                    <a:pt x="112590" y="30988"/>
                  </a:cubicBezTo>
                  <a:cubicBezTo>
                    <a:pt x="112716" y="31072"/>
                    <a:pt x="112904" y="31093"/>
                    <a:pt x="113092" y="31093"/>
                  </a:cubicBezTo>
                  <a:cubicBezTo>
                    <a:pt x="113532" y="31093"/>
                    <a:pt x="113950" y="31114"/>
                    <a:pt x="114390" y="31093"/>
                  </a:cubicBezTo>
                  <a:cubicBezTo>
                    <a:pt x="114745" y="31072"/>
                    <a:pt x="115059" y="30883"/>
                    <a:pt x="115394" y="30883"/>
                  </a:cubicBezTo>
                  <a:cubicBezTo>
                    <a:pt x="115687" y="30862"/>
                    <a:pt x="116001" y="30779"/>
                    <a:pt x="116273" y="30695"/>
                  </a:cubicBezTo>
                  <a:cubicBezTo>
                    <a:pt x="116879" y="30528"/>
                    <a:pt x="117486" y="30339"/>
                    <a:pt x="118051" y="30151"/>
                  </a:cubicBezTo>
                  <a:cubicBezTo>
                    <a:pt x="118616" y="29963"/>
                    <a:pt x="119160" y="29754"/>
                    <a:pt x="119725" y="29586"/>
                  </a:cubicBezTo>
                  <a:cubicBezTo>
                    <a:pt x="120102" y="29440"/>
                    <a:pt x="120436" y="29293"/>
                    <a:pt x="120813" y="29189"/>
                  </a:cubicBezTo>
                  <a:cubicBezTo>
                    <a:pt x="121566" y="28979"/>
                    <a:pt x="122089" y="28373"/>
                    <a:pt x="122717" y="27975"/>
                  </a:cubicBezTo>
                  <a:cubicBezTo>
                    <a:pt x="122905" y="27640"/>
                    <a:pt x="123240" y="27431"/>
                    <a:pt x="123470" y="27138"/>
                  </a:cubicBezTo>
                  <a:cubicBezTo>
                    <a:pt x="123952" y="26594"/>
                    <a:pt x="124433" y="26071"/>
                    <a:pt x="124935" y="25548"/>
                  </a:cubicBezTo>
                  <a:cubicBezTo>
                    <a:pt x="125102" y="25401"/>
                    <a:pt x="125228" y="25213"/>
                    <a:pt x="125333" y="25004"/>
                  </a:cubicBezTo>
                  <a:cubicBezTo>
                    <a:pt x="125542" y="24502"/>
                    <a:pt x="125751" y="24041"/>
                    <a:pt x="125981" y="23539"/>
                  </a:cubicBezTo>
                  <a:cubicBezTo>
                    <a:pt x="126211" y="23037"/>
                    <a:pt x="126400" y="22514"/>
                    <a:pt x="126421" y="21970"/>
                  </a:cubicBezTo>
                  <a:cubicBezTo>
                    <a:pt x="126483" y="21259"/>
                    <a:pt x="126609" y="20589"/>
                    <a:pt x="126672" y="19878"/>
                  </a:cubicBezTo>
                  <a:cubicBezTo>
                    <a:pt x="126714" y="19041"/>
                    <a:pt x="126693" y="18204"/>
                    <a:pt x="126672" y="17367"/>
                  </a:cubicBezTo>
                  <a:cubicBezTo>
                    <a:pt x="126672" y="17137"/>
                    <a:pt x="126609" y="16865"/>
                    <a:pt x="126567" y="16634"/>
                  </a:cubicBezTo>
                  <a:cubicBezTo>
                    <a:pt x="126525" y="16509"/>
                    <a:pt x="126421" y="16404"/>
                    <a:pt x="126274" y="16362"/>
                  </a:cubicBezTo>
                  <a:cubicBezTo>
                    <a:pt x="126149" y="16530"/>
                    <a:pt x="126044" y="16676"/>
                    <a:pt x="125877" y="16844"/>
                  </a:cubicBezTo>
                  <a:cubicBezTo>
                    <a:pt x="125751" y="16990"/>
                    <a:pt x="125563" y="17137"/>
                    <a:pt x="125353" y="17137"/>
                  </a:cubicBezTo>
                  <a:cubicBezTo>
                    <a:pt x="124642" y="17137"/>
                    <a:pt x="123952" y="17262"/>
                    <a:pt x="123324" y="16823"/>
                  </a:cubicBezTo>
                  <a:cubicBezTo>
                    <a:pt x="123240" y="16760"/>
                    <a:pt x="123136" y="16739"/>
                    <a:pt x="123052" y="16718"/>
                  </a:cubicBezTo>
                  <a:cubicBezTo>
                    <a:pt x="122613" y="16613"/>
                    <a:pt x="122320" y="16321"/>
                    <a:pt x="122089" y="15944"/>
                  </a:cubicBezTo>
                  <a:cubicBezTo>
                    <a:pt x="121985" y="15818"/>
                    <a:pt x="121880" y="15693"/>
                    <a:pt x="121796" y="15567"/>
                  </a:cubicBezTo>
                  <a:lnTo>
                    <a:pt x="121713" y="15567"/>
                  </a:lnTo>
                  <a:cubicBezTo>
                    <a:pt x="121671" y="15588"/>
                    <a:pt x="121650" y="15630"/>
                    <a:pt x="121587" y="15672"/>
                  </a:cubicBezTo>
                  <a:cubicBezTo>
                    <a:pt x="121273" y="15986"/>
                    <a:pt x="120918" y="16132"/>
                    <a:pt x="120457" y="16090"/>
                  </a:cubicBezTo>
                  <a:cubicBezTo>
                    <a:pt x="119892" y="16028"/>
                    <a:pt x="119348" y="16007"/>
                    <a:pt x="118763" y="15986"/>
                  </a:cubicBezTo>
                  <a:cubicBezTo>
                    <a:pt x="117884" y="15902"/>
                    <a:pt x="117172" y="15400"/>
                    <a:pt x="116377" y="15065"/>
                  </a:cubicBezTo>
                  <a:cubicBezTo>
                    <a:pt x="116356" y="15065"/>
                    <a:pt x="116356" y="15044"/>
                    <a:pt x="116335" y="15044"/>
                  </a:cubicBezTo>
                  <a:cubicBezTo>
                    <a:pt x="115415" y="14228"/>
                    <a:pt x="114473" y="13475"/>
                    <a:pt x="113804" y="12450"/>
                  </a:cubicBezTo>
                  <a:cubicBezTo>
                    <a:pt x="113741" y="12366"/>
                    <a:pt x="113636" y="12282"/>
                    <a:pt x="113553" y="12220"/>
                  </a:cubicBezTo>
                  <a:cubicBezTo>
                    <a:pt x="112925" y="12847"/>
                    <a:pt x="112360" y="13475"/>
                    <a:pt x="111837" y="14144"/>
                  </a:cubicBezTo>
                  <a:cubicBezTo>
                    <a:pt x="111502" y="14584"/>
                    <a:pt x="111105" y="14981"/>
                    <a:pt x="110665" y="15295"/>
                  </a:cubicBezTo>
                  <a:cubicBezTo>
                    <a:pt x="110477" y="15421"/>
                    <a:pt x="110288" y="15588"/>
                    <a:pt x="110100" y="15714"/>
                  </a:cubicBezTo>
                  <a:cubicBezTo>
                    <a:pt x="109744" y="15944"/>
                    <a:pt x="109368" y="16195"/>
                    <a:pt x="109012" y="16404"/>
                  </a:cubicBezTo>
                  <a:cubicBezTo>
                    <a:pt x="108573" y="16697"/>
                    <a:pt x="108050" y="16634"/>
                    <a:pt x="107568" y="16530"/>
                  </a:cubicBezTo>
                  <a:cubicBezTo>
                    <a:pt x="107108" y="16425"/>
                    <a:pt x="106920" y="16237"/>
                    <a:pt x="106941" y="15797"/>
                  </a:cubicBezTo>
                  <a:cubicBezTo>
                    <a:pt x="106941" y="15672"/>
                    <a:pt x="106920" y="15525"/>
                    <a:pt x="106920" y="15379"/>
                  </a:cubicBezTo>
                  <a:cubicBezTo>
                    <a:pt x="106648" y="15484"/>
                    <a:pt x="106543" y="15693"/>
                    <a:pt x="106418" y="15881"/>
                  </a:cubicBezTo>
                  <a:cubicBezTo>
                    <a:pt x="106208" y="16195"/>
                    <a:pt x="105957" y="16425"/>
                    <a:pt x="105664" y="16634"/>
                  </a:cubicBezTo>
                  <a:cubicBezTo>
                    <a:pt x="105141" y="16990"/>
                    <a:pt x="104597" y="17367"/>
                    <a:pt x="104074" y="17722"/>
                  </a:cubicBezTo>
                  <a:cubicBezTo>
                    <a:pt x="103677" y="17994"/>
                    <a:pt x="103279" y="18141"/>
                    <a:pt x="102777" y="18120"/>
                  </a:cubicBezTo>
                  <a:cubicBezTo>
                    <a:pt x="102547" y="18099"/>
                    <a:pt x="102317" y="18078"/>
                    <a:pt x="102107" y="18120"/>
                  </a:cubicBezTo>
                  <a:cubicBezTo>
                    <a:pt x="101898" y="18141"/>
                    <a:pt x="101689" y="18287"/>
                    <a:pt x="101501" y="18392"/>
                  </a:cubicBezTo>
                  <a:cubicBezTo>
                    <a:pt x="101438" y="18329"/>
                    <a:pt x="101438" y="18371"/>
                    <a:pt x="101375" y="18392"/>
                  </a:cubicBezTo>
                  <a:close/>
                  <a:moveTo>
                    <a:pt x="140000" y="47455"/>
                  </a:moveTo>
                  <a:lnTo>
                    <a:pt x="140000" y="47455"/>
                  </a:lnTo>
                  <a:lnTo>
                    <a:pt x="140000" y="45509"/>
                  </a:lnTo>
                  <a:cubicBezTo>
                    <a:pt x="140000" y="45321"/>
                    <a:pt x="140042" y="45174"/>
                    <a:pt x="139979" y="45007"/>
                  </a:cubicBezTo>
                  <a:cubicBezTo>
                    <a:pt x="139833" y="44442"/>
                    <a:pt x="139874" y="43835"/>
                    <a:pt x="139665" y="43291"/>
                  </a:cubicBezTo>
                  <a:cubicBezTo>
                    <a:pt x="139540" y="42894"/>
                    <a:pt x="139540" y="42475"/>
                    <a:pt x="139435" y="42057"/>
                  </a:cubicBezTo>
                  <a:cubicBezTo>
                    <a:pt x="139268" y="41492"/>
                    <a:pt x="139142" y="40885"/>
                    <a:pt x="138786" y="40383"/>
                  </a:cubicBezTo>
                  <a:cubicBezTo>
                    <a:pt x="138703" y="40257"/>
                    <a:pt x="138640" y="40090"/>
                    <a:pt x="138598" y="39964"/>
                  </a:cubicBezTo>
                  <a:cubicBezTo>
                    <a:pt x="138514" y="39776"/>
                    <a:pt x="138431" y="39567"/>
                    <a:pt x="138326" y="39399"/>
                  </a:cubicBezTo>
                  <a:cubicBezTo>
                    <a:pt x="137908" y="38709"/>
                    <a:pt x="137573" y="37997"/>
                    <a:pt x="137050" y="37370"/>
                  </a:cubicBezTo>
                  <a:cubicBezTo>
                    <a:pt x="136861" y="37160"/>
                    <a:pt x="136757" y="36909"/>
                    <a:pt x="136506" y="36742"/>
                  </a:cubicBezTo>
                  <a:cubicBezTo>
                    <a:pt x="136443" y="36721"/>
                    <a:pt x="136422" y="36679"/>
                    <a:pt x="136401" y="36616"/>
                  </a:cubicBezTo>
                  <a:cubicBezTo>
                    <a:pt x="136317" y="36344"/>
                    <a:pt x="136129" y="36219"/>
                    <a:pt x="135878" y="36114"/>
                  </a:cubicBezTo>
                  <a:cubicBezTo>
                    <a:pt x="135794" y="36093"/>
                    <a:pt x="135732" y="36052"/>
                    <a:pt x="135690" y="35989"/>
                  </a:cubicBezTo>
                  <a:cubicBezTo>
                    <a:pt x="135209" y="35549"/>
                    <a:pt x="134644" y="35298"/>
                    <a:pt x="134058" y="35047"/>
                  </a:cubicBezTo>
                  <a:cubicBezTo>
                    <a:pt x="133681" y="34859"/>
                    <a:pt x="133221" y="34817"/>
                    <a:pt x="132802" y="34817"/>
                  </a:cubicBezTo>
                  <a:cubicBezTo>
                    <a:pt x="132237" y="34838"/>
                    <a:pt x="131756" y="35110"/>
                    <a:pt x="131317" y="35445"/>
                  </a:cubicBezTo>
                  <a:cubicBezTo>
                    <a:pt x="131170" y="35570"/>
                    <a:pt x="131003" y="35696"/>
                    <a:pt x="130815" y="35800"/>
                  </a:cubicBezTo>
                  <a:cubicBezTo>
                    <a:pt x="130145" y="36177"/>
                    <a:pt x="129643" y="36742"/>
                    <a:pt x="129078" y="37223"/>
                  </a:cubicBezTo>
                  <a:cubicBezTo>
                    <a:pt x="128869" y="37391"/>
                    <a:pt x="128680" y="37642"/>
                    <a:pt x="128513" y="37872"/>
                  </a:cubicBezTo>
                  <a:cubicBezTo>
                    <a:pt x="128346" y="38186"/>
                    <a:pt x="128136" y="38500"/>
                    <a:pt x="127885" y="38813"/>
                  </a:cubicBezTo>
                  <a:cubicBezTo>
                    <a:pt x="127760" y="39002"/>
                    <a:pt x="127676" y="39232"/>
                    <a:pt x="127634" y="39441"/>
                  </a:cubicBezTo>
                  <a:cubicBezTo>
                    <a:pt x="127571" y="39734"/>
                    <a:pt x="127550" y="39985"/>
                    <a:pt x="127530" y="40278"/>
                  </a:cubicBezTo>
                  <a:cubicBezTo>
                    <a:pt x="127446" y="41031"/>
                    <a:pt x="127530" y="41785"/>
                    <a:pt x="127258" y="42538"/>
                  </a:cubicBezTo>
                  <a:lnTo>
                    <a:pt x="127258" y="42580"/>
                  </a:lnTo>
                  <a:cubicBezTo>
                    <a:pt x="127299" y="42914"/>
                    <a:pt x="127153" y="43186"/>
                    <a:pt x="127027" y="43500"/>
                  </a:cubicBezTo>
                  <a:cubicBezTo>
                    <a:pt x="126839" y="44044"/>
                    <a:pt x="126525" y="44526"/>
                    <a:pt x="126170" y="44944"/>
                  </a:cubicBezTo>
                  <a:cubicBezTo>
                    <a:pt x="125877" y="45258"/>
                    <a:pt x="125563" y="45509"/>
                    <a:pt x="125374" y="45907"/>
                  </a:cubicBezTo>
                  <a:cubicBezTo>
                    <a:pt x="125353" y="45990"/>
                    <a:pt x="125249" y="46032"/>
                    <a:pt x="125207" y="46116"/>
                  </a:cubicBezTo>
                  <a:cubicBezTo>
                    <a:pt x="125019" y="46304"/>
                    <a:pt x="124809" y="46471"/>
                    <a:pt x="124642" y="46681"/>
                  </a:cubicBezTo>
                  <a:cubicBezTo>
                    <a:pt x="124370" y="47057"/>
                    <a:pt x="124014" y="47350"/>
                    <a:pt x="123638" y="47580"/>
                  </a:cubicBezTo>
                  <a:cubicBezTo>
                    <a:pt x="122843" y="48083"/>
                    <a:pt x="122089" y="48627"/>
                    <a:pt x="121504" y="49359"/>
                  </a:cubicBezTo>
                  <a:cubicBezTo>
                    <a:pt x="121483" y="49401"/>
                    <a:pt x="121441" y="49464"/>
                    <a:pt x="121399" y="49484"/>
                  </a:cubicBezTo>
                  <a:cubicBezTo>
                    <a:pt x="121043" y="49715"/>
                    <a:pt x="120771" y="50091"/>
                    <a:pt x="120499" y="50405"/>
                  </a:cubicBezTo>
                  <a:cubicBezTo>
                    <a:pt x="120353" y="50531"/>
                    <a:pt x="120206" y="50656"/>
                    <a:pt x="120081" y="50803"/>
                  </a:cubicBezTo>
                  <a:cubicBezTo>
                    <a:pt x="119830" y="51054"/>
                    <a:pt x="119600" y="51326"/>
                    <a:pt x="119369" y="51598"/>
                  </a:cubicBezTo>
                  <a:cubicBezTo>
                    <a:pt x="119244" y="51786"/>
                    <a:pt x="119139" y="51995"/>
                    <a:pt x="118993" y="52184"/>
                  </a:cubicBezTo>
                  <a:cubicBezTo>
                    <a:pt x="118783" y="52435"/>
                    <a:pt x="118679" y="52728"/>
                    <a:pt x="118721" y="53062"/>
                  </a:cubicBezTo>
                  <a:cubicBezTo>
                    <a:pt x="118742" y="53439"/>
                    <a:pt x="118763" y="53837"/>
                    <a:pt x="118867" y="54192"/>
                  </a:cubicBezTo>
                  <a:cubicBezTo>
                    <a:pt x="118972" y="54590"/>
                    <a:pt x="118951" y="55029"/>
                    <a:pt x="119348" y="55322"/>
                  </a:cubicBezTo>
                  <a:cubicBezTo>
                    <a:pt x="119390" y="55343"/>
                    <a:pt x="119411" y="55448"/>
                    <a:pt x="119411" y="55531"/>
                  </a:cubicBezTo>
                  <a:cubicBezTo>
                    <a:pt x="119453" y="55678"/>
                    <a:pt x="119516" y="55762"/>
                    <a:pt x="119662" y="55803"/>
                  </a:cubicBezTo>
                  <a:cubicBezTo>
                    <a:pt x="120102" y="55950"/>
                    <a:pt x="120499" y="56264"/>
                    <a:pt x="120980" y="56222"/>
                  </a:cubicBezTo>
                  <a:cubicBezTo>
                    <a:pt x="121127" y="56222"/>
                    <a:pt x="121252" y="56306"/>
                    <a:pt x="121357" y="56327"/>
                  </a:cubicBezTo>
                  <a:cubicBezTo>
                    <a:pt x="121462" y="56368"/>
                    <a:pt x="121566" y="56410"/>
                    <a:pt x="121671" y="56431"/>
                  </a:cubicBezTo>
                  <a:cubicBezTo>
                    <a:pt x="122110" y="56473"/>
                    <a:pt x="122550" y="56619"/>
                    <a:pt x="123031" y="56515"/>
                  </a:cubicBezTo>
                  <a:cubicBezTo>
                    <a:pt x="123115" y="56494"/>
                    <a:pt x="123177" y="56494"/>
                    <a:pt x="123261" y="56515"/>
                  </a:cubicBezTo>
                  <a:cubicBezTo>
                    <a:pt x="123554" y="56619"/>
                    <a:pt x="123868" y="56578"/>
                    <a:pt x="124161" y="56536"/>
                  </a:cubicBezTo>
                  <a:cubicBezTo>
                    <a:pt x="124537" y="56494"/>
                    <a:pt x="124935" y="56431"/>
                    <a:pt x="125333" y="56431"/>
                  </a:cubicBezTo>
                  <a:cubicBezTo>
                    <a:pt x="126190" y="56410"/>
                    <a:pt x="127006" y="56159"/>
                    <a:pt x="127822" y="55908"/>
                  </a:cubicBezTo>
                  <a:cubicBezTo>
                    <a:pt x="128304" y="55782"/>
                    <a:pt x="128806" y="55678"/>
                    <a:pt x="129245" y="55385"/>
                  </a:cubicBezTo>
                  <a:cubicBezTo>
                    <a:pt x="129287" y="55385"/>
                    <a:pt x="129287" y="55364"/>
                    <a:pt x="129308" y="55364"/>
                  </a:cubicBezTo>
                  <a:cubicBezTo>
                    <a:pt x="129664" y="55364"/>
                    <a:pt x="129957" y="55176"/>
                    <a:pt x="130271" y="55029"/>
                  </a:cubicBezTo>
                  <a:cubicBezTo>
                    <a:pt x="130438" y="54946"/>
                    <a:pt x="130584" y="54925"/>
                    <a:pt x="130773" y="54862"/>
                  </a:cubicBezTo>
                  <a:cubicBezTo>
                    <a:pt x="131212" y="54736"/>
                    <a:pt x="131631" y="54632"/>
                    <a:pt x="132070" y="54527"/>
                  </a:cubicBezTo>
                  <a:cubicBezTo>
                    <a:pt x="132175" y="54506"/>
                    <a:pt x="132279" y="54422"/>
                    <a:pt x="132384" y="54402"/>
                  </a:cubicBezTo>
                  <a:cubicBezTo>
                    <a:pt x="132677" y="54276"/>
                    <a:pt x="132949" y="54171"/>
                    <a:pt x="133221" y="54067"/>
                  </a:cubicBezTo>
                  <a:cubicBezTo>
                    <a:pt x="133388" y="54004"/>
                    <a:pt x="133556" y="53941"/>
                    <a:pt x="133702" y="53878"/>
                  </a:cubicBezTo>
                  <a:cubicBezTo>
                    <a:pt x="133890" y="53795"/>
                    <a:pt x="134100" y="53753"/>
                    <a:pt x="134309" y="53690"/>
                  </a:cubicBezTo>
                  <a:cubicBezTo>
                    <a:pt x="134832" y="53586"/>
                    <a:pt x="135355" y="53481"/>
                    <a:pt x="135878" y="53397"/>
                  </a:cubicBezTo>
                  <a:cubicBezTo>
                    <a:pt x="136401" y="53334"/>
                    <a:pt x="136924" y="53251"/>
                    <a:pt x="137301" y="52832"/>
                  </a:cubicBezTo>
                  <a:cubicBezTo>
                    <a:pt x="137698" y="52728"/>
                    <a:pt x="137991" y="52414"/>
                    <a:pt x="138326" y="52225"/>
                  </a:cubicBezTo>
                  <a:cubicBezTo>
                    <a:pt x="138766" y="51974"/>
                    <a:pt x="139121" y="51577"/>
                    <a:pt x="139435" y="51158"/>
                  </a:cubicBezTo>
                  <a:cubicBezTo>
                    <a:pt x="139665" y="50865"/>
                    <a:pt x="139707" y="50510"/>
                    <a:pt x="139895" y="50196"/>
                  </a:cubicBezTo>
                  <a:cubicBezTo>
                    <a:pt x="140021" y="49987"/>
                    <a:pt x="140063" y="49777"/>
                    <a:pt x="140063" y="49526"/>
                  </a:cubicBezTo>
                  <a:cubicBezTo>
                    <a:pt x="139979" y="48836"/>
                    <a:pt x="140000" y="48145"/>
                    <a:pt x="140000" y="47455"/>
                  </a:cubicBezTo>
                  <a:close/>
                  <a:moveTo>
                    <a:pt x="122633" y="1465"/>
                  </a:moveTo>
                  <a:cubicBezTo>
                    <a:pt x="122424" y="1339"/>
                    <a:pt x="122257" y="1151"/>
                    <a:pt x="122006" y="1214"/>
                  </a:cubicBezTo>
                  <a:cubicBezTo>
                    <a:pt x="121273" y="1339"/>
                    <a:pt x="120541" y="1381"/>
                    <a:pt x="119976" y="1946"/>
                  </a:cubicBezTo>
                  <a:cubicBezTo>
                    <a:pt x="119913" y="1988"/>
                    <a:pt x="119851" y="2051"/>
                    <a:pt x="119788" y="2072"/>
                  </a:cubicBezTo>
                  <a:cubicBezTo>
                    <a:pt x="119600" y="2176"/>
                    <a:pt x="119453" y="2323"/>
                    <a:pt x="119348" y="2490"/>
                  </a:cubicBezTo>
                  <a:cubicBezTo>
                    <a:pt x="119139" y="2804"/>
                    <a:pt x="118825" y="3034"/>
                    <a:pt x="118846" y="3473"/>
                  </a:cubicBezTo>
                  <a:cubicBezTo>
                    <a:pt x="118846" y="3515"/>
                    <a:pt x="118846" y="3536"/>
                    <a:pt x="118825" y="3536"/>
                  </a:cubicBezTo>
                  <a:cubicBezTo>
                    <a:pt x="118742" y="3578"/>
                    <a:pt x="118658" y="3662"/>
                    <a:pt x="118595" y="3662"/>
                  </a:cubicBezTo>
                  <a:cubicBezTo>
                    <a:pt x="118532" y="3662"/>
                    <a:pt x="118449" y="3620"/>
                    <a:pt x="118407" y="3536"/>
                  </a:cubicBezTo>
                  <a:cubicBezTo>
                    <a:pt x="118302" y="3348"/>
                    <a:pt x="118198" y="3139"/>
                    <a:pt x="118093" y="2929"/>
                  </a:cubicBezTo>
                  <a:cubicBezTo>
                    <a:pt x="117758" y="2406"/>
                    <a:pt x="117361" y="1904"/>
                    <a:pt x="116838" y="1569"/>
                  </a:cubicBezTo>
                  <a:lnTo>
                    <a:pt x="116670" y="1423"/>
                  </a:lnTo>
                  <a:cubicBezTo>
                    <a:pt x="116231" y="942"/>
                    <a:pt x="115666" y="753"/>
                    <a:pt x="115059" y="628"/>
                  </a:cubicBezTo>
                  <a:cubicBezTo>
                    <a:pt x="114494" y="523"/>
                    <a:pt x="114327" y="691"/>
                    <a:pt x="114327" y="1256"/>
                  </a:cubicBezTo>
                  <a:lnTo>
                    <a:pt x="114327" y="1297"/>
                  </a:lnTo>
                  <a:cubicBezTo>
                    <a:pt x="114285" y="1569"/>
                    <a:pt x="114390" y="1800"/>
                    <a:pt x="114641" y="1904"/>
                  </a:cubicBezTo>
                  <a:cubicBezTo>
                    <a:pt x="114892" y="2051"/>
                    <a:pt x="115101" y="2260"/>
                    <a:pt x="115289" y="2469"/>
                  </a:cubicBezTo>
                  <a:cubicBezTo>
                    <a:pt x="115352" y="2532"/>
                    <a:pt x="115415" y="2616"/>
                    <a:pt x="115498" y="2637"/>
                  </a:cubicBezTo>
                  <a:cubicBezTo>
                    <a:pt x="116001" y="2950"/>
                    <a:pt x="116461" y="3306"/>
                    <a:pt x="116963" y="3620"/>
                  </a:cubicBezTo>
                  <a:cubicBezTo>
                    <a:pt x="117068" y="3662"/>
                    <a:pt x="117172" y="3704"/>
                    <a:pt x="117256" y="3787"/>
                  </a:cubicBezTo>
                  <a:cubicBezTo>
                    <a:pt x="117361" y="3871"/>
                    <a:pt x="117382" y="3976"/>
                    <a:pt x="117340" y="4101"/>
                  </a:cubicBezTo>
                  <a:cubicBezTo>
                    <a:pt x="117298" y="4227"/>
                    <a:pt x="117172" y="4331"/>
                    <a:pt x="117047" y="4331"/>
                  </a:cubicBezTo>
                  <a:cubicBezTo>
                    <a:pt x="116984" y="4331"/>
                    <a:pt x="116942" y="4331"/>
                    <a:pt x="116879" y="4310"/>
                  </a:cubicBezTo>
                  <a:cubicBezTo>
                    <a:pt x="116524" y="4164"/>
                    <a:pt x="116147" y="4017"/>
                    <a:pt x="115791" y="3850"/>
                  </a:cubicBezTo>
                  <a:cubicBezTo>
                    <a:pt x="115498" y="3683"/>
                    <a:pt x="115185" y="3599"/>
                    <a:pt x="114871" y="3578"/>
                  </a:cubicBezTo>
                  <a:cubicBezTo>
                    <a:pt x="114494" y="3557"/>
                    <a:pt x="114159" y="3536"/>
                    <a:pt x="113804" y="3536"/>
                  </a:cubicBezTo>
                  <a:cubicBezTo>
                    <a:pt x="113239" y="3536"/>
                    <a:pt x="112695" y="3536"/>
                    <a:pt x="112151" y="3557"/>
                  </a:cubicBezTo>
                  <a:cubicBezTo>
                    <a:pt x="111858" y="3557"/>
                    <a:pt x="111565" y="3578"/>
                    <a:pt x="111314" y="3641"/>
                  </a:cubicBezTo>
                  <a:cubicBezTo>
                    <a:pt x="110519" y="3766"/>
                    <a:pt x="109744" y="3892"/>
                    <a:pt x="108949" y="4059"/>
                  </a:cubicBezTo>
                  <a:cubicBezTo>
                    <a:pt x="108531" y="4143"/>
                    <a:pt x="108154" y="4206"/>
                    <a:pt x="107757" y="4352"/>
                  </a:cubicBezTo>
                  <a:cubicBezTo>
                    <a:pt x="107045" y="4603"/>
                    <a:pt x="106334" y="4875"/>
                    <a:pt x="105643" y="5189"/>
                  </a:cubicBezTo>
                  <a:cubicBezTo>
                    <a:pt x="105120" y="5419"/>
                    <a:pt x="104618" y="5712"/>
                    <a:pt x="104179" y="6047"/>
                  </a:cubicBezTo>
                  <a:cubicBezTo>
                    <a:pt x="103154" y="6779"/>
                    <a:pt x="102212" y="7616"/>
                    <a:pt x="101417" y="8579"/>
                  </a:cubicBezTo>
                  <a:cubicBezTo>
                    <a:pt x="101270" y="8788"/>
                    <a:pt x="101082" y="8997"/>
                    <a:pt x="100957" y="9227"/>
                  </a:cubicBezTo>
                  <a:cubicBezTo>
                    <a:pt x="100643" y="9751"/>
                    <a:pt x="100371" y="10315"/>
                    <a:pt x="100099" y="10839"/>
                  </a:cubicBezTo>
                  <a:cubicBezTo>
                    <a:pt x="99994" y="11048"/>
                    <a:pt x="99889" y="11215"/>
                    <a:pt x="99722" y="11383"/>
                  </a:cubicBezTo>
                  <a:cubicBezTo>
                    <a:pt x="99513" y="11613"/>
                    <a:pt x="99304" y="11885"/>
                    <a:pt x="99283" y="12220"/>
                  </a:cubicBezTo>
                  <a:cubicBezTo>
                    <a:pt x="99220" y="12659"/>
                    <a:pt x="99220" y="13140"/>
                    <a:pt x="99199" y="13580"/>
                  </a:cubicBezTo>
                  <a:cubicBezTo>
                    <a:pt x="99199" y="13726"/>
                    <a:pt x="99220" y="13893"/>
                    <a:pt x="99283" y="14019"/>
                  </a:cubicBezTo>
                  <a:cubicBezTo>
                    <a:pt x="99408" y="14458"/>
                    <a:pt x="99492" y="14898"/>
                    <a:pt x="99513" y="15358"/>
                  </a:cubicBezTo>
                  <a:cubicBezTo>
                    <a:pt x="99534" y="16216"/>
                    <a:pt x="99952" y="16906"/>
                    <a:pt x="100538" y="17450"/>
                  </a:cubicBezTo>
                  <a:cubicBezTo>
                    <a:pt x="101312" y="17388"/>
                    <a:pt x="102086" y="17346"/>
                    <a:pt x="102819" y="17325"/>
                  </a:cubicBezTo>
                  <a:cubicBezTo>
                    <a:pt x="103091" y="17325"/>
                    <a:pt x="103342" y="17241"/>
                    <a:pt x="103551" y="17074"/>
                  </a:cubicBezTo>
                  <a:cubicBezTo>
                    <a:pt x="104137" y="16655"/>
                    <a:pt x="104765" y="16237"/>
                    <a:pt x="105371" y="15818"/>
                  </a:cubicBezTo>
                  <a:cubicBezTo>
                    <a:pt x="105476" y="15756"/>
                    <a:pt x="105581" y="15672"/>
                    <a:pt x="105664" y="15567"/>
                  </a:cubicBezTo>
                  <a:cubicBezTo>
                    <a:pt x="106208" y="14835"/>
                    <a:pt x="106899" y="14228"/>
                    <a:pt x="107589" y="13663"/>
                  </a:cubicBezTo>
                  <a:cubicBezTo>
                    <a:pt x="107757" y="13559"/>
                    <a:pt x="107861" y="13391"/>
                    <a:pt x="107966" y="13245"/>
                  </a:cubicBezTo>
                  <a:cubicBezTo>
                    <a:pt x="108280" y="12784"/>
                    <a:pt x="108594" y="12324"/>
                    <a:pt x="108908" y="11885"/>
                  </a:cubicBezTo>
                  <a:cubicBezTo>
                    <a:pt x="109054" y="11696"/>
                    <a:pt x="109221" y="11508"/>
                    <a:pt x="109410" y="11320"/>
                  </a:cubicBezTo>
                  <a:cubicBezTo>
                    <a:pt x="109472" y="11278"/>
                    <a:pt x="109577" y="11236"/>
                    <a:pt x="109661" y="11383"/>
                  </a:cubicBezTo>
                  <a:cubicBezTo>
                    <a:pt x="109619" y="11592"/>
                    <a:pt x="109556" y="11801"/>
                    <a:pt x="109452" y="12010"/>
                  </a:cubicBezTo>
                  <a:cubicBezTo>
                    <a:pt x="109347" y="12220"/>
                    <a:pt x="109221" y="12429"/>
                    <a:pt x="109054" y="12638"/>
                  </a:cubicBezTo>
                  <a:cubicBezTo>
                    <a:pt x="108531" y="13370"/>
                    <a:pt x="108196" y="14207"/>
                    <a:pt x="107840" y="14981"/>
                  </a:cubicBezTo>
                  <a:cubicBezTo>
                    <a:pt x="107736" y="15212"/>
                    <a:pt x="107673" y="15463"/>
                    <a:pt x="107799" y="15693"/>
                  </a:cubicBezTo>
                  <a:cubicBezTo>
                    <a:pt x="108426" y="15777"/>
                    <a:pt x="108426" y="15777"/>
                    <a:pt x="108908" y="15505"/>
                  </a:cubicBezTo>
                  <a:cubicBezTo>
                    <a:pt x="109138" y="15379"/>
                    <a:pt x="109368" y="15212"/>
                    <a:pt x="109619" y="15044"/>
                  </a:cubicBezTo>
                  <a:cubicBezTo>
                    <a:pt x="109891" y="14835"/>
                    <a:pt x="110184" y="14584"/>
                    <a:pt x="110477" y="14375"/>
                  </a:cubicBezTo>
                  <a:cubicBezTo>
                    <a:pt x="110707" y="14228"/>
                    <a:pt x="110895" y="14019"/>
                    <a:pt x="111084" y="13789"/>
                  </a:cubicBezTo>
                  <a:cubicBezTo>
                    <a:pt x="111607" y="13161"/>
                    <a:pt x="112151" y="12554"/>
                    <a:pt x="112674" y="11927"/>
                  </a:cubicBezTo>
                  <a:cubicBezTo>
                    <a:pt x="112904" y="11655"/>
                    <a:pt x="113113" y="11404"/>
                    <a:pt x="113322" y="11131"/>
                  </a:cubicBezTo>
                  <a:cubicBezTo>
                    <a:pt x="113532" y="10880"/>
                    <a:pt x="113741" y="10587"/>
                    <a:pt x="114013" y="10274"/>
                  </a:cubicBezTo>
                  <a:cubicBezTo>
                    <a:pt x="114180" y="10671"/>
                    <a:pt x="114076" y="11027"/>
                    <a:pt x="114055" y="11320"/>
                  </a:cubicBezTo>
                  <a:cubicBezTo>
                    <a:pt x="114766" y="12554"/>
                    <a:pt x="115750" y="13412"/>
                    <a:pt x="116796" y="14249"/>
                  </a:cubicBezTo>
                  <a:cubicBezTo>
                    <a:pt x="117298" y="14647"/>
                    <a:pt x="117905" y="14856"/>
                    <a:pt x="118511" y="15002"/>
                  </a:cubicBezTo>
                  <a:cubicBezTo>
                    <a:pt x="119139" y="15170"/>
                    <a:pt x="119809" y="15191"/>
                    <a:pt x="120499" y="15170"/>
                  </a:cubicBezTo>
                  <a:cubicBezTo>
                    <a:pt x="120625" y="15170"/>
                    <a:pt x="120750" y="15107"/>
                    <a:pt x="120876" y="15086"/>
                  </a:cubicBezTo>
                  <a:cubicBezTo>
                    <a:pt x="120939" y="14835"/>
                    <a:pt x="120960" y="14584"/>
                    <a:pt x="120750" y="14375"/>
                  </a:cubicBezTo>
                  <a:cubicBezTo>
                    <a:pt x="120667" y="14312"/>
                    <a:pt x="120625" y="14144"/>
                    <a:pt x="120604" y="14019"/>
                  </a:cubicBezTo>
                  <a:cubicBezTo>
                    <a:pt x="120562" y="13831"/>
                    <a:pt x="120646" y="13684"/>
                    <a:pt x="120813" y="13580"/>
                  </a:cubicBezTo>
                  <a:cubicBezTo>
                    <a:pt x="120960" y="13496"/>
                    <a:pt x="121148" y="13496"/>
                    <a:pt x="121273" y="13621"/>
                  </a:cubicBezTo>
                  <a:cubicBezTo>
                    <a:pt x="121399" y="13747"/>
                    <a:pt x="121566" y="13893"/>
                    <a:pt x="121671" y="14040"/>
                  </a:cubicBezTo>
                  <a:cubicBezTo>
                    <a:pt x="121776" y="14249"/>
                    <a:pt x="121964" y="14417"/>
                    <a:pt x="122089" y="14563"/>
                  </a:cubicBezTo>
                  <a:cubicBezTo>
                    <a:pt x="122320" y="14835"/>
                    <a:pt x="122529" y="15065"/>
                    <a:pt x="122738" y="15358"/>
                  </a:cubicBezTo>
                  <a:cubicBezTo>
                    <a:pt x="122926" y="15588"/>
                    <a:pt x="123115" y="15777"/>
                    <a:pt x="123387" y="15839"/>
                  </a:cubicBezTo>
                  <a:cubicBezTo>
                    <a:pt x="123575" y="15902"/>
                    <a:pt x="123742" y="16007"/>
                    <a:pt x="123910" y="16090"/>
                  </a:cubicBezTo>
                  <a:cubicBezTo>
                    <a:pt x="124056" y="16132"/>
                    <a:pt x="124182" y="16195"/>
                    <a:pt x="124286" y="16195"/>
                  </a:cubicBezTo>
                  <a:lnTo>
                    <a:pt x="125228" y="16195"/>
                  </a:lnTo>
                  <a:cubicBezTo>
                    <a:pt x="125458" y="15923"/>
                    <a:pt x="125667" y="15693"/>
                    <a:pt x="125772" y="15358"/>
                  </a:cubicBezTo>
                  <a:cubicBezTo>
                    <a:pt x="125877" y="15044"/>
                    <a:pt x="126044" y="14730"/>
                    <a:pt x="126086" y="14375"/>
                  </a:cubicBezTo>
                  <a:cubicBezTo>
                    <a:pt x="126086" y="14354"/>
                    <a:pt x="126107" y="14312"/>
                    <a:pt x="126149" y="14270"/>
                  </a:cubicBezTo>
                  <a:cubicBezTo>
                    <a:pt x="126170" y="14249"/>
                    <a:pt x="126211" y="14228"/>
                    <a:pt x="126253" y="14228"/>
                  </a:cubicBezTo>
                  <a:cubicBezTo>
                    <a:pt x="126295" y="14228"/>
                    <a:pt x="126358" y="14249"/>
                    <a:pt x="126379" y="14312"/>
                  </a:cubicBezTo>
                  <a:cubicBezTo>
                    <a:pt x="126421" y="14375"/>
                    <a:pt x="126421" y="14479"/>
                    <a:pt x="126462" y="14563"/>
                  </a:cubicBezTo>
                  <a:cubicBezTo>
                    <a:pt x="126483" y="14730"/>
                    <a:pt x="126462" y="14898"/>
                    <a:pt x="126588" y="15044"/>
                  </a:cubicBezTo>
                  <a:cubicBezTo>
                    <a:pt x="127090" y="14940"/>
                    <a:pt x="127237" y="14793"/>
                    <a:pt x="127258" y="14354"/>
                  </a:cubicBezTo>
                  <a:cubicBezTo>
                    <a:pt x="127299" y="13831"/>
                    <a:pt x="127299" y="13287"/>
                    <a:pt x="127320" y="12764"/>
                  </a:cubicBezTo>
                  <a:cubicBezTo>
                    <a:pt x="127320" y="12429"/>
                    <a:pt x="127258" y="12073"/>
                    <a:pt x="127404" y="11759"/>
                  </a:cubicBezTo>
                  <a:cubicBezTo>
                    <a:pt x="127446" y="11655"/>
                    <a:pt x="127425" y="11529"/>
                    <a:pt x="127425" y="11424"/>
                  </a:cubicBezTo>
                  <a:cubicBezTo>
                    <a:pt x="127425" y="10169"/>
                    <a:pt x="127111" y="8997"/>
                    <a:pt x="126379" y="7951"/>
                  </a:cubicBezTo>
                  <a:cubicBezTo>
                    <a:pt x="126002" y="7428"/>
                    <a:pt x="125646" y="6884"/>
                    <a:pt x="125270" y="6361"/>
                  </a:cubicBezTo>
                  <a:cubicBezTo>
                    <a:pt x="125207" y="6256"/>
                    <a:pt x="125123" y="6152"/>
                    <a:pt x="125019" y="6068"/>
                  </a:cubicBezTo>
                  <a:cubicBezTo>
                    <a:pt x="124537" y="5733"/>
                    <a:pt x="124056" y="5378"/>
                    <a:pt x="123554" y="5064"/>
                  </a:cubicBezTo>
                  <a:cubicBezTo>
                    <a:pt x="122508" y="4436"/>
                    <a:pt x="122696" y="4499"/>
                    <a:pt x="121294" y="4520"/>
                  </a:cubicBezTo>
                  <a:cubicBezTo>
                    <a:pt x="120960" y="4520"/>
                    <a:pt x="120834" y="4394"/>
                    <a:pt x="120708" y="4080"/>
                  </a:cubicBezTo>
                  <a:cubicBezTo>
                    <a:pt x="120960" y="3787"/>
                    <a:pt x="121169" y="3453"/>
                    <a:pt x="121483" y="3181"/>
                  </a:cubicBezTo>
                  <a:cubicBezTo>
                    <a:pt x="121713" y="2971"/>
                    <a:pt x="121964" y="2762"/>
                    <a:pt x="122215" y="2553"/>
                  </a:cubicBezTo>
                  <a:cubicBezTo>
                    <a:pt x="122592" y="2323"/>
                    <a:pt x="122717" y="1967"/>
                    <a:pt x="122633" y="1465"/>
                  </a:cubicBezTo>
                  <a:close/>
                  <a:moveTo>
                    <a:pt x="17785" y="51242"/>
                  </a:moveTo>
                  <a:cubicBezTo>
                    <a:pt x="17555" y="51995"/>
                    <a:pt x="17346" y="52707"/>
                    <a:pt x="17137" y="53418"/>
                  </a:cubicBezTo>
                  <a:cubicBezTo>
                    <a:pt x="17116" y="53460"/>
                    <a:pt x="17116" y="53523"/>
                    <a:pt x="17116" y="53565"/>
                  </a:cubicBezTo>
                  <a:cubicBezTo>
                    <a:pt x="17137" y="53899"/>
                    <a:pt x="17011" y="54255"/>
                    <a:pt x="16948" y="54569"/>
                  </a:cubicBezTo>
                  <a:cubicBezTo>
                    <a:pt x="16823" y="55134"/>
                    <a:pt x="16634" y="55741"/>
                    <a:pt x="16739" y="56327"/>
                  </a:cubicBezTo>
                  <a:cubicBezTo>
                    <a:pt x="16739" y="56389"/>
                    <a:pt x="16739" y="56431"/>
                    <a:pt x="16718" y="56494"/>
                  </a:cubicBezTo>
                  <a:cubicBezTo>
                    <a:pt x="16634" y="56850"/>
                    <a:pt x="16697" y="57205"/>
                    <a:pt x="16760" y="57561"/>
                  </a:cubicBezTo>
                  <a:cubicBezTo>
                    <a:pt x="16802" y="57707"/>
                    <a:pt x="16844" y="57833"/>
                    <a:pt x="16823" y="57959"/>
                  </a:cubicBezTo>
                  <a:cubicBezTo>
                    <a:pt x="16760" y="58147"/>
                    <a:pt x="16823" y="58293"/>
                    <a:pt x="16865" y="58461"/>
                  </a:cubicBezTo>
                  <a:cubicBezTo>
                    <a:pt x="16885" y="58586"/>
                    <a:pt x="16948" y="58712"/>
                    <a:pt x="16948" y="58837"/>
                  </a:cubicBezTo>
                  <a:cubicBezTo>
                    <a:pt x="16969" y="59172"/>
                    <a:pt x="16948" y="59507"/>
                    <a:pt x="16969" y="59821"/>
                  </a:cubicBezTo>
                  <a:cubicBezTo>
                    <a:pt x="16969" y="60135"/>
                    <a:pt x="17137" y="60448"/>
                    <a:pt x="17011" y="60762"/>
                  </a:cubicBezTo>
                  <a:cubicBezTo>
                    <a:pt x="16969" y="60846"/>
                    <a:pt x="17011" y="60951"/>
                    <a:pt x="17032" y="61055"/>
                  </a:cubicBezTo>
                  <a:cubicBezTo>
                    <a:pt x="17157" y="61536"/>
                    <a:pt x="17074" y="62060"/>
                    <a:pt x="17304" y="62541"/>
                  </a:cubicBezTo>
                  <a:cubicBezTo>
                    <a:pt x="17346" y="62562"/>
                    <a:pt x="17304" y="62625"/>
                    <a:pt x="17346" y="62645"/>
                  </a:cubicBezTo>
                  <a:cubicBezTo>
                    <a:pt x="17367" y="63210"/>
                    <a:pt x="17597" y="63796"/>
                    <a:pt x="17555" y="64403"/>
                  </a:cubicBezTo>
                  <a:cubicBezTo>
                    <a:pt x="17555" y="64466"/>
                    <a:pt x="17597" y="64570"/>
                    <a:pt x="17597" y="64675"/>
                  </a:cubicBezTo>
                  <a:cubicBezTo>
                    <a:pt x="17618" y="64780"/>
                    <a:pt x="17681" y="64884"/>
                    <a:pt x="17681" y="65031"/>
                  </a:cubicBezTo>
                  <a:cubicBezTo>
                    <a:pt x="17681" y="65491"/>
                    <a:pt x="17722" y="65972"/>
                    <a:pt x="17827" y="66412"/>
                  </a:cubicBezTo>
                  <a:cubicBezTo>
                    <a:pt x="17932" y="66851"/>
                    <a:pt x="18057" y="67332"/>
                    <a:pt x="18141" y="67772"/>
                  </a:cubicBezTo>
                  <a:cubicBezTo>
                    <a:pt x="18246" y="68127"/>
                    <a:pt x="18413" y="68525"/>
                    <a:pt x="18392" y="68923"/>
                  </a:cubicBezTo>
                  <a:cubicBezTo>
                    <a:pt x="18392" y="69048"/>
                    <a:pt x="18434" y="69215"/>
                    <a:pt x="18497" y="69362"/>
                  </a:cubicBezTo>
                  <a:cubicBezTo>
                    <a:pt x="18622" y="69780"/>
                    <a:pt x="18852" y="70157"/>
                    <a:pt x="18810" y="70575"/>
                  </a:cubicBezTo>
                  <a:cubicBezTo>
                    <a:pt x="19082" y="70806"/>
                    <a:pt x="19396" y="70847"/>
                    <a:pt x="19752" y="70847"/>
                  </a:cubicBezTo>
                  <a:cubicBezTo>
                    <a:pt x="20589" y="70827"/>
                    <a:pt x="21426" y="70847"/>
                    <a:pt x="22263" y="70847"/>
                  </a:cubicBezTo>
                  <a:cubicBezTo>
                    <a:pt x="22409" y="70847"/>
                    <a:pt x="22598" y="70847"/>
                    <a:pt x="22744" y="70806"/>
                  </a:cubicBezTo>
                  <a:cubicBezTo>
                    <a:pt x="23330" y="70638"/>
                    <a:pt x="23895" y="70534"/>
                    <a:pt x="24481" y="70534"/>
                  </a:cubicBezTo>
                  <a:cubicBezTo>
                    <a:pt x="25046" y="70534"/>
                    <a:pt x="25611" y="70408"/>
                    <a:pt x="26155" y="70262"/>
                  </a:cubicBezTo>
                  <a:cubicBezTo>
                    <a:pt x="26971" y="70011"/>
                    <a:pt x="27766" y="69759"/>
                    <a:pt x="28582" y="69467"/>
                  </a:cubicBezTo>
                  <a:cubicBezTo>
                    <a:pt x="28854" y="69383"/>
                    <a:pt x="29084" y="69278"/>
                    <a:pt x="29314" y="69132"/>
                  </a:cubicBezTo>
                  <a:cubicBezTo>
                    <a:pt x="29816" y="68839"/>
                    <a:pt x="30277" y="68525"/>
                    <a:pt x="30758" y="68211"/>
                  </a:cubicBezTo>
                  <a:cubicBezTo>
                    <a:pt x="30842" y="68169"/>
                    <a:pt x="30946" y="68127"/>
                    <a:pt x="31009" y="68107"/>
                  </a:cubicBezTo>
                  <a:cubicBezTo>
                    <a:pt x="31532" y="67876"/>
                    <a:pt x="32055" y="67646"/>
                    <a:pt x="32557" y="67374"/>
                  </a:cubicBezTo>
                  <a:cubicBezTo>
                    <a:pt x="33059" y="67123"/>
                    <a:pt x="33562" y="66809"/>
                    <a:pt x="33959" y="66412"/>
                  </a:cubicBezTo>
                  <a:cubicBezTo>
                    <a:pt x="34336" y="66035"/>
                    <a:pt x="34629" y="65596"/>
                    <a:pt x="34963" y="65177"/>
                  </a:cubicBezTo>
                  <a:cubicBezTo>
                    <a:pt x="34859" y="64884"/>
                    <a:pt x="34817" y="64633"/>
                    <a:pt x="34691" y="64361"/>
                  </a:cubicBezTo>
                  <a:cubicBezTo>
                    <a:pt x="34419" y="63901"/>
                    <a:pt x="34273" y="63399"/>
                    <a:pt x="34106" y="62876"/>
                  </a:cubicBezTo>
                  <a:cubicBezTo>
                    <a:pt x="34064" y="62666"/>
                    <a:pt x="33980" y="62478"/>
                    <a:pt x="33896" y="62311"/>
                  </a:cubicBezTo>
                  <a:cubicBezTo>
                    <a:pt x="33352" y="61055"/>
                    <a:pt x="32829" y="59800"/>
                    <a:pt x="32285" y="58544"/>
                  </a:cubicBezTo>
                  <a:cubicBezTo>
                    <a:pt x="32097" y="58147"/>
                    <a:pt x="31930" y="57728"/>
                    <a:pt x="31762" y="57331"/>
                  </a:cubicBezTo>
                  <a:cubicBezTo>
                    <a:pt x="31658" y="57310"/>
                    <a:pt x="31553" y="57268"/>
                    <a:pt x="31469" y="57247"/>
                  </a:cubicBezTo>
                  <a:cubicBezTo>
                    <a:pt x="30967" y="57205"/>
                    <a:pt x="30444" y="57143"/>
                    <a:pt x="29942" y="57080"/>
                  </a:cubicBezTo>
                  <a:cubicBezTo>
                    <a:pt x="29189" y="56933"/>
                    <a:pt x="28435" y="56787"/>
                    <a:pt x="27682" y="56619"/>
                  </a:cubicBezTo>
                  <a:cubicBezTo>
                    <a:pt x="27640" y="56619"/>
                    <a:pt x="27598" y="56599"/>
                    <a:pt x="27577" y="56599"/>
                  </a:cubicBezTo>
                  <a:cubicBezTo>
                    <a:pt x="27305" y="56473"/>
                    <a:pt x="26992" y="56389"/>
                    <a:pt x="26699" y="56368"/>
                  </a:cubicBezTo>
                  <a:cubicBezTo>
                    <a:pt x="26489" y="56327"/>
                    <a:pt x="26280" y="56285"/>
                    <a:pt x="26113" y="56201"/>
                  </a:cubicBezTo>
                  <a:cubicBezTo>
                    <a:pt x="25276" y="55887"/>
                    <a:pt x="24544" y="55469"/>
                    <a:pt x="23853" y="54904"/>
                  </a:cubicBezTo>
                  <a:cubicBezTo>
                    <a:pt x="23560" y="54653"/>
                    <a:pt x="23393" y="54381"/>
                    <a:pt x="23204" y="54067"/>
                  </a:cubicBezTo>
                  <a:cubicBezTo>
                    <a:pt x="23100" y="53858"/>
                    <a:pt x="23121" y="53606"/>
                    <a:pt x="23288" y="53565"/>
                  </a:cubicBezTo>
                  <a:cubicBezTo>
                    <a:pt x="23455" y="53481"/>
                    <a:pt x="23623" y="53586"/>
                    <a:pt x="23727" y="53753"/>
                  </a:cubicBezTo>
                  <a:cubicBezTo>
                    <a:pt x="24125" y="54276"/>
                    <a:pt x="24648" y="54590"/>
                    <a:pt x="25192" y="54904"/>
                  </a:cubicBezTo>
                  <a:cubicBezTo>
                    <a:pt x="25757" y="55238"/>
                    <a:pt x="26364" y="55531"/>
                    <a:pt x="27054" y="55552"/>
                  </a:cubicBezTo>
                  <a:cubicBezTo>
                    <a:pt x="27264" y="55573"/>
                    <a:pt x="27494" y="55657"/>
                    <a:pt x="27703" y="55699"/>
                  </a:cubicBezTo>
                  <a:cubicBezTo>
                    <a:pt x="27954" y="55782"/>
                    <a:pt x="28247" y="55866"/>
                    <a:pt x="28519" y="55908"/>
                  </a:cubicBezTo>
                  <a:cubicBezTo>
                    <a:pt x="28728" y="55971"/>
                    <a:pt x="28958" y="55992"/>
                    <a:pt x="29189" y="56054"/>
                  </a:cubicBezTo>
                  <a:cubicBezTo>
                    <a:pt x="29733" y="56201"/>
                    <a:pt x="30318" y="56264"/>
                    <a:pt x="30862" y="56285"/>
                  </a:cubicBezTo>
                  <a:cubicBezTo>
                    <a:pt x="30946" y="56285"/>
                    <a:pt x="31051" y="56285"/>
                    <a:pt x="31176" y="56264"/>
                  </a:cubicBezTo>
                  <a:cubicBezTo>
                    <a:pt x="31072" y="56054"/>
                    <a:pt x="30988" y="55866"/>
                    <a:pt x="30904" y="55699"/>
                  </a:cubicBezTo>
                  <a:cubicBezTo>
                    <a:pt x="30444" y="54862"/>
                    <a:pt x="30026" y="54025"/>
                    <a:pt x="29691" y="53146"/>
                  </a:cubicBezTo>
                  <a:cubicBezTo>
                    <a:pt x="29607" y="52937"/>
                    <a:pt x="29481" y="52728"/>
                    <a:pt x="29377" y="52539"/>
                  </a:cubicBezTo>
                  <a:cubicBezTo>
                    <a:pt x="29105" y="52016"/>
                    <a:pt x="28833" y="51493"/>
                    <a:pt x="28540" y="50970"/>
                  </a:cubicBezTo>
                  <a:cubicBezTo>
                    <a:pt x="28477" y="50865"/>
                    <a:pt x="28414" y="50761"/>
                    <a:pt x="28331" y="50635"/>
                  </a:cubicBezTo>
                  <a:cubicBezTo>
                    <a:pt x="28163" y="50698"/>
                    <a:pt x="28059" y="50719"/>
                    <a:pt x="27933" y="50761"/>
                  </a:cubicBezTo>
                  <a:cubicBezTo>
                    <a:pt x="27682" y="50845"/>
                    <a:pt x="27389" y="50949"/>
                    <a:pt x="27117" y="50991"/>
                  </a:cubicBezTo>
                  <a:cubicBezTo>
                    <a:pt x="26322" y="51158"/>
                    <a:pt x="25527" y="51326"/>
                    <a:pt x="24711" y="51472"/>
                  </a:cubicBezTo>
                  <a:cubicBezTo>
                    <a:pt x="24481" y="51514"/>
                    <a:pt x="24230" y="51598"/>
                    <a:pt x="23979" y="51598"/>
                  </a:cubicBezTo>
                  <a:cubicBezTo>
                    <a:pt x="23204" y="51598"/>
                    <a:pt x="22388" y="51661"/>
                    <a:pt x="21614" y="51514"/>
                  </a:cubicBezTo>
                  <a:cubicBezTo>
                    <a:pt x="21154" y="51451"/>
                    <a:pt x="20694" y="51451"/>
                    <a:pt x="20254" y="51451"/>
                  </a:cubicBezTo>
                  <a:cubicBezTo>
                    <a:pt x="19522" y="51451"/>
                    <a:pt x="18810" y="51451"/>
                    <a:pt x="18099" y="51242"/>
                  </a:cubicBezTo>
                  <a:cubicBezTo>
                    <a:pt x="17994" y="51263"/>
                    <a:pt x="17953" y="51263"/>
                    <a:pt x="17785" y="51242"/>
                  </a:cubicBezTo>
                  <a:close/>
                  <a:moveTo>
                    <a:pt x="12345" y="43940"/>
                  </a:moveTo>
                  <a:cubicBezTo>
                    <a:pt x="12512" y="44463"/>
                    <a:pt x="12638" y="44902"/>
                    <a:pt x="12764" y="45342"/>
                  </a:cubicBezTo>
                  <a:cubicBezTo>
                    <a:pt x="12847" y="45614"/>
                    <a:pt x="12910" y="45844"/>
                    <a:pt x="13036" y="46116"/>
                  </a:cubicBezTo>
                  <a:cubicBezTo>
                    <a:pt x="13245" y="46597"/>
                    <a:pt x="13475" y="47099"/>
                    <a:pt x="13684" y="47622"/>
                  </a:cubicBezTo>
                  <a:cubicBezTo>
                    <a:pt x="13789" y="47894"/>
                    <a:pt x="13914" y="48145"/>
                    <a:pt x="14103" y="48355"/>
                  </a:cubicBezTo>
                  <a:cubicBezTo>
                    <a:pt x="14207" y="48480"/>
                    <a:pt x="14333" y="48627"/>
                    <a:pt x="14375" y="48773"/>
                  </a:cubicBezTo>
                  <a:cubicBezTo>
                    <a:pt x="14500" y="49045"/>
                    <a:pt x="14647" y="49192"/>
                    <a:pt x="14877" y="49296"/>
                  </a:cubicBezTo>
                  <a:cubicBezTo>
                    <a:pt x="15567" y="49568"/>
                    <a:pt x="16132" y="49987"/>
                    <a:pt x="16760" y="50342"/>
                  </a:cubicBezTo>
                  <a:cubicBezTo>
                    <a:pt x="16781" y="50363"/>
                    <a:pt x="16823" y="50405"/>
                    <a:pt x="16865" y="50405"/>
                  </a:cubicBezTo>
                  <a:cubicBezTo>
                    <a:pt x="17032" y="50447"/>
                    <a:pt x="17178" y="50531"/>
                    <a:pt x="17346" y="50552"/>
                  </a:cubicBezTo>
                  <a:cubicBezTo>
                    <a:pt x="17597" y="50573"/>
                    <a:pt x="17869" y="50635"/>
                    <a:pt x="18120" y="50573"/>
                  </a:cubicBezTo>
                  <a:cubicBezTo>
                    <a:pt x="18580" y="50531"/>
                    <a:pt x="18999" y="50552"/>
                    <a:pt x="19438" y="50552"/>
                  </a:cubicBezTo>
                  <a:cubicBezTo>
                    <a:pt x="20317" y="50531"/>
                    <a:pt x="21217" y="50635"/>
                    <a:pt x="22095" y="50719"/>
                  </a:cubicBezTo>
                  <a:cubicBezTo>
                    <a:pt x="22891" y="50782"/>
                    <a:pt x="23644" y="50782"/>
                    <a:pt x="24439" y="50635"/>
                  </a:cubicBezTo>
                  <a:cubicBezTo>
                    <a:pt x="25025" y="50510"/>
                    <a:pt x="25632" y="50405"/>
                    <a:pt x="26217" y="50280"/>
                  </a:cubicBezTo>
                  <a:cubicBezTo>
                    <a:pt x="26636" y="50196"/>
                    <a:pt x="27075" y="50091"/>
                    <a:pt x="27473" y="49945"/>
                  </a:cubicBezTo>
                  <a:cubicBezTo>
                    <a:pt x="28163" y="49715"/>
                    <a:pt x="28854" y="49464"/>
                    <a:pt x="29523" y="49171"/>
                  </a:cubicBezTo>
                  <a:cubicBezTo>
                    <a:pt x="29712" y="49087"/>
                    <a:pt x="29921" y="49003"/>
                    <a:pt x="30088" y="48878"/>
                  </a:cubicBezTo>
                  <a:cubicBezTo>
                    <a:pt x="30716" y="48438"/>
                    <a:pt x="31365" y="47999"/>
                    <a:pt x="31971" y="47518"/>
                  </a:cubicBezTo>
                  <a:cubicBezTo>
                    <a:pt x="32536" y="47078"/>
                    <a:pt x="33080" y="46555"/>
                    <a:pt x="33436" y="45865"/>
                  </a:cubicBezTo>
                  <a:cubicBezTo>
                    <a:pt x="33666" y="45404"/>
                    <a:pt x="33959" y="44965"/>
                    <a:pt x="34210" y="44484"/>
                  </a:cubicBezTo>
                  <a:cubicBezTo>
                    <a:pt x="34315" y="44295"/>
                    <a:pt x="34399" y="44128"/>
                    <a:pt x="34482" y="43940"/>
                  </a:cubicBezTo>
                  <a:cubicBezTo>
                    <a:pt x="35110" y="42454"/>
                    <a:pt x="35424" y="40906"/>
                    <a:pt x="35382" y="39295"/>
                  </a:cubicBezTo>
                  <a:cubicBezTo>
                    <a:pt x="35382" y="38709"/>
                    <a:pt x="35424" y="38102"/>
                    <a:pt x="35382" y="37537"/>
                  </a:cubicBezTo>
                  <a:cubicBezTo>
                    <a:pt x="35361" y="36972"/>
                    <a:pt x="35340" y="36428"/>
                    <a:pt x="35256" y="35884"/>
                  </a:cubicBezTo>
                  <a:cubicBezTo>
                    <a:pt x="35173" y="35424"/>
                    <a:pt x="34963" y="34943"/>
                    <a:pt x="34733" y="34503"/>
                  </a:cubicBezTo>
                  <a:cubicBezTo>
                    <a:pt x="34629" y="34524"/>
                    <a:pt x="34587" y="34545"/>
                    <a:pt x="34503" y="34587"/>
                  </a:cubicBezTo>
                  <a:cubicBezTo>
                    <a:pt x="33855" y="34838"/>
                    <a:pt x="33478" y="34754"/>
                    <a:pt x="33039" y="34252"/>
                  </a:cubicBezTo>
                  <a:cubicBezTo>
                    <a:pt x="32913" y="34106"/>
                    <a:pt x="32767" y="33938"/>
                    <a:pt x="32662" y="33771"/>
                  </a:cubicBezTo>
                  <a:cubicBezTo>
                    <a:pt x="32536" y="33541"/>
                    <a:pt x="32411" y="33311"/>
                    <a:pt x="32202" y="33080"/>
                  </a:cubicBezTo>
                  <a:lnTo>
                    <a:pt x="31532" y="33729"/>
                  </a:lnTo>
                  <a:cubicBezTo>
                    <a:pt x="31239" y="34064"/>
                    <a:pt x="30862" y="34231"/>
                    <a:pt x="30423" y="34210"/>
                  </a:cubicBezTo>
                  <a:lnTo>
                    <a:pt x="30067" y="34210"/>
                  </a:lnTo>
                  <a:cubicBezTo>
                    <a:pt x="29502" y="34147"/>
                    <a:pt x="28979" y="33980"/>
                    <a:pt x="28540" y="33562"/>
                  </a:cubicBezTo>
                  <a:cubicBezTo>
                    <a:pt x="28184" y="33248"/>
                    <a:pt x="27912" y="32892"/>
                    <a:pt x="27661" y="32515"/>
                  </a:cubicBezTo>
                  <a:cubicBezTo>
                    <a:pt x="27598" y="32369"/>
                    <a:pt x="27494" y="32264"/>
                    <a:pt x="27389" y="32139"/>
                  </a:cubicBezTo>
                  <a:cubicBezTo>
                    <a:pt x="27243" y="32243"/>
                    <a:pt x="27138" y="32327"/>
                    <a:pt x="27075" y="32411"/>
                  </a:cubicBezTo>
                  <a:cubicBezTo>
                    <a:pt x="26929" y="32536"/>
                    <a:pt x="26782" y="32620"/>
                    <a:pt x="26573" y="32683"/>
                  </a:cubicBezTo>
                  <a:cubicBezTo>
                    <a:pt x="26050" y="32850"/>
                    <a:pt x="25527" y="32850"/>
                    <a:pt x="25004" y="32829"/>
                  </a:cubicBezTo>
                  <a:cubicBezTo>
                    <a:pt x="24816" y="32829"/>
                    <a:pt x="24690" y="32725"/>
                    <a:pt x="24564" y="32620"/>
                  </a:cubicBezTo>
                  <a:cubicBezTo>
                    <a:pt x="24418" y="32515"/>
                    <a:pt x="24292" y="32411"/>
                    <a:pt x="24146" y="32348"/>
                  </a:cubicBezTo>
                  <a:cubicBezTo>
                    <a:pt x="23874" y="32285"/>
                    <a:pt x="23727" y="32097"/>
                    <a:pt x="23581" y="31888"/>
                  </a:cubicBezTo>
                  <a:cubicBezTo>
                    <a:pt x="23518" y="31783"/>
                    <a:pt x="23476" y="31595"/>
                    <a:pt x="23288" y="31574"/>
                  </a:cubicBezTo>
                  <a:cubicBezTo>
                    <a:pt x="23016" y="32160"/>
                    <a:pt x="22932" y="32327"/>
                    <a:pt x="22514" y="32662"/>
                  </a:cubicBezTo>
                  <a:cubicBezTo>
                    <a:pt x="21907" y="33164"/>
                    <a:pt x="21259" y="33603"/>
                    <a:pt x="20484" y="33771"/>
                  </a:cubicBezTo>
                  <a:cubicBezTo>
                    <a:pt x="20129" y="33855"/>
                    <a:pt x="19794" y="33959"/>
                    <a:pt x="19438" y="34064"/>
                  </a:cubicBezTo>
                  <a:cubicBezTo>
                    <a:pt x="19334" y="34503"/>
                    <a:pt x="19459" y="34943"/>
                    <a:pt x="19250" y="35361"/>
                  </a:cubicBezTo>
                  <a:cubicBezTo>
                    <a:pt x="19041" y="35780"/>
                    <a:pt x="18748" y="36114"/>
                    <a:pt x="18434" y="36470"/>
                  </a:cubicBezTo>
                  <a:cubicBezTo>
                    <a:pt x="18120" y="36805"/>
                    <a:pt x="17660" y="36826"/>
                    <a:pt x="17283" y="37056"/>
                  </a:cubicBezTo>
                  <a:cubicBezTo>
                    <a:pt x="17283" y="37160"/>
                    <a:pt x="17304" y="37265"/>
                    <a:pt x="17304" y="37349"/>
                  </a:cubicBezTo>
                  <a:cubicBezTo>
                    <a:pt x="17304" y="37725"/>
                    <a:pt x="17346" y="38102"/>
                    <a:pt x="17283" y="38479"/>
                  </a:cubicBezTo>
                  <a:cubicBezTo>
                    <a:pt x="17178" y="39148"/>
                    <a:pt x="16760" y="39713"/>
                    <a:pt x="16237" y="40132"/>
                  </a:cubicBezTo>
                  <a:cubicBezTo>
                    <a:pt x="15965" y="40362"/>
                    <a:pt x="15672" y="40550"/>
                    <a:pt x="15379" y="40780"/>
                  </a:cubicBezTo>
                  <a:lnTo>
                    <a:pt x="15379" y="40885"/>
                  </a:lnTo>
                  <a:cubicBezTo>
                    <a:pt x="15567" y="41659"/>
                    <a:pt x="15295" y="42266"/>
                    <a:pt x="14668" y="42705"/>
                  </a:cubicBezTo>
                  <a:cubicBezTo>
                    <a:pt x="14458" y="42873"/>
                    <a:pt x="14249" y="42977"/>
                    <a:pt x="14061" y="43124"/>
                  </a:cubicBezTo>
                  <a:cubicBezTo>
                    <a:pt x="13810" y="43312"/>
                    <a:pt x="13538" y="43438"/>
                    <a:pt x="13266" y="43500"/>
                  </a:cubicBezTo>
                  <a:cubicBezTo>
                    <a:pt x="12973" y="43584"/>
                    <a:pt x="12659" y="43730"/>
                    <a:pt x="12345" y="43940"/>
                  </a:cubicBezTo>
                  <a:close/>
                  <a:moveTo>
                    <a:pt x="122780" y="28958"/>
                  </a:moveTo>
                  <a:cubicBezTo>
                    <a:pt x="122320" y="29251"/>
                    <a:pt x="121901" y="29523"/>
                    <a:pt x="121462" y="29816"/>
                  </a:cubicBezTo>
                  <a:cubicBezTo>
                    <a:pt x="121273" y="29921"/>
                    <a:pt x="121127" y="30046"/>
                    <a:pt x="120939" y="30130"/>
                  </a:cubicBezTo>
                  <a:cubicBezTo>
                    <a:pt x="120290" y="30402"/>
                    <a:pt x="119600" y="30674"/>
                    <a:pt x="118930" y="30925"/>
                  </a:cubicBezTo>
                  <a:cubicBezTo>
                    <a:pt x="118114" y="31176"/>
                    <a:pt x="117277" y="31406"/>
                    <a:pt x="116461" y="31637"/>
                  </a:cubicBezTo>
                  <a:cubicBezTo>
                    <a:pt x="116022" y="31804"/>
                    <a:pt x="115561" y="31888"/>
                    <a:pt x="115080" y="31846"/>
                  </a:cubicBezTo>
                  <a:cubicBezTo>
                    <a:pt x="114829" y="31846"/>
                    <a:pt x="114557" y="31804"/>
                    <a:pt x="114306" y="31909"/>
                  </a:cubicBezTo>
                  <a:cubicBezTo>
                    <a:pt x="114222" y="32118"/>
                    <a:pt x="114138" y="32327"/>
                    <a:pt x="114097" y="32557"/>
                  </a:cubicBezTo>
                  <a:cubicBezTo>
                    <a:pt x="114034" y="32725"/>
                    <a:pt x="114034" y="32892"/>
                    <a:pt x="114034" y="33059"/>
                  </a:cubicBezTo>
                  <a:cubicBezTo>
                    <a:pt x="113950" y="33834"/>
                    <a:pt x="113992" y="34650"/>
                    <a:pt x="113846" y="35445"/>
                  </a:cubicBezTo>
                  <a:cubicBezTo>
                    <a:pt x="113804" y="35696"/>
                    <a:pt x="113741" y="35968"/>
                    <a:pt x="113741" y="36219"/>
                  </a:cubicBezTo>
                  <a:cubicBezTo>
                    <a:pt x="113783" y="37307"/>
                    <a:pt x="113678" y="38395"/>
                    <a:pt x="113532" y="39462"/>
                  </a:cubicBezTo>
                  <a:cubicBezTo>
                    <a:pt x="113511" y="39567"/>
                    <a:pt x="113490" y="39671"/>
                    <a:pt x="113594" y="39776"/>
                  </a:cubicBezTo>
                  <a:cubicBezTo>
                    <a:pt x="114473" y="39462"/>
                    <a:pt x="115185" y="38876"/>
                    <a:pt x="116001" y="38395"/>
                  </a:cubicBezTo>
                  <a:cubicBezTo>
                    <a:pt x="116147" y="38311"/>
                    <a:pt x="116294" y="38207"/>
                    <a:pt x="116419" y="38102"/>
                  </a:cubicBezTo>
                  <a:cubicBezTo>
                    <a:pt x="116440" y="38102"/>
                    <a:pt x="116440" y="38081"/>
                    <a:pt x="116461" y="38060"/>
                  </a:cubicBezTo>
                  <a:cubicBezTo>
                    <a:pt x="116712" y="37788"/>
                    <a:pt x="116963" y="37600"/>
                    <a:pt x="117277" y="37453"/>
                  </a:cubicBezTo>
                  <a:cubicBezTo>
                    <a:pt x="117403" y="37391"/>
                    <a:pt x="117549" y="37307"/>
                    <a:pt x="117654" y="37202"/>
                  </a:cubicBezTo>
                  <a:cubicBezTo>
                    <a:pt x="117905" y="36951"/>
                    <a:pt x="118177" y="36742"/>
                    <a:pt x="118386" y="36470"/>
                  </a:cubicBezTo>
                  <a:cubicBezTo>
                    <a:pt x="118804" y="35947"/>
                    <a:pt x="119244" y="35382"/>
                    <a:pt x="119453" y="34733"/>
                  </a:cubicBezTo>
                  <a:cubicBezTo>
                    <a:pt x="119495" y="34608"/>
                    <a:pt x="119558" y="34503"/>
                    <a:pt x="119600" y="34378"/>
                  </a:cubicBezTo>
                  <a:cubicBezTo>
                    <a:pt x="119704" y="34210"/>
                    <a:pt x="119955" y="34231"/>
                    <a:pt x="120018" y="34399"/>
                  </a:cubicBezTo>
                  <a:cubicBezTo>
                    <a:pt x="120081" y="34482"/>
                    <a:pt x="120102" y="34587"/>
                    <a:pt x="120102" y="34650"/>
                  </a:cubicBezTo>
                  <a:cubicBezTo>
                    <a:pt x="120060" y="34943"/>
                    <a:pt x="120018" y="35236"/>
                    <a:pt x="119913" y="35487"/>
                  </a:cubicBezTo>
                  <a:cubicBezTo>
                    <a:pt x="119495" y="36470"/>
                    <a:pt x="118867" y="37244"/>
                    <a:pt x="118093" y="37935"/>
                  </a:cubicBezTo>
                  <a:cubicBezTo>
                    <a:pt x="117570" y="38186"/>
                    <a:pt x="117151" y="38625"/>
                    <a:pt x="116649" y="38939"/>
                  </a:cubicBezTo>
                  <a:cubicBezTo>
                    <a:pt x="115791" y="39525"/>
                    <a:pt x="114954" y="40153"/>
                    <a:pt x="113992" y="40592"/>
                  </a:cubicBezTo>
                  <a:cubicBezTo>
                    <a:pt x="113887" y="40655"/>
                    <a:pt x="113783" y="40697"/>
                    <a:pt x="113699" y="40759"/>
                  </a:cubicBezTo>
                  <a:cubicBezTo>
                    <a:pt x="113594" y="40822"/>
                    <a:pt x="113490" y="40906"/>
                    <a:pt x="113385" y="40969"/>
                  </a:cubicBezTo>
                  <a:cubicBezTo>
                    <a:pt x="113385" y="41052"/>
                    <a:pt x="113364" y="41136"/>
                    <a:pt x="113364" y="41220"/>
                  </a:cubicBezTo>
                  <a:cubicBezTo>
                    <a:pt x="113322" y="42977"/>
                    <a:pt x="113281" y="44693"/>
                    <a:pt x="113260" y="46451"/>
                  </a:cubicBezTo>
                  <a:cubicBezTo>
                    <a:pt x="113260" y="46764"/>
                    <a:pt x="113281" y="47099"/>
                    <a:pt x="113301" y="47413"/>
                  </a:cubicBezTo>
                  <a:cubicBezTo>
                    <a:pt x="113322" y="47727"/>
                    <a:pt x="113364" y="48020"/>
                    <a:pt x="113301" y="48334"/>
                  </a:cubicBezTo>
                  <a:cubicBezTo>
                    <a:pt x="113281" y="48564"/>
                    <a:pt x="113260" y="48773"/>
                    <a:pt x="113281" y="49024"/>
                  </a:cubicBezTo>
                  <a:cubicBezTo>
                    <a:pt x="113322" y="49610"/>
                    <a:pt x="113385" y="50217"/>
                    <a:pt x="113469" y="50824"/>
                  </a:cubicBezTo>
                  <a:cubicBezTo>
                    <a:pt x="113469" y="50928"/>
                    <a:pt x="113511" y="51033"/>
                    <a:pt x="113532" y="51117"/>
                  </a:cubicBezTo>
                  <a:cubicBezTo>
                    <a:pt x="114118" y="51242"/>
                    <a:pt x="114641" y="51368"/>
                    <a:pt x="115185" y="51451"/>
                  </a:cubicBezTo>
                  <a:cubicBezTo>
                    <a:pt x="115603" y="51514"/>
                    <a:pt x="116022" y="51661"/>
                    <a:pt x="116461" y="51598"/>
                  </a:cubicBezTo>
                  <a:cubicBezTo>
                    <a:pt x="116942" y="51556"/>
                    <a:pt x="117403" y="51493"/>
                    <a:pt x="117884" y="51472"/>
                  </a:cubicBezTo>
                  <a:cubicBezTo>
                    <a:pt x="118114" y="51451"/>
                    <a:pt x="118302" y="51368"/>
                    <a:pt x="118428" y="51137"/>
                  </a:cubicBezTo>
                  <a:cubicBezTo>
                    <a:pt x="118511" y="50970"/>
                    <a:pt x="118616" y="50824"/>
                    <a:pt x="118742" y="50740"/>
                  </a:cubicBezTo>
                  <a:cubicBezTo>
                    <a:pt x="119160" y="50552"/>
                    <a:pt x="119432" y="50175"/>
                    <a:pt x="119788" y="49882"/>
                  </a:cubicBezTo>
                  <a:cubicBezTo>
                    <a:pt x="120332" y="49443"/>
                    <a:pt x="120792" y="48920"/>
                    <a:pt x="121232" y="48355"/>
                  </a:cubicBezTo>
                  <a:cubicBezTo>
                    <a:pt x="121315" y="48292"/>
                    <a:pt x="121378" y="48187"/>
                    <a:pt x="121462" y="48124"/>
                  </a:cubicBezTo>
                  <a:cubicBezTo>
                    <a:pt x="122068" y="47664"/>
                    <a:pt x="122613" y="47162"/>
                    <a:pt x="123303" y="46785"/>
                  </a:cubicBezTo>
                  <a:cubicBezTo>
                    <a:pt x="123554" y="46660"/>
                    <a:pt x="123784" y="46451"/>
                    <a:pt x="123973" y="46220"/>
                  </a:cubicBezTo>
                  <a:cubicBezTo>
                    <a:pt x="124140" y="46011"/>
                    <a:pt x="124307" y="45802"/>
                    <a:pt x="124496" y="45635"/>
                  </a:cubicBezTo>
                  <a:cubicBezTo>
                    <a:pt x="124663" y="45509"/>
                    <a:pt x="124789" y="45363"/>
                    <a:pt x="124893" y="45174"/>
                  </a:cubicBezTo>
                  <a:cubicBezTo>
                    <a:pt x="125102" y="44839"/>
                    <a:pt x="125291" y="44484"/>
                    <a:pt x="125626" y="44254"/>
                  </a:cubicBezTo>
                  <a:cubicBezTo>
                    <a:pt x="125856" y="44065"/>
                    <a:pt x="125981" y="43835"/>
                    <a:pt x="126065" y="43542"/>
                  </a:cubicBezTo>
                  <a:cubicBezTo>
                    <a:pt x="126128" y="43333"/>
                    <a:pt x="126170" y="43124"/>
                    <a:pt x="126253" y="42956"/>
                  </a:cubicBezTo>
                  <a:cubicBezTo>
                    <a:pt x="126483" y="42391"/>
                    <a:pt x="126651" y="41847"/>
                    <a:pt x="126609" y="41241"/>
                  </a:cubicBezTo>
                  <a:cubicBezTo>
                    <a:pt x="126609" y="41178"/>
                    <a:pt x="126651" y="41094"/>
                    <a:pt x="126651" y="41010"/>
                  </a:cubicBezTo>
                  <a:cubicBezTo>
                    <a:pt x="126693" y="40550"/>
                    <a:pt x="126755" y="40069"/>
                    <a:pt x="126776" y="39609"/>
                  </a:cubicBezTo>
                  <a:cubicBezTo>
                    <a:pt x="126776" y="39127"/>
                    <a:pt x="126923" y="38688"/>
                    <a:pt x="127216" y="38353"/>
                  </a:cubicBezTo>
                  <a:cubicBezTo>
                    <a:pt x="127488" y="38039"/>
                    <a:pt x="127550" y="37684"/>
                    <a:pt x="127550" y="37307"/>
                  </a:cubicBezTo>
                  <a:cubicBezTo>
                    <a:pt x="127550" y="37119"/>
                    <a:pt x="127530" y="36951"/>
                    <a:pt x="127530" y="36784"/>
                  </a:cubicBezTo>
                  <a:cubicBezTo>
                    <a:pt x="127509" y="36177"/>
                    <a:pt x="127237" y="35654"/>
                    <a:pt x="127111" y="35068"/>
                  </a:cubicBezTo>
                  <a:cubicBezTo>
                    <a:pt x="127006" y="34629"/>
                    <a:pt x="126818" y="34210"/>
                    <a:pt x="126609" y="33813"/>
                  </a:cubicBezTo>
                  <a:cubicBezTo>
                    <a:pt x="126253" y="33080"/>
                    <a:pt x="125646" y="32495"/>
                    <a:pt x="125312" y="31762"/>
                  </a:cubicBezTo>
                  <a:cubicBezTo>
                    <a:pt x="124684" y="31051"/>
                    <a:pt x="124182" y="30214"/>
                    <a:pt x="123449" y="29607"/>
                  </a:cubicBezTo>
                  <a:cubicBezTo>
                    <a:pt x="123324" y="29502"/>
                    <a:pt x="123219" y="29356"/>
                    <a:pt x="123115" y="29251"/>
                  </a:cubicBezTo>
                  <a:cubicBezTo>
                    <a:pt x="123031" y="29147"/>
                    <a:pt x="122905" y="29063"/>
                    <a:pt x="122780" y="28958"/>
                  </a:cubicBezTo>
                  <a:close/>
                  <a:moveTo>
                    <a:pt x="16069" y="59946"/>
                  </a:moveTo>
                  <a:cubicBezTo>
                    <a:pt x="15902" y="59863"/>
                    <a:pt x="15714" y="59800"/>
                    <a:pt x="15567" y="59737"/>
                  </a:cubicBezTo>
                  <a:cubicBezTo>
                    <a:pt x="15442" y="59695"/>
                    <a:pt x="15274" y="59653"/>
                    <a:pt x="15149" y="59591"/>
                  </a:cubicBezTo>
                  <a:cubicBezTo>
                    <a:pt x="14709" y="59402"/>
                    <a:pt x="14249" y="59277"/>
                    <a:pt x="13789" y="59193"/>
                  </a:cubicBezTo>
                  <a:cubicBezTo>
                    <a:pt x="13517" y="59130"/>
                    <a:pt x="13266" y="59068"/>
                    <a:pt x="12994" y="59005"/>
                  </a:cubicBezTo>
                  <a:cubicBezTo>
                    <a:pt x="12450" y="58879"/>
                    <a:pt x="11927" y="58795"/>
                    <a:pt x="11383" y="58984"/>
                  </a:cubicBezTo>
                  <a:cubicBezTo>
                    <a:pt x="11006" y="59109"/>
                    <a:pt x="10671" y="59340"/>
                    <a:pt x="10378" y="59612"/>
                  </a:cubicBezTo>
                  <a:cubicBezTo>
                    <a:pt x="9918" y="60051"/>
                    <a:pt x="9479" y="60490"/>
                    <a:pt x="9186" y="61097"/>
                  </a:cubicBezTo>
                  <a:cubicBezTo>
                    <a:pt x="9102" y="61264"/>
                    <a:pt x="9018" y="61411"/>
                    <a:pt x="8893" y="61495"/>
                  </a:cubicBezTo>
                  <a:cubicBezTo>
                    <a:pt x="8642" y="61683"/>
                    <a:pt x="8537" y="61913"/>
                    <a:pt x="8432" y="62164"/>
                  </a:cubicBezTo>
                  <a:cubicBezTo>
                    <a:pt x="8349" y="62353"/>
                    <a:pt x="8265" y="62562"/>
                    <a:pt x="8181" y="62750"/>
                  </a:cubicBezTo>
                  <a:cubicBezTo>
                    <a:pt x="7846" y="63420"/>
                    <a:pt x="7658" y="64152"/>
                    <a:pt x="7574" y="64926"/>
                  </a:cubicBezTo>
                  <a:cubicBezTo>
                    <a:pt x="7554" y="65073"/>
                    <a:pt x="7554" y="65240"/>
                    <a:pt x="7616" y="65366"/>
                  </a:cubicBezTo>
                  <a:cubicBezTo>
                    <a:pt x="7721" y="65617"/>
                    <a:pt x="7721" y="65889"/>
                    <a:pt x="7721" y="66140"/>
                  </a:cubicBezTo>
                  <a:cubicBezTo>
                    <a:pt x="7721" y="66600"/>
                    <a:pt x="7805" y="67018"/>
                    <a:pt x="7951" y="67437"/>
                  </a:cubicBezTo>
                  <a:cubicBezTo>
                    <a:pt x="7993" y="67562"/>
                    <a:pt x="8035" y="67709"/>
                    <a:pt x="8056" y="67876"/>
                  </a:cubicBezTo>
                  <a:cubicBezTo>
                    <a:pt x="8077" y="68023"/>
                    <a:pt x="8098" y="68169"/>
                    <a:pt x="8139" y="68316"/>
                  </a:cubicBezTo>
                  <a:cubicBezTo>
                    <a:pt x="8370" y="69006"/>
                    <a:pt x="8370" y="69739"/>
                    <a:pt x="8579" y="70408"/>
                  </a:cubicBezTo>
                  <a:cubicBezTo>
                    <a:pt x="8600" y="70492"/>
                    <a:pt x="8579" y="70575"/>
                    <a:pt x="8579" y="70638"/>
                  </a:cubicBezTo>
                  <a:cubicBezTo>
                    <a:pt x="8600" y="70806"/>
                    <a:pt x="8621" y="70931"/>
                    <a:pt x="8662" y="71099"/>
                  </a:cubicBezTo>
                  <a:cubicBezTo>
                    <a:pt x="8788" y="71517"/>
                    <a:pt x="8976" y="71894"/>
                    <a:pt x="8914" y="72375"/>
                  </a:cubicBezTo>
                  <a:cubicBezTo>
                    <a:pt x="8914" y="72459"/>
                    <a:pt x="8976" y="72563"/>
                    <a:pt x="8997" y="72626"/>
                  </a:cubicBezTo>
                  <a:cubicBezTo>
                    <a:pt x="9102" y="72919"/>
                    <a:pt x="9227" y="73191"/>
                    <a:pt x="9332" y="73463"/>
                  </a:cubicBezTo>
                  <a:cubicBezTo>
                    <a:pt x="9499" y="74070"/>
                    <a:pt x="9813" y="74572"/>
                    <a:pt x="10106" y="75116"/>
                  </a:cubicBezTo>
                  <a:cubicBezTo>
                    <a:pt x="10211" y="75283"/>
                    <a:pt x="10315" y="75430"/>
                    <a:pt x="10462" y="75534"/>
                  </a:cubicBezTo>
                  <a:cubicBezTo>
                    <a:pt x="10629" y="75639"/>
                    <a:pt x="10734" y="75806"/>
                    <a:pt x="10859" y="75932"/>
                  </a:cubicBezTo>
                  <a:lnTo>
                    <a:pt x="11215" y="76288"/>
                  </a:lnTo>
                  <a:cubicBezTo>
                    <a:pt x="11362" y="76434"/>
                    <a:pt x="11508" y="76539"/>
                    <a:pt x="11675" y="76664"/>
                  </a:cubicBezTo>
                  <a:cubicBezTo>
                    <a:pt x="11801" y="76748"/>
                    <a:pt x="11906" y="76853"/>
                    <a:pt x="12052" y="76915"/>
                  </a:cubicBezTo>
                  <a:cubicBezTo>
                    <a:pt x="12261" y="76748"/>
                    <a:pt x="12450" y="76685"/>
                    <a:pt x="12680" y="76811"/>
                  </a:cubicBezTo>
                  <a:cubicBezTo>
                    <a:pt x="13140" y="77062"/>
                    <a:pt x="13600" y="77271"/>
                    <a:pt x="14144" y="77208"/>
                  </a:cubicBezTo>
                  <a:cubicBezTo>
                    <a:pt x="14396" y="77313"/>
                    <a:pt x="14626" y="77271"/>
                    <a:pt x="14856" y="77271"/>
                  </a:cubicBezTo>
                  <a:cubicBezTo>
                    <a:pt x="15191" y="77271"/>
                    <a:pt x="15546" y="77208"/>
                    <a:pt x="15860" y="77083"/>
                  </a:cubicBezTo>
                  <a:cubicBezTo>
                    <a:pt x="15986" y="77020"/>
                    <a:pt x="16174" y="77020"/>
                    <a:pt x="16300" y="77062"/>
                  </a:cubicBezTo>
                  <a:cubicBezTo>
                    <a:pt x="16927" y="77125"/>
                    <a:pt x="17534" y="76978"/>
                    <a:pt x="18162" y="76999"/>
                  </a:cubicBezTo>
                  <a:cubicBezTo>
                    <a:pt x="18392" y="77020"/>
                    <a:pt x="18643" y="76957"/>
                    <a:pt x="18915" y="76915"/>
                  </a:cubicBezTo>
                  <a:cubicBezTo>
                    <a:pt x="18936" y="76811"/>
                    <a:pt x="18957" y="76706"/>
                    <a:pt x="18957" y="76643"/>
                  </a:cubicBezTo>
                  <a:cubicBezTo>
                    <a:pt x="18957" y="75011"/>
                    <a:pt x="18999" y="73421"/>
                    <a:pt x="18999" y="71852"/>
                  </a:cubicBezTo>
                  <a:cubicBezTo>
                    <a:pt x="18810" y="71622"/>
                    <a:pt x="18601" y="71622"/>
                    <a:pt x="18392" y="71580"/>
                  </a:cubicBezTo>
                  <a:cubicBezTo>
                    <a:pt x="18183" y="71559"/>
                    <a:pt x="18015" y="71433"/>
                    <a:pt x="17994" y="71245"/>
                  </a:cubicBezTo>
                  <a:cubicBezTo>
                    <a:pt x="17953" y="70910"/>
                    <a:pt x="17806" y="70596"/>
                    <a:pt x="17848" y="70262"/>
                  </a:cubicBezTo>
                  <a:cubicBezTo>
                    <a:pt x="17848" y="70052"/>
                    <a:pt x="17785" y="69801"/>
                    <a:pt x="17764" y="69571"/>
                  </a:cubicBezTo>
                  <a:cubicBezTo>
                    <a:pt x="17743" y="69425"/>
                    <a:pt x="17681" y="69236"/>
                    <a:pt x="17660" y="69069"/>
                  </a:cubicBezTo>
                  <a:cubicBezTo>
                    <a:pt x="17597" y="68755"/>
                    <a:pt x="17597" y="68420"/>
                    <a:pt x="17471" y="68127"/>
                  </a:cubicBezTo>
                  <a:cubicBezTo>
                    <a:pt x="17220" y="67458"/>
                    <a:pt x="17241" y="66726"/>
                    <a:pt x="17011" y="66035"/>
                  </a:cubicBezTo>
                  <a:cubicBezTo>
                    <a:pt x="17032" y="65470"/>
                    <a:pt x="16885" y="64926"/>
                    <a:pt x="16844" y="64340"/>
                  </a:cubicBezTo>
                  <a:cubicBezTo>
                    <a:pt x="16802" y="63985"/>
                    <a:pt x="16760" y="63629"/>
                    <a:pt x="16697" y="63273"/>
                  </a:cubicBezTo>
                  <a:cubicBezTo>
                    <a:pt x="16593" y="62876"/>
                    <a:pt x="16509" y="62478"/>
                    <a:pt x="16404" y="62122"/>
                  </a:cubicBezTo>
                  <a:cubicBezTo>
                    <a:pt x="16237" y="61474"/>
                    <a:pt x="16090" y="60846"/>
                    <a:pt x="16132" y="60156"/>
                  </a:cubicBezTo>
                  <a:cubicBezTo>
                    <a:pt x="16111" y="60114"/>
                    <a:pt x="16090" y="60051"/>
                    <a:pt x="16069" y="59946"/>
                  </a:cubicBezTo>
                  <a:close/>
                  <a:moveTo>
                    <a:pt x="19982" y="77815"/>
                  </a:moveTo>
                  <a:cubicBezTo>
                    <a:pt x="20066" y="77857"/>
                    <a:pt x="20066" y="77878"/>
                    <a:pt x="20087" y="77878"/>
                  </a:cubicBezTo>
                  <a:cubicBezTo>
                    <a:pt x="20401" y="77962"/>
                    <a:pt x="20694" y="78150"/>
                    <a:pt x="21028" y="78066"/>
                  </a:cubicBezTo>
                  <a:cubicBezTo>
                    <a:pt x="21405" y="78024"/>
                    <a:pt x="21677" y="78234"/>
                    <a:pt x="22033" y="78254"/>
                  </a:cubicBezTo>
                  <a:lnTo>
                    <a:pt x="22075" y="78254"/>
                  </a:lnTo>
                  <a:lnTo>
                    <a:pt x="25025" y="78254"/>
                  </a:lnTo>
                  <a:cubicBezTo>
                    <a:pt x="25129" y="78254"/>
                    <a:pt x="25297" y="78254"/>
                    <a:pt x="25339" y="78213"/>
                  </a:cubicBezTo>
                  <a:cubicBezTo>
                    <a:pt x="25485" y="78066"/>
                    <a:pt x="25652" y="78066"/>
                    <a:pt x="25820" y="78066"/>
                  </a:cubicBezTo>
                  <a:cubicBezTo>
                    <a:pt x="26322" y="78045"/>
                    <a:pt x="26803" y="78129"/>
                    <a:pt x="27285" y="77941"/>
                  </a:cubicBezTo>
                  <a:cubicBezTo>
                    <a:pt x="27305" y="77920"/>
                    <a:pt x="27368" y="77941"/>
                    <a:pt x="27389" y="77941"/>
                  </a:cubicBezTo>
                  <a:cubicBezTo>
                    <a:pt x="28352" y="77836"/>
                    <a:pt x="29293" y="77710"/>
                    <a:pt x="30193" y="77313"/>
                  </a:cubicBezTo>
                  <a:cubicBezTo>
                    <a:pt x="30256" y="77292"/>
                    <a:pt x="30360" y="77229"/>
                    <a:pt x="30444" y="77229"/>
                  </a:cubicBezTo>
                  <a:cubicBezTo>
                    <a:pt x="30716" y="77208"/>
                    <a:pt x="30925" y="77104"/>
                    <a:pt x="31155" y="76999"/>
                  </a:cubicBezTo>
                  <a:cubicBezTo>
                    <a:pt x="31386" y="76894"/>
                    <a:pt x="31616" y="76790"/>
                    <a:pt x="31888" y="76664"/>
                  </a:cubicBezTo>
                  <a:cubicBezTo>
                    <a:pt x="31992" y="76601"/>
                    <a:pt x="32118" y="76581"/>
                    <a:pt x="32181" y="76497"/>
                  </a:cubicBezTo>
                  <a:cubicBezTo>
                    <a:pt x="32411" y="76246"/>
                    <a:pt x="32746" y="76141"/>
                    <a:pt x="33059" y="76037"/>
                  </a:cubicBezTo>
                  <a:cubicBezTo>
                    <a:pt x="33813" y="75806"/>
                    <a:pt x="34545" y="75513"/>
                    <a:pt x="35194" y="74990"/>
                  </a:cubicBezTo>
                  <a:cubicBezTo>
                    <a:pt x="35277" y="74907"/>
                    <a:pt x="35382" y="74865"/>
                    <a:pt x="35507" y="74823"/>
                  </a:cubicBezTo>
                  <a:cubicBezTo>
                    <a:pt x="36093" y="74656"/>
                    <a:pt x="36616" y="74279"/>
                    <a:pt x="37077" y="73944"/>
                  </a:cubicBezTo>
                  <a:cubicBezTo>
                    <a:pt x="37704" y="73505"/>
                    <a:pt x="38207" y="72919"/>
                    <a:pt x="38416" y="72166"/>
                  </a:cubicBezTo>
                  <a:cubicBezTo>
                    <a:pt x="38437" y="72040"/>
                    <a:pt x="38520" y="71894"/>
                    <a:pt x="38604" y="71831"/>
                  </a:cubicBezTo>
                  <a:cubicBezTo>
                    <a:pt x="38897" y="71538"/>
                    <a:pt x="39044" y="71161"/>
                    <a:pt x="39211" y="70806"/>
                  </a:cubicBezTo>
                  <a:cubicBezTo>
                    <a:pt x="39316" y="70575"/>
                    <a:pt x="39420" y="70366"/>
                    <a:pt x="39504" y="70115"/>
                  </a:cubicBezTo>
                  <a:cubicBezTo>
                    <a:pt x="39567" y="69906"/>
                    <a:pt x="39650" y="69697"/>
                    <a:pt x="39713" y="69467"/>
                  </a:cubicBezTo>
                  <a:cubicBezTo>
                    <a:pt x="39776" y="69215"/>
                    <a:pt x="39818" y="68923"/>
                    <a:pt x="39985" y="68692"/>
                  </a:cubicBezTo>
                  <a:cubicBezTo>
                    <a:pt x="40153" y="68483"/>
                    <a:pt x="40090" y="68190"/>
                    <a:pt x="39922" y="68002"/>
                  </a:cubicBezTo>
                  <a:cubicBezTo>
                    <a:pt x="39839" y="67918"/>
                    <a:pt x="39734" y="67876"/>
                    <a:pt x="39629" y="67814"/>
                  </a:cubicBezTo>
                  <a:cubicBezTo>
                    <a:pt x="39295" y="67646"/>
                    <a:pt x="38897" y="67646"/>
                    <a:pt x="38520" y="67583"/>
                  </a:cubicBezTo>
                  <a:cubicBezTo>
                    <a:pt x="37872" y="67479"/>
                    <a:pt x="37265" y="67290"/>
                    <a:pt x="36826" y="66767"/>
                  </a:cubicBezTo>
                  <a:cubicBezTo>
                    <a:pt x="36784" y="66726"/>
                    <a:pt x="36700" y="66705"/>
                    <a:pt x="36637" y="66642"/>
                  </a:cubicBezTo>
                  <a:cubicBezTo>
                    <a:pt x="36470" y="66516"/>
                    <a:pt x="36282" y="66349"/>
                    <a:pt x="36093" y="66223"/>
                  </a:cubicBezTo>
                  <a:cubicBezTo>
                    <a:pt x="35884" y="66035"/>
                    <a:pt x="35654" y="65889"/>
                    <a:pt x="35340" y="65826"/>
                  </a:cubicBezTo>
                  <a:cubicBezTo>
                    <a:pt x="35215" y="66014"/>
                    <a:pt x="35068" y="66182"/>
                    <a:pt x="34963" y="66328"/>
                  </a:cubicBezTo>
                  <a:cubicBezTo>
                    <a:pt x="34712" y="66767"/>
                    <a:pt x="34378" y="67123"/>
                    <a:pt x="33980" y="67437"/>
                  </a:cubicBezTo>
                  <a:cubicBezTo>
                    <a:pt x="33499" y="67793"/>
                    <a:pt x="33039" y="68107"/>
                    <a:pt x="32494" y="68379"/>
                  </a:cubicBezTo>
                  <a:cubicBezTo>
                    <a:pt x="31971" y="68609"/>
                    <a:pt x="31406" y="68860"/>
                    <a:pt x="30883" y="69111"/>
                  </a:cubicBezTo>
                  <a:cubicBezTo>
                    <a:pt x="30737" y="69174"/>
                    <a:pt x="30570" y="69236"/>
                    <a:pt x="30444" y="69341"/>
                  </a:cubicBezTo>
                  <a:cubicBezTo>
                    <a:pt x="29921" y="69739"/>
                    <a:pt x="29419" y="70157"/>
                    <a:pt x="28770" y="70220"/>
                  </a:cubicBezTo>
                  <a:cubicBezTo>
                    <a:pt x="28665" y="70262"/>
                    <a:pt x="28561" y="70324"/>
                    <a:pt x="28456" y="70366"/>
                  </a:cubicBezTo>
                  <a:cubicBezTo>
                    <a:pt x="28268" y="70429"/>
                    <a:pt x="28101" y="70492"/>
                    <a:pt x="27933" y="70534"/>
                  </a:cubicBezTo>
                  <a:cubicBezTo>
                    <a:pt x="27724" y="70617"/>
                    <a:pt x="27515" y="70701"/>
                    <a:pt x="27285" y="70743"/>
                  </a:cubicBezTo>
                  <a:cubicBezTo>
                    <a:pt x="26573" y="70931"/>
                    <a:pt x="25862" y="71140"/>
                    <a:pt x="25129" y="71308"/>
                  </a:cubicBezTo>
                  <a:cubicBezTo>
                    <a:pt x="24564" y="71433"/>
                    <a:pt x="23979" y="71454"/>
                    <a:pt x="23393" y="71538"/>
                  </a:cubicBezTo>
                  <a:cubicBezTo>
                    <a:pt x="23288" y="71559"/>
                    <a:pt x="23183" y="71580"/>
                    <a:pt x="23037" y="71622"/>
                  </a:cubicBezTo>
                  <a:cubicBezTo>
                    <a:pt x="22807" y="71643"/>
                    <a:pt x="22598" y="71726"/>
                    <a:pt x="22367" y="71726"/>
                  </a:cubicBezTo>
                  <a:lnTo>
                    <a:pt x="20317" y="71726"/>
                  </a:lnTo>
                  <a:cubicBezTo>
                    <a:pt x="20170" y="71726"/>
                    <a:pt x="19982" y="71747"/>
                    <a:pt x="19794" y="71747"/>
                  </a:cubicBezTo>
                  <a:cubicBezTo>
                    <a:pt x="19794" y="71936"/>
                    <a:pt x="19773" y="72061"/>
                    <a:pt x="19773" y="72208"/>
                  </a:cubicBezTo>
                  <a:cubicBezTo>
                    <a:pt x="19773" y="73630"/>
                    <a:pt x="19773" y="75011"/>
                    <a:pt x="19794" y="76434"/>
                  </a:cubicBezTo>
                  <a:cubicBezTo>
                    <a:pt x="19857" y="76915"/>
                    <a:pt x="19940" y="77397"/>
                    <a:pt x="19982" y="77815"/>
                  </a:cubicBezTo>
                  <a:close/>
                  <a:moveTo>
                    <a:pt x="103865" y="47288"/>
                  </a:moveTo>
                  <a:lnTo>
                    <a:pt x="103739" y="47288"/>
                  </a:lnTo>
                  <a:cubicBezTo>
                    <a:pt x="103739" y="47413"/>
                    <a:pt x="103698" y="47580"/>
                    <a:pt x="103698" y="47706"/>
                  </a:cubicBezTo>
                  <a:cubicBezTo>
                    <a:pt x="103739" y="48417"/>
                    <a:pt x="103677" y="49150"/>
                    <a:pt x="103907" y="49861"/>
                  </a:cubicBezTo>
                  <a:cubicBezTo>
                    <a:pt x="103907" y="50321"/>
                    <a:pt x="103990" y="50740"/>
                    <a:pt x="104116" y="51179"/>
                  </a:cubicBezTo>
                  <a:cubicBezTo>
                    <a:pt x="104158" y="51242"/>
                    <a:pt x="104116" y="51284"/>
                    <a:pt x="104116" y="51347"/>
                  </a:cubicBezTo>
                  <a:cubicBezTo>
                    <a:pt x="104095" y="51786"/>
                    <a:pt x="104221" y="52205"/>
                    <a:pt x="104346" y="52623"/>
                  </a:cubicBezTo>
                  <a:cubicBezTo>
                    <a:pt x="104409" y="52832"/>
                    <a:pt x="104493" y="53062"/>
                    <a:pt x="104451" y="53272"/>
                  </a:cubicBezTo>
                  <a:cubicBezTo>
                    <a:pt x="104430" y="53690"/>
                    <a:pt x="104597" y="54088"/>
                    <a:pt x="104702" y="54506"/>
                  </a:cubicBezTo>
                  <a:cubicBezTo>
                    <a:pt x="104848" y="54485"/>
                    <a:pt x="104974" y="54464"/>
                    <a:pt x="105120" y="54422"/>
                  </a:cubicBezTo>
                  <a:lnTo>
                    <a:pt x="110372" y="53167"/>
                  </a:lnTo>
                  <a:cubicBezTo>
                    <a:pt x="110477" y="53146"/>
                    <a:pt x="110602" y="53104"/>
                    <a:pt x="110665" y="53021"/>
                  </a:cubicBezTo>
                  <a:cubicBezTo>
                    <a:pt x="110916" y="52707"/>
                    <a:pt x="111209" y="52393"/>
                    <a:pt x="111418" y="52016"/>
                  </a:cubicBezTo>
                  <a:cubicBezTo>
                    <a:pt x="111586" y="51765"/>
                    <a:pt x="111753" y="51535"/>
                    <a:pt x="111941" y="51389"/>
                  </a:cubicBezTo>
                  <a:cubicBezTo>
                    <a:pt x="112046" y="50761"/>
                    <a:pt x="112025" y="50217"/>
                    <a:pt x="112193" y="49673"/>
                  </a:cubicBezTo>
                  <a:cubicBezTo>
                    <a:pt x="112297" y="49338"/>
                    <a:pt x="112276" y="48961"/>
                    <a:pt x="112360" y="48606"/>
                  </a:cubicBezTo>
                  <a:cubicBezTo>
                    <a:pt x="112465" y="48041"/>
                    <a:pt x="112444" y="47497"/>
                    <a:pt x="112381" y="46953"/>
                  </a:cubicBezTo>
                  <a:cubicBezTo>
                    <a:pt x="112360" y="46764"/>
                    <a:pt x="112360" y="46576"/>
                    <a:pt x="112360" y="46367"/>
                  </a:cubicBezTo>
                  <a:cubicBezTo>
                    <a:pt x="112381" y="44860"/>
                    <a:pt x="112444" y="43333"/>
                    <a:pt x="112485" y="41826"/>
                  </a:cubicBezTo>
                  <a:cubicBezTo>
                    <a:pt x="112485" y="41701"/>
                    <a:pt x="112465" y="41554"/>
                    <a:pt x="112465" y="41429"/>
                  </a:cubicBezTo>
                  <a:cubicBezTo>
                    <a:pt x="112360" y="41450"/>
                    <a:pt x="112276" y="41450"/>
                    <a:pt x="112234" y="41492"/>
                  </a:cubicBezTo>
                  <a:cubicBezTo>
                    <a:pt x="111481" y="41806"/>
                    <a:pt x="110707" y="42119"/>
                    <a:pt x="109975" y="42454"/>
                  </a:cubicBezTo>
                  <a:cubicBezTo>
                    <a:pt x="108887" y="42977"/>
                    <a:pt x="107840" y="43542"/>
                    <a:pt x="106648" y="43940"/>
                  </a:cubicBezTo>
                  <a:cubicBezTo>
                    <a:pt x="106397" y="44023"/>
                    <a:pt x="106125" y="44128"/>
                    <a:pt x="105853" y="44233"/>
                  </a:cubicBezTo>
                  <a:cubicBezTo>
                    <a:pt x="105706" y="44275"/>
                    <a:pt x="105602" y="44358"/>
                    <a:pt x="105476" y="44379"/>
                  </a:cubicBezTo>
                  <a:cubicBezTo>
                    <a:pt x="105351" y="44442"/>
                    <a:pt x="105183" y="44463"/>
                    <a:pt x="105079" y="44630"/>
                  </a:cubicBezTo>
                  <a:cubicBezTo>
                    <a:pt x="105288" y="44777"/>
                    <a:pt x="105476" y="44902"/>
                    <a:pt x="105664" y="45049"/>
                  </a:cubicBezTo>
                  <a:cubicBezTo>
                    <a:pt x="105999" y="45321"/>
                    <a:pt x="106104" y="45907"/>
                    <a:pt x="105832" y="46262"/>
                  </a:cubicBezTo>
                  <a:cubicBezTo>
                    <a:pt x="105664" y="46451"/>
                    <a:pt x="105623" y="46660"/>
                    <a:pt x="105623" y="46890"/>
                  </a:cubicBezTo>
                  <a:lnTo>
                    <a:pt x="105623" y="47518"/>
                  </a:lnTo>
                  <a:cubicBezTo>
                    <a:pt x="105623" y="47664"/>
                    <a:pt x="105560" y="47790"/>
                    <a:pt x="105539" y="47915"/>
                  </a:cubicBezTo>
                  <a:cubicBezTo>
                    <a:pt x="105518" y="48020"/>
                    <a:pt x="105413" y="48104"/>
                    <a:pt x="105267" y="48104"/>
                  </a:cubicBezTo>
                  <a:cubicBezTo>
                    <a:pt x="105141" y="48104"/>
                    <a:pt x="105058" y="48020"/>
                    <a:pt x="105016" y="47894"/>
                  </a:cubicBezTo>
                  <a:lnTo>
                    <a:pt x="104932" y="47497"/>
                  </a:lnTo>
                  <a:cubicBezTo>
                    <a:pt x="104911" y="47308"/>
                    <a:pt x="104911" y="47141"/>
                    <a:pt x="104890" y="46890"/>
                  </a:cubicBezTo>
                  <a:cubicBezTo>
                    <a:pt x="104744" y="46974"/>
                    <a:pt x="104639" y="46995"/>
                    <a:pt x="104618" y="47078"/>
                  </a:cubicBezTo>
                  <a:cubicBezTo>
                    <a:pt x="104597" y="47183"/>
                    <a:pt x="104597" y="47288"/>
                    <a:pt x="104618" y="47413"/>
                  </a:cubicBezTo>
                  <a:cubicBezTo>
                    <a:pt x="104639" y="47497"/>
                    <a:pt x="104702" y="47601"/>
                    <a:pt x="104723" y="47685"/>
                  </a:cubicBezTo>
                  <a:cubicBezTo>
                    <a:pt x="104744" y="47811"/>
                    <a:pt x="104702" y="47936"/>
                    <a:pt x="104576" y="48020"/>
                  </a:cubicBezTo>
                  <a:cubicBezTo>
                    <a:pt x="104472" y="48083"/>
                    <a:pt x="104367" y="48104"/>
                    <a:pt x="104262" y="48020"/>
                  </a:cubicBezTo>
                  <a:cubicBezTo>
                    <a:pt x="104074" y="47915"/>
                    <a:pt x="103970" y="47790"/>
                    <a:pt x="103907" y="47580"/>
                  </a:cubicBezTo>
                  <a:cubicBezTo>
                    <a:pt x="103886" y="47497"/>
                    <a:pt x="103865" y="47392"/>
                    <a:pt x="103865" y="47288"/>
                  </a:cubicBezTo>
                  <a:close/>
                  <a:moveTo>
                    <a:pt x="32725" y="57435"/>
                  </a:moveTo>
                  <a:cubicBezTo>
                    <a:pt x="32767" y="57603"/>
                    <a:pt x="32808" y="57707"/>
                    <a:pt x="32850" y="57770"/>
                  </a:cubicBezTo>
                  <a:cubicBezTo>
                    <a:pt x="33436" y="59109"/>
                    <a:pt x="34001" y="60407"/>
                    <a:pt x="34587" y="61746"/>
                  </a:cubicBezTo>
                  <a:cubicBezTo>
                    <a:pt x="34733" y="62143"/>
                    <a:pt x="34901" y="62541"/>
                    <a:pt x="35026" y="62938"/>
                  </a:cubicBezTo>
                  <a:cubicBezTo>
                    <a:pt x="35110" y="63169"/>
                    <a:pt x="35152" y="63420"/>
                    <a:pt x="35277" y="63608"/>
                  </a:cubicBezTo>
                  <a:cubicBezTo>
                    <a:pt x="35633" y="64194"/>
                    <a:pt x="35884" y="64821"/>
                    <a:pt x="36365" y="65345"/>
                  </a:cubicBezTo>
                  <a:cubicBezTo>
                    <a:pt x="36616" y="65617"/>
                    <a:pt x="36847" y="65889"/>
                    <a:pt x="37223" y="66035"/>
                  </a:cubicBezTo>
                  <a:cubicBezTo>
                    <a:pt x="37537" y="66202"/>
                    <a:pt x="37872" y="66349"/>
                    <a:pt x="38144" y="66600"/>
                  </a:cubicBezTo>
                  <a:cubicBezTo>
                    <a:pt x="38290" y="66726"/>
                    <a:pt x="38500" y="66767"/>
                    <a:pt x="38709" y="66830"/>
                  </a:cubicBezTo>
                  <a:cubicBezTo>
                    <a:pt x="39190" y="66977"/>
                    <a:pt x="39650" y="67123"/>
                    <a:pt x="40132" y="67270"/>
                  </a:cubicBezTo>
                  <a:cubicBezTo>
                    <a:pt x="40299" y="67332"/>
                    <a:pt x="40425" y="67353"/>
                    <a:pt x="40613" y="67332"/>
                  </a:cubicBezTo>
                  <a:cubicBezTo>
                    <a:pt x="41931" y="67144"/>
                    <a:pt x="43228" y="66935"/>
                    <a:pt x="44567" y="66746"/>
                  </a:cubicBezTo>
                  <a:cubicBezTo>
                    <a:pt x="44693" y="66726"/>
                    <a:pt x="44798" y="66663"/>
                    <a:pt x="44902" y="66642"/>
                  </a:cubicBezTo>
                  <a:cubicBezTo>
                    <a:pt x="44860" y="66098"/>
                    <a:pt x="44756" y="65596"/>
                    <a:pt x="44567" y="65135"/>
                  </a:cubicBezTo>
                  <a:cubicBezTo>
                    <a:pt x="44526" y="64989"/>
                    <a:pt x="44526" y="64842"/>
                    <a:pt x="44526" y="64675"/>
                  </a:cubicBezTo>
                  <a:cubicBezTo>
                    <a:pt x="44484" y="64298"/>
                    <a:pt x="44442" y="63922"/>
                    <a:pt x="44274" y="63587"/>
                  </a:cubicBezTo>
                  <a:cubicBezTo>
                    <a:pt x="44233" y="63420"/>
                    <a:pt x="44170" y="63273"/>
                    <a:pt x="44149" y="63085"/>
                  </a:cubicBezTo>
                  <a:cubicBezTo>
                    <a:pt x="44149" y="62834"/>
                    <a:pt x="44065" y="62625"/>
                    <a:pt x="44002" y="62373"/>
                  </a:cubicBezTo>
                  <a:cubicBezTo>
                    <a:pt x="43940" y="62227"/>
                    <a:pt x="43919" y="62039"/>
                    <a:pt x="43856" y="61892"/>
                  </a:cubicBezTo>
                  <a:cubicBezTo>
                    <a:pt x="43835" y="61746"/>
                    <a:pt x="43835" y="61620"/>
                    <a:pt x="43814" y="61495"/>
                  </a:cubicBezTo>
                  <a:cubicBezTo>
                    <a:pt x="43605" y="60909"/>
                    <a:pt x="43375" y="60323"/>
                    <a:pt x="43166" y="59737"/>
                  </a:cubicBezTo>
                  <a:cubicBezTo>
                    <a:pt x="43124" y="59695"/>
                    <a:pt x="43082" y="59653"/>
                    <a:pt x="42977" y="59591"/>
                  </a:cubicBezTo>
                  <a:cubicBezTo>
                    <a:pt x="42998" y="59758"/>
                    <a:pt x="43019" y="59863"/>
                    <a:pt x="43019" y="59967"/>
                  </a:cubicBezTo>
                  <a:cubicBezTo>
                    <a:pt x="43019" y="60135"/>
                    <a:pt x="42998" y="60281"/>
                    <a:pt x="42956" y="60428"/>
                  </a:cubicBezTo>
                  <a:cubicBezTo>
                    <a:pt x="42873" y="60595"/>
                    <a:pt x="42684" y="60679"/>
                    <a:pt x="42517" y="60637"/>
                  </a:cubicBezTo>
                  <a:cubicBezTo>
                    <a:pt x="42370" y="60574"/>
                    <a:pt x="42266" y="60448"/>
                    <a:pt x="42287" y="60281"/>
                  </a:cubicBezTo>
                  <a:cubicBezTo>
                    <a:pt x="42329" y="60135"/>
                    <a:pt x="42287" y="60009"/>
                    <a:pt x="42224" y="59842"/>
                  </a:cubicBezTo>
                  <a:cubicBezTo>
                    <a:pt x="42161" y="59737"/>
                    <a:pt x="42078" y="59737"/>
                    <a:pt x="41868" y="59821"/>
                  </a:cubicBezTo>
                  <a:cubicBezTo>
                    <a:pt x="41952" y="60009"/>
                    <a:pt x="41994" y="60218"/>
                    <a:pt x="42078" y="60386"/>
                  </a:cubicBezTo>
                  <a:cubicBezTo>
                    <a:pt x="42119" y="60532"/>
                    <a:pt x="42140" y="60658"/>
                    <a:pt x="42119" y="60783"/>
                  </a:cubicBezTo>
                  <a:cubicBezTo>
                    <a:pt x="42078" y="60972"/>
                    <a:pt x="41847" y="61076"/>
                    <a:pt x="41722" y="60951"/>
                  </a:cubicBezTo>
                  <a:cubicBezTo>
                    <a:pt x="41617" y="60846"/>
                    <a:pt x="41513" y="60700"/>
                    <a:pt x="41450" y="60574"/>
                  </a:cubicBezTo>
                  <a:cubicBezTo>
                    <a:pt x="41345" y="60344"/>
                    <a:pt x="41241" y="60072"/>
                    <a:pt x="41136" y="59842"/>
                  </a:cubicBezTo>
                  <a:cubicBezTo>
                    <a:pt x="41094" y="59716"/>
                    <a:pt x="41031" y="59612"/>
                    <a:pt x="40885" y="59549"/>
                  </a:cubicBezTo>
                  <a:cubicBezTo>
                    <a:pt x="40571" y="59444"/>
                    <a:pt x="40466" y="59193"/>
                    <a:pt x="40362" y="58921"/>
                  </a:cubicBezTo>
                  <a:cubicBezTo>
                    <a:pt x="40257" y="58607"/>
                    <a:pt x="40383" y="58377"/>
                    <a:pt x="40550" y="58147"/>
                  </a:cubicBezTo>
                  <a:cubicBezTo>
                    <a:pt x="40613" y="58021"/>
                    <a:pt x="40759" y="57875"/>
                    <a:pt x="40801" y="57666"/>
                  </a:cubicBezTo>
                  <a:cubicBezTo>
                    <a:pt x="40676" y="57645"/>
                    <a:pt x="40592" y="57624"/>
                    <a:pt x="40487" y="57624"/>
                  </a:cubicBezTo>
                  <a:cubicBezTo>
                    <a:pt x="39860" y="57624"/>
                    <a:pt x="39232" y="57624"/>
                    <a:pt x="38625" y="57645"/>
                  </a:cubicBezTo>
                  <a:cubicBezTo>
                    <a:pt x="37684" y="57707"/>
                    <a:pt x="36742" y="57603"/>
                    <a:pt x="35780" y="57498"/>
                  </a:cubicBezTo>
                  <a:cubicBezTo>
                    <a:pt x="34796" y="57415"/>
                    <a:pt x="33792" y="57456"/>
                    <a:pt x="32725" y="57435"/>
                  </a:cubicBezTo>
                  <a:close/>
                  <a:moveTo>
                    <a:pt x="68525" y="63106"/>
                  </a:moveTo>
                  <a:cubicBezTo>
                    <a:pt x="68420" y="63106"/>
                    <a:pt x="68378" y="63085"/>
                    <a:pt x="68337" y="63085"/>
                  </a:cubicBezTo>
                  <a:cubicBezTo>
                    <a:pt x="66328" y="63399"/>
                    <a:pt x="64340" y="63713"/>
                    <a:pt x="62332" y="64047"/>
                  </a:cubicBezTo>
                  <a:cubicBezTo>
                    <a:pt x="60762" y="64319"/>
                    <a:pt x="59193" y="64549"/>
                    <a:pt x="57666" y="65031"/>
                  </a:cubicBezTo>
                  <a:cubicBezTo>
                    <a:pt x="57603" y="65052"/>
                    <a:pt x="57519" y="65052"/>
                    <a:pt x="57456" y="65073"/>
                  </a:cubicBezTo>
                  <a:cubicBezTo>
                    <a:pt x="55845" y="65386"/>
                    <a:pt x="54213" y="65700"/>
                    <a:pt x="52623" y="66035"/>
                  </a:cubicBezTo>
                  <a:cubicBezTo>
                    <a:pt x="49045" y="66830"/>
                    <a:pt x="45404" y="67458"/>
                    <a:pt x="41764" y="67960"/>
                  </a:cubicBezTo>
                  <a:cubicBezTo>
                    <a:pt x="41408" y="68002"/>
                    <a:pt x="41010" y="68002"/>
                    <a:pt x="40655" y="68169"/>
                  </a:cubicBezTo>
                  <a:cubicBezTo>
                    <a:pt x="40613" y="68630"/>
                    <a:pt x="40571" y="69069"/>
                    <a:pt x="40550" y="69529"/>
                  </a:cubicBezTo>
                  <a:cubicBezTo>
                    <a:pt x="40508" y="69990"/>
                    <a:pt x="40236" y="70408"/>
                    <a:pt x="40090" y="70827"/>
                  </a:cubicBezTo>
                  <a:cubicBezTo>
                    <a:pt x="40153" y="70910"/>
                    <a:pt x="40173" y="70952"/>
                    <a:pt x="40194" y="70994"/>
                  </a:cubicBezTo>
                  <a:cubicBezTo>
                    <a:pt x="40425" y="71266"/>
                    <a:pt x="40717" y="71329"/>
                    <a:pt x="41073" y="71161"/>
                  </a:cubicBezTo>
                  <a:cubicBezTo>
                    <a:pt x="41199" y="71120"/>
                    <a:pt x="41345" y="71036"/>
                    <a:pt x="41492" y="70994"/>
                  </a:cubicBezTo>
                  <a:cubicBezTo>
                    <a:pt x="41847" y="70847"/>
                    <a:pt x="42182" y="70722"/>
                    <a:pt x="42559" y="70617"/>
                  </a:cubicBezTo>
                  <a:cubicBezTo>
                    <a:pt x="42977" y="70513"/>
                    <a:pt x="43396" y="70429"/>
                    <a:pt x="43835" y="70324"/>
                  </a:cubicBezTo>
                  <a:cubicBezTo>
                    <a:pt x="44233" y="70262"/>
                    <a:pt x="44630" y="70157"/>
                    <a:pt x="44986" y="70073"/>
                  </a:cubicBezTo>
                  <a:cubicBezTo>
                    <a:pt x="45404" y="69990"/>
                    <a:pt x="45844" y="69990"/>
                    <a:pt x="46304" y="69948"/>
                  </a:cubicBezTo>
                  <a:cubicBezTo>
                    <a:pt x="47078" y="69801"/>
                    <a:pt x="47894" y="69739"/>
                    <a:pt x="48648" y="69529"/>
                  </a:cubicBezTo>
                  <a:cubicBezTo>
                    <a:pt x="50091" y="69111"/>
                    <a:pt x="51556" y="68734"/>
                    <a:pt x="53021" y="68441"/>
                  </a:cubicBezTo>
                  <a:cubicBezTo>
                    <a:pt x="54276" y="68211"/>
                    <a:pt x="55552" y="68065"/>
                    <a:pt x="56829" y="67876"/>
                  </a:cubicBezTo>
                  <a:cubicBezTo>
                    <a:pt x="56933" y="67855"/>
                    <a:pt x="57080" y="67855"/>
                    <a:pt x="57184" y="67897"/>
                  </a:cubicBezTo>
                  <a:cubicBezTo>
                    <a:pt x="57310" y="67981"/>
                    <a:pt x="57435" y="67960"/>
                    <a:pt x="57561" y="67897"/>
                  </a:cubicBezTo>
                  <a:cubicBezTo>
                    <a:pt x="58775" y="67583"/>
                    <a:pt x="60009" y="67332"/>
                    <a:pt x="61202" y="66977"/>
                  </a:cubicBezTo>
                  <a:cubicBezTo>
                    <a:pt x="63294" y="66412"/>
                    <a:pt x="65386" y="65805"/>
                    <a:pt x="67562" y="65449"/>
                  </a:cubicBezTo>
                  <a:cubicBezTo>
                    <a:pt x="67667" y="65407"/>
                    <a:pt x="67772" y="65366"/>
                    <a:pt x="67897" y="65345"/>
                  </a:cubicBezTo>
                  <a:cubicBezTo>
                    <a:pt x="67981" y="64947"/>
                    <a:pt x="68023" y="64549"/>
                    <a:pt x="68127" y="64194"/>
                  </a:cubicBezTo>
                  <a:cubicBezTo>
                    <a:pt x="68211" y="63880"/>
                    <a:pt x="68441" y="63524"/>
                    <a:pt x="68525" y="63106"/>
                  </a:cubicBezTo>
                  <a:close/>
                  <a:moveTo>
                    <a:pt x="110016" y="54130"/>
                  </a:moveTo>
                  <a:cubicBezTo>
                    <a:pt x="109807" y="54171"/>
                    <a:pt x="109682" y="54171"/>
                    <a:pt x="109619" y="54192"/>
                  </a:cubicBezTo>
                  <a:cubicBezTo>
                    <a:pt x="108970" y="54360"/>
                    <a:pt x="108280" y="54506"/>
                    <a:pt x="107631" y="54653"/>
                  </a:cubicBezTo>
                  <a:cubicBezTo>
                    <a:pt x="106104" y="55029"/>
                    <a:pt x="104618" y="55427"/>
                    <a:pt x="103091" y="55741"/>
                  </a:cubicBezTo>
                  <a:cubicBezTo>
                    <a:pt x="100350" y="56285"/>
                    <a:pt x="97588" y="56808"/>
                    <a:pt x="94826" y="57331"/>
                  </a:cubicBezTo>
                  <a:cubicBezTo>
                    <a:pt x="91687" y="57917"/>
                    <a:pt x="88612" y="58649"/>
                    <a:pt x="85515" y="59402"/>
                  </a:cubicBezTo>
                  <a:cubicBezTo>
                    <a:pt x="85410" y="59423"/>
                    <a:pt x="85348" y="59465"/>
                    <a:pt x="85201" y="59528"/>
                  </a:cubicBezTo>
                  <a:cubicBezTo>
                    <a:pt x="85578" y="60239"/>
                    <a:pt x="85933" y="60930"/>
                    <a:pt x="86310" y="61620"/>
                  </a:cubicBezTo>
                  <a:cubicBezTo>
                    <a:pt x="86603" y="61746"/>
                    <a:pt x="86875" y="61683"/>
                    <a:pt x="87147" y="61620"/>
                  </a:cubicBezTo>
                  <a:cubicBezTo>
                    <a:pt x="87670" y="61516"/>
                    <a:pt x="88193" y="61411"/>
                    <a:pt x="88716" y="61327"/>
                  </a:cubicBezTo>
                  <a:cubicBezTo>
                    <a:pt x="90809" y="61034"/>
                    <a:pt x="92838" y="60553"/>
                    <a:pt x="94889" y="59988"/>
                  </a:cubicBezTo>
                  <a:cubicBezTo>
                    <a:pt x="95872" y="59737"/>
                    <a:pt x="96876" y="59444"/>
                    <a:pt x="97860" y="59277"/>
                  </a:cubicBezTo>
                  <a:cubicBezTo>
                    <a:pt x="99387" y="58984"/>
                    <a:pt x="100894" y="58712"/>
                    <a:pt x="102421" y="58607"/>
                  </a:cubicBezTo>
                  <a:cubicBezTo>
                    <a:pt x="102756" y="58586"/>
                    <a:pt x="103091" y="58503"/>
                    <a:pt x="103405" y="58419"/>
                  </a:cubicBezTo>
                  <a:cubicBezTo>
                    <a:pt x="103990" y="58314"/>
                    <a:pt x="104597" y="58272"/>
                    <a:pt x="105162" y="58189"/>
                  </a:cubicBezTo>
                  <a:cubicBezTo>
                    <a:pt x="105288" y="58168"/>
                    <a:pt x="105455" y="58189"/>
                    <a:pt x="105560" y="58147"/>
                  </a:cubicBezTo>
                  <a:cubicBezTo>
                    <a:pt x="105978" y="57896"/>
                    <a:pt x="106439" y="57938"/>
                    <a:pt x="106899" y="57875"/>
                  </a:cubicBezTo>
                  <a:cubicBezTo>
                    <a:pt x="107045" y="57854"/>
                    <a:pt x="107255" y="57875"/>
                    <a:pt x="107380" y="57791"/>
                  </a:cubicBezTo>
                  <a:cubicBezTo>
                    <a:pt x="107673" y="57666"/>
                    <a:pt x="108008" y="57624"/>
                    <a:pt x="108322" y="57561"/>
                  </a:cubicBezTo>
                  <a:cubicBezTo>
                    <a:pt x="108594" y="57519"/>
                    <a:pt x="108887" y="57435"/>
                    <a:pt x="109200" y="57352"/>
                  </a:cubicBezTo>
                  <a:cubicBezTo>
                    <a:pt x="109117" y="57247"/>
                    <a:pt x="109096" y="57205"/>
                    <a:pt x="109033" y="57122"/>
                  </a:cubicBezTo>
                  <a:cubicBezTo>
                    <a:pt x="108803" y="56808"/>
                    <a:pt x="108782" y="56494"/>
                    <a:pt x="108928" y="56159"/>
                  </a:cubicBezTo>
                  <a:cubicBezTo>
                    <a:pt x="109012" y="55992"/>
                    <a:pt x="109117" y="55824"/>
                    <a:pt x="109200" y="55657"/>
                  </a:cubicBezTo>
                  <a:cubicBezTo>
                    <a:pt x="109263" y="55510"/>
                    <a:pt x="109347" y="55364"/>
                    <a:pt x="109431" y="55218"/>
                  </a:cubicBezTo>
                  <a:cubicBezTo>
                    <a:pt x="109556" y="54987"/>
                    <a:pt x="109682" y="54736"/>
                    <a:pt x="109828" y="54527"/>
                  </a:cubicBezTo>
                  <a:cubicBezTo>
                    <a:pt x="109870" y="54464"/>
                    <a:pt x="109933" y="54318"/>
                    <a:pt x="110016" y="54130"/>
                  </a:cubicBezTo>
                  <a:close/>
                  <a:moveTo>
                    <a:pt x="109724" y="56619"/>
                  </a:moveTo>
                  <a:cubicBezTo>
                    <a:pt x="109849" y="56703"/>
                    <a:pt x="109933" y="56745"/>
                    <a:pt x="110016" y="56808"/>
                  </a:cubicBezTo>
                  <a:cubicBezTo>
                    <a:pt x="110623" y="57101"/>
                    <a:pt x="111293" y="57394"/>
                    <a:pt x="111941" y="57645"/>
                  </a:cubicBezTo>
                  <a:cubicBezTo>
                    <a:pt x="112193" y="57749"/>
                    <a:pt x="112465" y="57833"/>
                    <a:pt x="112757" y="57917"/>
                  </a:cubicBezTo>
                  <a:cubicBezTo>
                    <a:pt x="113197" y="58042"/>
                    <a:pt x="113636" y="58147"/>
                    <a:pt x="114055" y="58293"/>
                  </a:cubicBezTo>
                  <a:cubicBezTo>
                    <a:pt x="114452" y="58461"/>
                    <a:pt x="114808" y="58482"/>
                    <a:pt x="115247" y="58440"/>
                  </a:cubicBezTo>
                  <a:cubicBezTo>
                    <a:pt x="115770" y="58356"/>
                    <a:pt x="116294" y="58272"/>
                    <a:pt x="116838" y="58398"/>
                  </a:cubicBezTo>
                  <a:lnTo>
                    <a:pt x="116984" y="58398"/>
                  </a:lnTo>
                  <a:cubicBezTo>
                    <a:pt x="117277" y="58398"/>
                    <a:pt x="117465" y="58272"/>
                    <a:pt x="117570" y="58042"/>
                  </a:cubicBezTo>
                  <a:cubicBezTo>
                    <a:pt x="117863" y="57415"/>
                    <a:pt x="118030" y="56724"/>
                    <a:pt x="118219" y="56054"/>
                  </a:cubicBezTo>
                  <a:cubicBezTo>
                    <a:pt x="118239" y="55950"/>
                    <a:pt x="118219" y="55845"/>
                    <a:pt x="118198" y="55720"/>
                  </a:cubicBezTo>
                  <a:cubicBezTo>
                    <a:pt x="118198" y="55615"/>
                    <a:pt x="118177" y="55510"/>
                    <a:pt x="118177" y="55364"/>
                  </a:cubicBezTo>
                  <a:lnTo>
                    <a:pt x="118177" y="54799"/>
                  </a:lnTo>
                  <a:cubicBezTo>
                    <a:pt x="118135" y="54569"/>
                    <a:pt x="118009" y="54297"/>
                    <a:pt x="118072" y="54067"/>
                  </a:cubicBezTo>
                  <a:cubicBezTo>
                    <a:pt x="118114" y="53837"/>
                    <a:pt x="118093" y="53565"/>
                    <a:pt x="118093" y="53334"/>
                  </a:cubicBezTo>
                  <a:cubicBezTo>
                    <a:pt x="118093" y="53146"/>
                    <a:pt x="118072" y="53000"/>
                    <a:pt x="118093" y="52811"/>
                  </a:cubicBezTo>
                  <a:cubicBezTo>
                    <a:pt x="118093" y="52644"/>
                    <a:pt x="118135" y="52497"/>
                    <a:pt x="118177" y="52288"/>
                  </a:cubicBezTo>
                  <a:cubicBezTo>
                    <a:pt x="117884" y="52267"/>
                    <a:pt x="117612" y="52288"/>
                    <a:pt x="117361" y="52330"/>
                  </a:cubicBezTo>
                  <a:cubicBezTo>
                    <a:pt x="116649" y="52435"/>
                    <a:pt x="115980" y="52435"/>
                    <a:pt x="115268" y="52309"/>
                  </a:cubicBezTo>
                  <a:cubicBezTo>
                    <a:pt x="114724" y="52184"/>
                    <a:pt x="114201" y="51974"/>
                    <a:pt x="113615" y="52100"/>
                  </a:cubicBezTo>
                  <a:cubicBezTo>
                    <a:pt x="113197" y="51995"/>
                    <a:pt x="112841" y="52225"/>
                    <a:pt x="112465" y="52309"/>
                  </a:cubicBezTo>
                  <a:cubicBezTo>
                    <a:pt x="112423" y="52309"/>
                    <a:pt x="112360" y="52372"/>
                    <a:pt x="112339" y="52414"/>
                  </a:cubicBezTo>
                  <a:cubicBezTo>
                    <a:pt x="112109" y="52749"/>
                    <a:pt x="111816" y="53062"/>
                    <a:pt x="111628" y="53439"/>
                  </a:cubicBezTo>
                  <a:cubicBezTo>
                    <a:pt x="111397" y="53899"/>
                    <a:pt x="111167" y="54360"/>
                    <a:pt x="110853" y="54736"/>
                  </a:cubicBezTo>
                  <a:cubicBezTo>
                    <a:pt x="110581" y="55050"/>
                    <a:pt x="110351" y="55364"/>
                    <a:pt x="110247" y="55762"/>
                  </a:cubicBezTo>
                  <a:cubicBezTo>
                    <a:pt x="110226" y="55887"/>
                    <a:pt x="110121" y="55992"/>
                    <a:pt x="110058" y="56096"/>
                  </a:cubicBezTo>
                  <a:cubicBezTo>
                    <a:pt x="109870" y="56285"/>
                    <a:pt x="109807" y="56452"/>
                    <a:pt x="109724" y="56619"/>
                  </a:cubicBezTo>
                  <a:close/>
                  <a:moveTo>
                    <a:pt x="41429" y="56808"/>
                  </a:moveTo>
                  <a:cubicBezTo>
                    <a:pt x="41785" y="56599"/>
                    <a:pt x="42161" y="56452"/>
                    <a:pt x="42475" y="56222"/>
                  </a:cubicBezTo>
                  <a:cubicBezTo>
                    <a:pt x="42873" y="55950"/>
                    <a:pt x="43291" y="55762"/>
                    <a:pt x="43730" y="55573"/>
                  </a:cubicBezTo>
                  <a:cubicBezTo>
                    <a:pt x="44023" y="55469"/>
                    <a:pt x="44337" y="55364"/>
                    <a:pt x="44672" y="55238"/>
                  </a:cubicBezTo>
                  <a:cubicBezTo>
                    <a:pt x="44526" y="55155"/>
                    <a:pt x="44421" y="55113"/>
                    <a:pt x="44274" y="55050"/>
                  </a:cubicBezTo>
                  <a:cubicBezTo>
                    <a:pt x="43814" y="54904"/>
                    <a:pt x="43375" y="54715"/>
                    <a:pt x="42894" y="54590"/>
                  </a:cubicBezTo>
                  <a:cubicBezTo>
                    <a:pt x="41973" y="54318"/>
                    <a:pt x="41094" y="54004"/>
                    <a:pt x="40153" y="53878"/>
                  </a:cubicBezTo>
                  <a:cubicBezTo>
                    <a:pt x="39713" y="53816"/>
                    <a:pt x="39295" y="53753"/>
                    <a:pt x="38876" y="53690"/>
                  </a:cubicBezTo>
                  <a:cubicBezTo>
                    <a:pt x="36805" y="53355"/>
                    <a:pt x="34712" y="53041"/>
                    <a:pt x="32641" y="52707"/>
                  </a:cubicBezTo>
                  <a:cubicBezTo>
                    <a:pt x="32348" y="52644"/>
                    <a:pt x="32076" y="52602"/>
                    <a:pt x="31825" y="52497"/>
                  </a:cubicBezTo>
                  <a:cubicBezTo>
                    <a:pt x="31406" y="52330"/>
                    <a:pt x="31030" y="52205"/>
                    <a:pt x="30570" y="52121"/>
                  </a:cubicBezTo>
                  <a:cubicBezTo>
                    <a:pt x="30360" y="52100"/>
                    <a:pt x="30151" y="51995"/>
                    <a:pt x="29921" y="51995"/>
                  </a:cubicBezTo>
                  <a:cubicBezTo>
                    <a:pt x="30151" y="52518"/>
                    <a:pt x="30423" y="53000"/>
                    <a:pt x="30632" y="53460"/>
                  </a:cubicBezTo>
                  <a:cubicBezTo>
                    <a:pt x="31072" y="54464"/>
                    <a:pt x="31658" y="55364"/>
                    <a:pt x="32139" y="56306"/>
                  </a:cubicBezTo>
                  <a:cubicBezTo>
                    <a:pt x="32222" y="56473"/>
                    <a:pt x="32348" y="56578"/>
                    <a:pt x="32557" y="56578"/>
                  </a:cubicBezTo>
                  <a:cubicBezTo>
                    <a:pt x="32850" y="56578"/>
                    <a:pt x="33143" y="56599"/>
                    <a:pt x="33436" y="56599"/>
                  </a:cubicBezTo>
                  <a:cubicBezTo>
                    <a:pt x="34294" y="56599"/>
                    <a:pt x="35131" y="56599"/>
                    <a:pt x="35989" y="56682"/>
                  </a:cubicBezTo>
                  <a:cubicBezTo>
                    <a:pt x="36679" y="56745"/>
                    <a:pt x="37349" y="56808"/>
                    <a:pt x="38039" y="56808"/>
                  </a:cubicBezTo>
                  <a:cubicBezTo>
                    <a:pt x="38688" y="56808"/>
                    <a:pt x="39357" y="56891"/>
                    <a:pt x="40027" y="56724"/>
                  </a:cubicBezTo>
                  <a:lnTo>
                    <a:pt x="40132" y="56724"/>
                  </a:lnTo>
                  <a:cubicBezTo>
                    <a:pt x="40508" y="56703"/>
                    <a:pt x="40989" y="56745"/>
                    <a:pt x="41429" y="56808"/>
                  </a:cubicBezTo>
                  <a:close/>
                  <a:moveTo>
                    <a:pt x="104200" y="44107"/>
                  </a:moveTo>
                  <a:cubicBezTo>
                    <a:pt x="104221" y="44065"/>
                    <a:pt x="104304" y="44023"/>
                    <a:pt x="104367" y="44002"/>
                  </a:cubicBezTo>
                  <a:cubicBezTo>
                    <a:pt x="104744" y="43814"/>
                    <a:pt x="105120" y="43542"/>
                    <a:pt x="105539" y="43417"/>
                  </a:cubicBezTo>
                  <a:cubicBezTo>
                    <a:pt x="106397" y="43124"/>
                    <a:pt x="107255" y="42831"/>
                    <a:pt x="108071" y="42433"/>
                  </a:cubicBezTo>
                  <a:cubicBezTo>
                    <a:pt x="109305" y="41826"/>
                    <a:pt x="110498" y="41199"/>
                    <a:pt x="111795" y="40717"/>
                  </a:cubicBezTo>
                  <a:cubicBezTo>
                    <a:pt x="112046" y="40613"/>
                    <a:pt x="112276" y="40487"/>
                    <a:pt x="112569" y="40362"/>
                  </a:cubicBezTo>
                  <a:cubicBezTo>
                    <a:pt x="112737" y="39399"/>
                    <a:pt x="112862" y="38416"/>
                    <a:pt x="112904" y="37453"/>
                  </a:cubicBezTo>
                  <a:cubicBezTo>
                    <a:pt x="112967" y="36742"/>
                    <a:pt x="112946" y="36052"/>
                    <a:pt x="113071" y="35361"/>
                  </a:cubicBezTo>
                  <a:cubicBezTo>
                    <a:pt x="113071" y="35340"/>
                    <a:pt x="113050" y="35277"/>
                    <a:pt x="113009" y="35236"/>
                  </a:cubicBezTo>
                  <a:cubicBezTo>
                    <a:pt x="112695" y="35466"/>
                    <a:pt x="112360" y="35675"/>
                    <a:pt x="112046" y="35905"/>
                  </a:cubicBezTo>
                  <a:cubicBezTo>
                    <a:pt x="111879" y="36010"/>
                    <a:pt x="111753" y="36156"/>
                    <a:pt x="111628" y="36282"/>
                  </a:cubicBezTo>
                  <a:cubicBezTo>
                    <a:pt x="111397" y="36512"/>
                    <a:pt x="111146" y="36700"/>
                    <a:pt x="110874" y="36868"/>
                  </a:cubicBezTo>
                  <a:cubicBezTo>
                    <a:pt x="108824" y="38102"/>
                    <a:pt x="106815" y="39357"/>
                    <a:pt x="104765" y="40529"/>
                  </a:cubicBezTo>
                  <a:cubicBezTo>
                    <a:pt x="103823" y="41094"/>
                    <a:pt x="102944" y="41764"/>
                    <a:pt x="102086" y="42454"/>
                  </a:cubicBezTo>
                  <a:cubicBezTo>
                    <a:pt x="101605" y="42810"/>
                    <a:pt x="101187" y="43207"/>
                    <a:pt x="100747" y="43605"/>
                  </a:cubicBezTo>
                  <a:cubicBezTo>
                    <a:pt x="100685" y="43647"/>
                    <a:pt x="100664" y="43730"/>
                    <a:pt x="100622" y="43835"/>
                  </a:cubicBezTo>
                  <a:cubicBezTo>
                    <a:pt x="101459" y="43772"/>
                    <a:pt x="102254" y="43710"/>
                    <a:pt x="103028" y="43940"/>
                  </a:cubicBezTo>
                  <a:cubicBezTo>
                    <a:pt x="103091" y="43961"/>
                    <a:pt x="103174" y="43940"/>
                    <a:pt x="103258" y="43961"/>
                  </a:cubicBezTo>
                  <a:cubicBezTo>
                    <a:pt x="103551" y="44044"/>
                    <a:pt x="103844" y="44065"/>
                    <a:pt x="104200" y="44107"/>
                  </a:cubicBezTo>
                  <a:close/>
                  <a:moveTo>
                    <a:pt x="36386" y="36868"/>
                  </a:moveTo>
                  <a:lnTo>
                    <a:pt x="36386" y="37453"/>
                  </a:lnTo>
                  <a:cubicBezTo>
                    <a:pt x="36386" y="38249"/>
                    <a:pt x="36407" y="39023"/>
                    <a:pt x="36386" y="39776"/>
                  </a:cubicBezTo>
                  <a:cubicBezTo>
                    <a:pt x="36365" y="40445"/>
                    <a:pt x="36324" y="41115"/>
                    <a:pt x="36198" y="41764"/>
                  </a:cubicBezTo>
                  <a:cubicBezTo>
                    <a:pt x="35968" y="42977"/>
                    <a:pt x="35591" y="44128"/>
                    <a:pt x="35005" y="45195"/>
                  </a:cubicBezTo>
                  <a:cubicBezTo>
                    <a:pt x="34963" y="45258"/>
                    <a:pt x="34963" y="45300"/>
                    <a:pt x="34943" y="45363"/>
                  </a:cubicBezTo>
                  <a:cubicBezTo>
                    <a:pt x="35110" y="45802"/>
                    <a:pt x="35445" y="45990"/>
                    <a:pt x="35884" y="45948"/>
                  </a:cubicBezTo>
                  <a:lnTo>
                    <a:pt x="37244" y="45948"/>
                  </a:lnTo>
                  <a:cubicBezTo>
                    <a:pt x="37537" y="45948"/>
                    <a:pt x="37830" y="45907"/>
                    <a:pt x="38060" y="45739"/>
                  </a:cubicBezTo>
                  <a:cubicBezTo>
                    <a:pt x="38500" y="45467"/>
                    <a:pt x="38939" y="45174"/>
                    <a:pt x="39399" y="44860"/>
                  </a:cubicBezTo>
                  <a:cubicBezTo>
                    <a:pt x="39504" y="44777"/>
                    <a:pt x="39609" y="44672"/>
                    <a:pt x="39546" y="44484"/>
                  </a:cubicBezTo>
                  <a:cubicBezTo>
                    <a:pt x="39337" y="44316"/>
                    <a:pt x="39232" y="43961"/>
                    <a:pt x="38939" y="43814"/>
                  </a:cubicBezTo>
                  <a:cubicBezTo>
                    <a:pt x="38813" y="43730"/>
                    <a:pt x="38772" y="43584"/>
                    <a:pt x="38772" y="43417"/>
                  </a:cubicBezTo>
                  <a:cubicBezTo>
                    <a:pt x="38730" y="43103"/>
                    <a:pt x="38813" y="42873"/>
                    <a:pt x="39127" y="42705"/>
                  </a:cubicBezTo>
                  <a:cubicBezTo>
                    <a:pt x="39504" y="42559"/>
                    <a:pt x="39776" y="42266"/>
                    <a:pt x="40069" y="41973"/>
                  </a:cubicBezTo>
                  <a:cubicBezTo>
                    <a:pt x="40299" y="41743"/>
                    <a:pt x="40299" y="41492"/>
                    <a:pt x="40257" y="41199"/>
                  </a:cubicBezTo>
                  <a:cubicBezTo>
                    <a:pt x="40173" y="40822"/>
                    <a:pt x="39943" y="40613"/>
                    <a:pt x="39650" y="40404"/>
                  </a:cubicBezTo>
                  <a:cubicBezTo>
                    <a:pt x="39295" y="40173"/>
                    <a:pt x="38939" y="39922"/>
                    <a:pt x="38583" y="39671"/>
                  </a:cubicBezTo>
                  <a:cubicBezTo>
                    <a:pt x="38500" y="39629"/>
                    <a:pt x="38458" y="39546"/>
                    <a:pt x="38395" y="39462"/>
                  </a:cubicBezTo>
                  <a:cubicBezTo>
                    <a:pt x="38248" y="39232"/>
                    <a:pt x="38353" y="38918"/>
                    <a:pt x="38604" y="38813"/>
                  </a:cubicBezTo>
                  <a:cubicBezTo>
                    <a:pt x="38730" y="38772"/>
                    <a:pt x="38897" y="38772"/>
                    <a:pt x="39044" y="38772"/>
                  </a:cubicBezTo>
                  <a:cubicBezTo>
                    <a:pt x="39420" y="38793"/>
                    <a:pt x="39734" y="38688"/>
                    <a:pt x="39985" y="38311"/>
                  </a:cubicBezTo>
                  <a:cubicBezTo>
                    <a:pt x="39985" y="38165"/>
                    <a:pt x="40027" y="37956"/>
                    <a:pt x="39985" y="37746"/>
                  </a:cubicBezTo>
                  <a:cubicBezTo>
                    <a:pt x="39964" y="37621"/>
                    <a:pt x="39943" y="37432"/>
                    <a:pt x="39839" y="37328"/>
                  </a:cubicBezTo>
                  <a:cubicBezTo>
                    <a:pt x="39567" y="37056"/>
                    <a:pt x="39357" y="36721"/>
                    <a:pt x="38981" y="36596"/>
                  </a:cubicBezTo>
                  <a:cubicBezTo>
                    <a:pt x="38897" y="36575"/>
                    <a:pt x="38813" y="36491"/>
                    <a:pt x="38730" y="36428"/>
                  </a:cubicBezTo>
                  <a:cubicBezTo>
                    <a:pt x="38604" y="36365"/>
                    <a:pt x="38479" y="36303"/>
                    <a:pt x="38353" y="36198"/>
                  </a:cubicBezTo>
                  <a:cubicBezTo>
                    <a:pt x="38207" y="36093"/>
                    <a:pt x="38102" y="35968"/>
                    <a:pt x="37976" y="35842"/>
                  </a:cubicBezTo>
                  <a:cubicBezTo>
                    <a:pt x="37453" y="36303"/>
                    <a:pt x="37014" y="36700"/>
                    <a:pt x="36386" y="36868"/>
                  </a:cubicBezTo>
                  <a:close/>
                  <a:moveTo>
                    <a:pt x="100957" y="47476"/>
                  </a:moveTo>
                  <a:cubicBezTo>
                    <a:pt x="100957" y="47852"/>
                    <a:pt x="100957" y="48229"/>
                    <a:pt x="101019" y="48564"/>
                  </a:cubicBezTo>
                  <a:cubicBezTo>
                    <a:pt x="101145" y="49254"/>
                    <a:pt x="101249" y="49924"/>
                    <a:pt x="101438" y="50593"/>
                  </a:cubicBezTo>
                  <a:cubicBezTo>
                    <a:pt x="101710" y="51640"/>
                    <a:pt x="101710" y="52749"/>
                    <a:pt x="102107" y="53795"/>
                  </a:cubicBezTo>
                  <a:cubicBezTo>
                    <a:pt x="102107" y="53837"/>
                    <a:pt x="102128" y="53878"/>
                    <a:pt x="102128" y="53899"/>
                  </a:cubicBezTo>
                  <a:cubicBezTo>
                    <a:pt x="102128" y="54318"/>
                    <a:pt x="102296" y="54653"/>
                    <a:pt x="102400" y="55050"/>
                  </a:cubicBezTo>
                  <a:cubicBezTo>
                    <a:pt x="102923" y="55029"/>
                    <a:pt x="103363" y="54904"/>
                    <a:pt x="103844" y="54736"/>
                  </a:cubicBezTo>
                  <a:cubicBezTo>
                    <a:pt x="103865" y="54632"/>
                    <a:pt x="103886" y="54548"/>
                    <a:pt x="103865" y="54506"/>
                  </a:cubicBezTo>
                  <a:cubicBezTo>
                    <a:pt x="103739" y="54067"/>
                    <a:pt x="103677" y="53586"/>
                    <a:pt x="103677" y="53125"/>
                  </a:cubicBezTo>
                  <a:cubicBezTo>
                    <a:pt x="103677" y="53041"/>
                    <a:pt x="103635" y="52937"/>
                    <a:pt x="103593" y="52853"/>
                  </a:cubicBezTo>
                  <a:cubicBezTo>
                    <a:pt x="103467" y="52393"/>
                    <a:pt x="103321" y="51912"/>
                    <a:pt x="103363" y="51430"/>
                  </a:cubicBezTo>
                  <a:cubicBezTo>
                    <a:pt x="103363" y="51284"/>
                    <a:pt x="103321" y="51158"/>
                    <a:pt x="103321" y="51033"/>
                  </a:cubicBezTo>
                  <a:cubicBezTo>
                    <a:pt x="103279" y="50907"/>
                    <a:pt x="103237" y="50761"/>
                    <a:pt x="103237" y="50635"/>
                  </a:cubicBezTo>
                  <a:cubicBezTo>
                    <a:pt x="103258" y="50008"/>
                    <a:pt x="103049" y="49401"/>
                    <a:pt x="103007" y="48773"/>
                  </a:cubicBezTo>
                  <a:cubicBezTo>
                    <a:pt x="102965" y="48376"/>
                    <a:pt x="102923" y="47999"/>
                    <a:pt x="103112" y="47622"/>
                  </a:cubicBezTo>
                  <a:cubicBezTo>
                    <a:pt x="103112" y="47601"/>
                    <a:pt x="103070" y="47560"/>
                    <a:pt x="103070" y="47497"/>
                  </a:cubicBezTo>
                  <a:cubicBezTo>
                    <a:pt x="102819" y="47434"/>
                    <a:pt x="102589" y="47434"/>
                    <a:pt x="102338" y="47497"/>
                  </a:cubicBezTo>
                  <a:cubicBezTo>
                    <a:pt x="102107" y="47727"/>
                    <a:pt x="102400" y="47957"/>
                    <a:pt x="102296" y="48187"/>
                  </a:cubicBezTo>
                  <a:cubicBezTo>
                    <a:pt x="102275" y="48208"/>
                    <a:pt x="102212" y="48229"/>
                    <a:pt x="102191" y="48229"/>
                  </a:cubicBezTo>
                  <a:cubicBezTo>
                    <a:pt x="102107" y="48250"/>
                    <a:pt x="102024" y="48250"/>
                    <a:pt x="101961" y="48250"/>
                  </a:cubicBezTo>
                  <a:cubicBezTo>
                    <a:pt x="101710" y="48250"/>
                    <a:pt x="101605" y="48187"/>
                    <a:pt x="101542" y="47936"/>
                  </a:cubicBezTo>
                  <a:cubicBezTo>
                    <a:pt x="101501" y="47811"/>
                    <a:pt x="101480" y="47664"/>
                    <a:pt x="101459" y="47497"/>
                  </a:cubicBezTo>
                  <a:cubicBezTo>
                    <a:pt x="101270" y="47476"/>
                    <a:pt x="101145" y="47476"/>
                    <a:pt x="100957" y="47476"/>
                  </a:cubicBezTo>
                  <a:close/>
                  <a:moveTo>
                    <a:pt x="43647" y="59549"/>
                  </a:moveTo>
                  <a:cubicBezTo>
                    <a:pt x="44044" y="59884"/>
                    <a:pt x="44212" y="60260"/>
                    <a:pt x="44254" y="60679"/>
                  </a:cubicBezTo>
                  <a:cubicBezTo>
                    <a:pt x="44254" y="60804"/>
                    <a:pt x="44337" y="60930"/>
                    <a:pt x="44358" y="61076"/>
                  </a:cubicBezTo>
                  <a:cubicBezTo>
                    <a:pt x="44400" y="61285"/>
                    <a:pt x="44484" y="61516"/>
                    <a:pt x="44546" y="61725"/>
                  </a:cubicBezTo>
                  <a:cubicBezTo>
                    <a:pt x="44567" y="61850"/>
                    <a:pt x="44588" y="61976"/>
                    <a:pt x="44651" y="62122"/>
                  </a:cubicBezTo>
                  <a:cubicBezTo>
                    <a:pt x="44756" y="62373"/>
                    <a:pt x="44819" y="62645"/>
                    <a:pt x="44860" y="62938"/>
                  </a:cubicBezTo>
                  <a:cubicBezTo>
                    <a:pt x="44860" y="63064"/>
                    <a:pt x="44902" y="63189"/>
                    <a:pt x="44965" y="63315"/>
                  </a:cubicBezTo>
                  <a:cubicBezTo>
                    <a:pt x="45111" y="63629"/>
                    <a:pt x="45174" y="63985"/>
                    <a:pt x="45216" y="64319"/>
                  </a:cubicBezTo>
                  <a:cubicBezTo>
                    <a:pt x="45279" y="64759"/>
                    <a:pt x="45342" y="65198"/>
                    <a:pt x="45530" y="65617"/>
                  </a:cubicBezTo>
                  <a:cubicBezTo>
                    <a:pt x="45593" y="65784"/>
                    <a:pt x="45593" y="65951"/>
                    <a:pt x="45614" y="66119"/>
                  </a:cubicBezTo>
                  <a:cubicBezTo>
                    <a:pt x="45635" y="66307"/>
                    <a:pt x="45655" y="66454"/>
                    <a:pt x="45844" y="66558"/>
                  </a:cubicBezTo>
                  <a:cubicBezTo>
                    <a:pt x="46283" y="66433"/>
                    <a:pt x="46764" y="66495"/>
                    <a:pt x="47183" y="66244"/>
                  </a:cubicBezTo>
                  <a:cubicBezTo>
                    <a:pt x="47183" y="66202"/>
                    <a:pt x="47204" y="66140"/>
                    <a:pt x="47204" y="66119"/>
                  </a:cubicBezTo>
                  <a:cubicBezTo>
                    <a:pt x="47225" y="65721"/>
                    <a:pt x="47057" y="65324"/>
                    <a:pt x="46995" y="64947"/>
                  </a:cubicBezTo>
                  <a:cubicBezTo>
                    <a:pt x="46911" y="64319"/>
                    <a:pt x="46806" y="63692"/>
                    <a:pt x="46660" y="63064"/>
                  </a:cubicBezTo>
                  <a:cubicBezTo>
                    <a:pt x="46430" y="62122"/>
                    <a:pt x="46262" y="61181"/>
                    <a:pt x="46137" y="60197"/>
                  </a:cubicBezTo>
                  <a:cubicBezTo>
                    <a:pt x="46053" y="59737"/>
                    <a:pt x="45927" y="59298"/>
                    <a:pt x="45760" y="58837"/>
                  </a:cubicBezTo>
                  <a:cubicBezTo>
                    <a:pt x="45739" y="58795"/>
                    <a:pt x="45697" y="58775"/>
                    <a:pt x="45635" y="58712"/>
                  </a:cubicBezTo>
                  <a:cubicBezTo>
                    <a:pt x="45509" y="58795"/>
                    <a:pt x="45383" y="58837"/>
                    <a:pt x="45237" y="58921"/>
                  </a:cubicBezTo>
                  <a:cubicBezTo>
                    <a:pt x="45279" y="59130"/>
                    <a:pt x="45321" y="59298"/>
                    <a:pt x="45321" y="59444"/>
                  </a:cubicBezTo>
                  <a:cubicBezTo>
                    <a:pt x="45321" y="59549"/>
                    <a:pt x="45237" y="59674"/>
                    <a:pt x="45174" y="59737"/>
                  </a:cubicBezTo>
                  <a:cubicBezTo>
                    <a:pt x="45028" y="59821"/>
                    <a:pt x="44881" y="59946"/>
                    <a:pt x="44693" y="59821"/>
                  </a:cubicBezTo>
                  <a:cubicBezTo>
                    <a:pt x="44567" y="59632"/>
                    <a:pt x="44672" y="59360"/>
                    <a:pt x="44442" y="59235"/>
                  </a:cubicBezTo>
                  <a:cubicBezTo>
                    <a:pt x="44274" y="59298"/>
                    <a:pt x="44128" y="59340"/>
                    <a:pt x="43940" y="59423"/>
                  </a:cubicBezTo>
                  <a:cubicBezTo>
                    <a:pt x="43856" y="59423"/>
                    <a:pt x="43793" y="59486"/>
                    <a:pt x="43647" y="59549"/>
                  </a:cubicBezTo>
                  <a:close/>
                  <a:moveTo>
                    <a:pt x="11696" y="44065"/>
                  </a:moveTo>
                  <a:cubicBezTo>
                    <a:pt x="11278" y="43919"/>
                    <a:pt x="10943" y="43856"/>
                    <a:pt x="10629" y="43919"/>
                  </a:cubicBezTo>
                  <a:cubicBezTo>
                    <a:pt x="10357" y="43940"/>
                    <a:pt x="10169" y="44107"/>
                    <a:pt x="10002" y="44275"/>
                  </a:cubicBezTo>
                  <a:cubicBezTo>
                    <a:pt x="9855" y="44379"/>
                    <a:pt x="9709" y="44463"/>
                    <a:pt x="9583" y="44567"/>
                  </a:cubicBezTo>
                  <a:cubicBezTo>
                    <a:pt x="9479" y="44651"/>
                    <a:pt x="9395" y="44756"/>
                    <a:pt x="9311" y="44860"/>
                  </a:cubicBezTo>
                  <a:cubicBezTo>
                    <a:pt x="8893" y="45404"/>
                    <a:pt x="9060" y="46011"/>
                    <a:pt x="9081" y="46618"/>
                  </a:cubicBezTo>
                  <a:cubicBezTo>
                    <a:pt x="9081" y="46681"/>
                    <a:pt x="9123" y="46743"/>
                    <a:pt x="9186" y="46806"/>
                  </a:cubicBezTo>
                  <a:cubicBezTo>
                    <a:pt x="9583" y="47329"/>
                    <a:pt x="10023" y="47811"/>
                    <a:pt x="10650" y="48020"/>
                  </a:cubicBezTo>
                  <a:cubicBezTo>
                    <a:pt x="11048" y="48145"/>
                    <a:pt x="11487" y="48229"/>
                    <a:pt x="11906" y="48229"/>
                  </a:cubicBezTo>
                  <a:cubicBezTo>
                    <a:pt x="12220" y="48229"/>
                    <a:pt x="12533" y="48104"/>
                    <a:pt x="12826" y="47999"/>
                  </a:cubicBezTo>
                  <a:cubicBezTo>
                    <a:pt x="12889" y="47957"/>
                    <a:pt x="12952" y="47894"/>
                    <a:pt x="13036" y="47832"/>
                  </a:cubicBezTo>
                  <a:cubicBezTo>
                    <a:pt x="12826" y="47329"/>
                    <a:pt x="12575" y="46869"/>
                    <a:pt x="12408" y="46388"/>
                  </a:cubicBezTo>
                  <a:lnTo>
                    <a:pt x="12094" y="45530"/>
                  </a:lnTo>
                  <a:cubicBezTo>
                    <a:pt x="11948" y="45049"/>
                    <a:pt x="11822" y="44567"/>
                    <a:pt x="11696" y="44065"/>
                  </a:cubicBezTo>
                  <a:close/>
                  <a:moveTo>
                    <a:pt x="48271" y="82565"/>
                  </a:moveTo>
                  <a:cubicBezTo>
                    <a:pt x="48334" y="82355"/>
                    <a:pt x="48313" y="82188"/>
                    <a:pt x="48229" y="82000"/>
                  </a:cubicBezTo>
                  <a:cubicBezTo>
                    <a:pt x="47936" y="81351"/>
                    <a:pt x="47497" y="80786"/>
                    <a:pt x="46953" y="80368"/>
                  </a:cubicBezTo>
                  <a:cubicBezTo>
                    <a:pt x="46513" y="80033"/>
                    <a:pt x="46032" y="79803"/>
                    <a:pt x="45530" y="79552"/>
                  </a:cubicBezTo>
                  <a:cubicBezTo>
                    <a:pt x="45091" y="79363"/>
                    <a:pt x="44651" y="79301"/>
                    <a:pt x="44170" y="79301"/>
                  </a:cubicBezTo>
                  <a:cubicBezTo>
                    <a:pt x="44107" y="79510"/>
                    <a:pt x="44065" y="79719"/>
                    <a:pt x="43961" y="79907"/>
                  </a:cubicBezTo>
                  <a:cubicBezTo>
                    <a:pt x="43856" y="80117"/>
                    <a:pt x="43898" y="80284"/>
                    <a:pt x="44002" y="80493"/>
                  </a:cubicBezTo>
                  <a:cubicBezTo>
                    <a:pt x="44337" y="81288"/>
                    <a:pt x="44986" y="81791"/>
                    <a:pt x="45572" y="82355"/>
                  </a:cubicBezTo>
                  <a:cubicBezTo>
                    <a:pt x="45614" y="82418"/>
                    <a:pt x="45697" y="82439"/>
                    <a:pt x="45739" y="82481"/>
                  </a:cubicBezTo>
                  <a:cubicBezTo>
                    <a:pt x="46262" y="82753"/>
                    <a:pt x="46764" y="82941"/>
                    <a:pt x="47371" y="82879"/>
                  </a:cubicBezTo>
                  <a:cubicBezTo>
                    <a:pt x="47685" y="82837"/>
                    <a:pt x="47999" y="82816"/>
                    <a:pt x="48271" y="82565"/>
                  </a:cubicBezTo>
                  <a:close/>
                  <a:moveTo>
                    <a:pt x="127509" y="16425"/>
                  </a:moveTo>
                  <a:cubicBezTo>
                    <a:pt x="127613" y="16446"/>
                    <a:pt x="127697" y="16446"/>
                    <a:pt x="127739" y="16509"/>
                  </a:cubicBezTo>
                  <a:cubicBezTo>
                    <a:pt x="127969" y="16697"/>
                    <a:pt x="128241" y="16655"/>
                    <a:pt x="128492" y="16593"/>
                  </a:cubicBezTo>
                  <a:cubicBezTo>
                    <a:pt x="129183" y="16383"/>
                    <a:pt x="129706" y="15902"/>
                    <a:pt x="130019" y="15295"/>
                  </a:cubicBezTo>
                  <a:cubicBezTo>
                    <a:pt x="130480" y="14437"/>
                    <a:pt x="130271" y="13559"/>
                    <a:pt x="129873" y="12680"/>
                  </a:cubicBezTo>
                  <a:cubicBezTo>
                    <a:pt x="129852" y="12638"/>
                    <a:pt x="129831" y="12575"/>
                    <a:pt x="129768" y="12554"/>
                  </a:cubicBezTo>
                  <a:cubicBezTo>
                    <a:pt x="129496" y="12450"/>
                    <a:pt x="129245" y="12261"/>
                    <a:pt x="128911" y="12261"/>
                  </a:cubicBezTo>
                  <a:cubicBezTo>
                    <a:pt x="128618" y="12261"/>
                    <a:pt x="128346" y="12303"/>
                    <a:pt x="128094" y="12533"/>
                  </a:cubicBezTo>
                  <a:cubicBezTo>
                    <a:pt x="128074" y="12868"/>
                    <a:pt x="128053" y="13266"/>
                    <a:pt x="127990" y="13621"/>
                  </a:cubicBezTo>
                  <a:cubicBezTo>
                    <a:pt x="127927" y="14354"/>
                    <a:pt x="127864" y="15086"/>
                    <a:pt x="127446" y="15756"/>
                  </a:cubicBezTo>
                  <a:cubicBezTo>
                    <a:pt x="127341" y="15986"/>
                    <a:pt x="127404" y="16195"/>
                    <a:pt x="127509" y="16425"/>
                  </a:cubicBezTo>
                  <a:close/>
                  <a:moveTo>
                    <a:pt x="118281" y="64717"/>
                  </a:moveTo>
                  <a:cubicBezTo>
                    <a:pt x="118700" y="64947"/>
                    <a:pt x="118721" y="64968"/>
                    <a:pt x="118993" y="64968"/>
                  </a:cubicBezTo>
                  <a:cubicBezTo>
                    <a:pt x="119453" y="64968"/>
                    <a:pt x="119913" y="64989"/>
                    <a:pt x="120374" y="64968"/>
                  </a:cubicBezTo>
                  <a:cubicBezTo>
                    <a:pt x="120918" y="64926"/>
                    <a:pt x="121441" y="64717"/>
                    <a:pt x="121796" y="64298"/>
                  </a:cubicBezTo>
                  <a:cubicBezTo>
                    <a:pt x="122048" y="64005"/>
                    <a:pt x="122257" y="63671"/>
                    <a:pt x="122382" y="63315"/>
                  </a:cubicBezTo>
                  <a:cubicBezTo>
                    <a:pt x="122529" y="62959"/>
                    <a:pt x="122508" y="62562"/>
                    <a:pt x="122194" y="62227"/>
                  </a:cubicBezTo>
                  <a:cubicBezTo>
                    <a:pt x="121901" y="62248"/>
                    <a:pt x="121608" y="62248"/>
                    <a:pt x="121336" y="62269"/>
                  </a:cubicBezTo>
                  <a:cubicBezTo>
                    <a:pt x="121252" y="62269"/>
                    <a:pt x="121127" y="62311"/>
                    <a:pt x="121064" y="62353"/>
                  </a:cubicBezTo>
                  <a:cubicBezTo>
                    <a:pt x="120834" y="62583"/>
                    <a:pt x="120520" y="62666"/>
                    <a:pt x="120227" y="62813"/>
                  </a:cubicBezTo>
                  <a:cubicBezTo>
                    <a:pt x="120039" y="62917"/>
                    <a:pt x="119892" y="63064"/>
                    <a:pt x="119746" y="63189"/>
                  </a:cubicBezTo>
                  <a:cubicBezTo>
                    <a:pt x="119474" y="63378"/>
                    <a:pt x="119244" y="63608"/>
                    <a:pt x="118972" y="63754"/>
                  </a:cubicBezTo>
                  <a:cubicBezTo>
                    <a:pt x="118637" y="63985"/>
                    <a:pt x="118449" y="64319"/>
                    <a:pt x="118281" y="64717"/>
                  </a:cubicBezTo>
                  <a:close/>
                  <a:moveTo>
                    <a:pt x="36303" y="36114"/>
                  </a:moveTo>
                  <a:cubicBezTo>
                    <a:pt x="36679" y="36010"/>
                    <a:pt x="36909" y="35780"/>
                    <a:pt x="37140" y="35591"/>
                  </a:cubicBezTo>
                  <a:cubicBezTo>
                    <a:pt x="37663" y="35152"/>
                    <a:pt x="37809" y="34587"/>
                    <a:pt x="37767" y="33917"/>
                  </a:cubicBezTo>
                  <a:cubicBezTo>
                    <a:pt x="37746" y="33666"/>
                    <a:pt x="37684" y="33394"/>
                    <a:pt x="37642" y="33143"/>
                  </a:cubicBezTo>
                  <a:cubicBezTo>
                    <a:pt x="37558" y="32767"/>
                    <a:pt x="37328" y="32536"/>
                    <a:pt x="37056" y="32327"/>
                  </a:cubicBezTo>
                  <a:cubicBezTo>
                    <a:pt x="36721" y="32348"/>
                    <a:pt x="36407" y="32139"/>
                    <a:pt x="36072" y="32264"/>
                  </a:cubicBezTo>
                  <a:cubicBezTo>
                    <a:pt x="35842" y="32348"/>
                    <a:pt x="35633" y="32411"/>
                    <a:pt x="35528" y="32641"/>
                  </a:cubicBezTo>
                  <a:cubicBezTo>
                    <a:pt x="35424" y="32871"/>
                    <a:pt x="35445" y="33143"/>
                    <a:pt x="35445" y="33394"/>
                  </a:cubicBezTo>
                  <a:cubicBezTo>
                    <a:pt x="35675" y="33603"/>
                    <a:pt x="35612" y="33917"/>
                    <a:pt x="35717" y="34189"/>
                  </a:cubicBezTo>
                  <a:cubicBezTo>
                    <a:pt x="35905" y="34775"/>
                    <a:pt x="36219" y="35382"/>
                    <a:pt x="36303" y="36114"/>
                  </a:cubicBezTo>
                  <a:close/>
                  <a:moveTo>
                    <a:pt x="98320" y="19313"/>
                  </a:moveTo>
                  <a:cubicBezTo>
                    <a:pt x="98236" y="19417"/>
                    <a:pt x="98132" y="19480"/>
                    <a:pt x="98111" y="19585"/>
                  </a:cubicBezTo>
                  <a:cubicBezTo>
                    <a:pt x="98006" y="19961"/>
                    <a:pt x="97902" y="20296"/>
                    <a:pt x="97797" y="20673"/>
                  </a:cubicBezTo>
                  <a:cubicBezTo>
                    <a:pt x="97776" y="20735"/>
                    <a:pt x="97839" y="20840"/>
                    <a:pt x="97902" y="20924"/>
                  </a:cubicBezTo>
                  <a:cubicBezTo>
                    <a:pt x="98216" y="21363"/>
                    <a:pt x="98550" y="21740"/>
                    <a:pt x="99053" y="21991"/>
                  </a:cubicBezTo>
                  <a:lnTo>
                    <a:pt x="99283" y="22158"/>
                  </a:lnTo>
                  <a:cubicBezTo>
                    <a:pt x="99638" y="22472"/>
                    <a:pt x="100036" y="22514"/>
                    <a:pt x="100475" y="22409"/>
                  </a:cubicBezTo>
                  <a:cubicBezTo>
                    <a:pt x="100538" y="21991"/>
                    <a:pt x="100517" y="20903"/>
                    <a:pt x="100433" y="20317"/>
                  </a:cubicBezTo>
                  <a:cubicBezTo>
                    <a:pt x="100245" y="20150"/>
                    <a:pt x="100120" y="19940"/>
                    <a:pt x="99931" y="19773"/>
                  </a:cubicBezTo>
                  <a:cubicBezTo>
                    <a:pt x="99680" y="19543"/>
                    <a:pt x="99408" y="19334"/>
                    <a:pt x="99053" y="19313"/>
                  </a:cubicBezTo>
                  <a:cubicBezTo>
                    <a:pt x="98822" y="19271"/>
                    <a:pt x="98571" y="19313"/>
                    <a:pt x="98320" y="19313"/>
                  </a:cubicBezTo>
                  <a:close/>
                  <a:moveTo>
                    <a:pt x="112527" y="65240"/>
                  </a:moveTo>
                  <a:cubicBezTo>
                    <a:pt x="112025" y="65303"/>
                    <a:pt x="111586" y="65366"/>
                    <a:pt x="111125" y="65449"/>
                  </a:cubicBezTo>
                  <a:cubicBezTo>
                    <a:pt x="110979" y="65470"/>
                    <a:pt x="110791" y="65554"/>
                    <a:pt x="110665" y="65617"/>
                  </a:cubicBezTo>
                  <a:cubicBezTo>
                    <a:pt x="110247" y="65930"/>
                    <a:pt x="109807" y="66223"/>
                    <a:pt x="109493" y="66663"/>
                  </a:cubicBezTo>
                  <a:cubicBezTo>
                    <a:pt x="109347" y="66851"/>
                    <a:pt x="109284" y="67060"/>
                    <a:pt x="109117" y="67249"/>
                  </a:cubicBezTo>
                  <a:cubicBezTo>
                    <a:pt x="108928" y="67458"/>
                    <a:pt x="108887" y="67688"/>
                    <a:pt x="108866" y="67981"/>
                  </a:cubicBezTo>
                  <a:cubicBezTo>
                    <a:pt x="109326" y="68232"/>
                    <a:pt x="109765" y="68232"/>
                    <a:pt x="110226" y="68023"/>
                  </a:cubicBezTo>
                  <a:cubicBezTo>
                    <a:pt x="110456" y="67918"/>
                    <a:pt x="110665" y="67814"/>
                    <a:pt x="110874" y="67688"/>
                  </a:cubicBezTo>
                  <a:cubicBezTo>
                    <a:pt x="111397" y="67374"/>
                    <a:pt x="111900" y="67039"/>
                    <a:pt x="112255" y="66537"/>
                  </a:cubicBezTo>
                  <a:cubicBezTo>
                    <a:pt x="112444" y="66307"/>
                    <a:pt x="112569" y="66014"/>
                    <a:pt x="112737" y="65763"/>
                  </a:cubicBezTo>
                  <a:cubicBezTo>
                    <a:pt x="112757" y="65721"/>
                    <a:pt x="112757" y="65679"/>
                    <a:pt x="112757" y="65617"/>
                  </a:cubicBezTo>
                  <a:cubicBezTo>
                    <a:pt x="112695" y="65554"/>
                    <a:pt x="112632" y="65407"/>
                    <a:pt x="112527" y="65240"/>
                  </a:cubicBezTo>
                  <a:close/>
                  <a:moveTo>
                    <a:pt x="30360" y="84301"/>
                  </a:moveTo>
                  <a:cubicBezTo>
                    <a:pt x="30674" y="84950"/>
                    <a:pt x="31302" y="85661"/>
                    <a:pt x="31825" y="85912"/>
                  </a:cubicBezTo>
                  <a:cubicBezTo>
                    <a:pt x="32202" y="86101"/>
                    <a:pt x="32557" y="86268"/>
                    <a:pt x="32955" y="86268"/>
                  </a:cubicBezTo>
                  <a:cubicBezTo>
                    <a:pt x="33331" y="86289"/>
                    <a:pt x="33708" y="86268"/>
                    <a:pt x="34085" y="86268"/>
                  </a:cubicBezTo>
                  <a:cubicBezTo>
                    <a:pt x="34294" y="86268"/>
                    <a:pt x="34482" y="86185"/>
                    <a:pt x="34650" y="86080"/>
                  </a:cubicBezTo>
                  <a:cubicBezTo>
                    <a:pt x="34796" y="85996"/>
                    <a:pt x="34838" y="85892"/>
                    <a:pt x="34838" y="85766"/>
                  </a:cubicBezTo>
                  <a:cubicBezTo>
                    <a:pt x="34859" y="85473"/>
                    <a:pt x="34733" y="85264"/>
                    <a:pt x="34419" y="85117"/>
                  </a:cubicBezTo>
                  <a:cubicBezTo>
                    <a:pt x="34168" y="84971"/>
                    <a:pt x="33896" y="84824"/>
                    <a:pt x="33603" y="84678"/>
                  </a:cubicBezTo>
                  <a:cubicBezTo>
                    <a:pt x="33541" y="84636"/>
                    <a:pt x="33436" y="84615"/>
                    <a:pt x="33352" y="84594"/>
                  </a:cubicBezTo>
                  <a:cubicBezTo>
                    <a:pt x="32850" y="84427"/>
                    <a:pt x="32390" y="84301"/>
                    <a:pt x="31867" y="84322"/>
                  </a:cubicBezTo>
                  <a:cubicBezTo>
                    <a:pt x="31469" y="84343"/>
                    <a:pt x="31072" y="84301"/>
                    <a:pt x="30674" y="84301"/>
                  </a:cubicBezTo>
                  <a:cubicBezTo>
                    <a:pt x="30611" y="84280"/>
                    <a:pt x="30507" y="84301"/>
                    <a:pt x="30360" y="84301"/>
                  </a:cubicBezTo>
                  <a:close/>
                  <a:moveTo>
                    <a:pt x="101605" y="46681"/>
                  </a:moveTo>
                  <a:cubicBezTo>
                    <a:pt x="101773" y="46346"/>
                    <a:pt x="101898" y="46011"/>
                    <a:pt x="102066" y="45635"/>
                  </a:cubicBezTo>
                  <a:cubicBezTo>
                    <a:pt x="102212" y="45300"/>
                    <a:pt x="102379" y="44923"/>
                    <a:pt x="102526" y="44588"/>
                  </a:cubicBezTo>
                  <a:cubicBezTo>
                    <a:pt x="101919" y="44442"/>
                    <a:pt x="101166" y="44463"/>
                    <a:pt x="100643" y="44651"/>
                  </a:cubicBezTo>
                  <a:cubicBezTo>
                    <a:pt x="100643" y="44777"/>
                    <a:pt x="100643" y="44902"/>
                    <a:pt x="100664" y="45007"/>
                  </a:cubicBezTo>
                  <a:cubicBezTo>
                    <a:pt x="100726" y="45216"/>
                    <a:pt x="100810" y="45404"/>
                    <a:pt x="100915" y="45593"/>
                  </a:cubicBezTo>
                  <a:cubicBezTo>
                    <a:pt x="101019" y="45844"/>
                    <a:pt x="101019" y="46116"/>
                    <a:pt x="100915" y="46346"/>
                  </a:cubicBezTo>
                  <a:cubicBezTo>
                    <a:pt x="100852" y="46451"/>
                    <a:pt x="100768" y="46555"/>
                    <a:pt x="100643" y="46513"/>
                  </a:cubicBezTo>
                  <a:cubicBezTo>
                    <a:pt x="100559" y="46471"/>
                    <a:pt x="100496" y="46430"/>
                    <a:pt x="100433" y="46346"/>
                  </a:cubicBezTo>
                  <a:cubicBezTo>
                    <a:pt x="100392" y="46262"/>
                    <a:pt x="100392" y="46158"/>
                    <a:pt x="100350" y="46095"/>
                  </a:cubicBezTo>
                  <a:cubicBezTo>
                    <a:pt x="100308" y="45948"/>
                    <a:pt x="100245" y="45802"/>
                    <a:pt x="100203" y="45676"/>
                  </a:cubicBezTo>
                  <a:cubicBezTo>
                    <a:pt x="100161" y="45614"/>
                    <a:pt x="100161" y="45509"/>
                    <a:pt x="100036" y="45509"/>
                  </a:cubicBezTo>
                  <a:cubicBezTo>
                    <a:pt x="100015" y="45907"/>
                    <a:pt x="99994" y="46262"/>
                    <a:pt x="100099" y="46660"/>
                  </a:cubicBezTo>
                  <a:cubicBezTo>
                    <a:pt x="100622" y="46681"/>
                    <a:pt x="101082" y="46681"/>
                    <a:pt x="101605" y="46681"/>
                  </a:cubicBezTo>
                  <a:close/>
                  <a:moveTo>
                    <a:pt x="43166" y="56703"/>
                  </a:moveTo>
                  <a:cubicBezTo>
                    <a:pt x="43793" y="57101"/>
                    <a:pt x="44233" y="57728"/>
                    <a:pt x="44798" y="58251"/>
                  </a:cubicBezTo>
                  <a:cubicBezTo>
                    <a:pt x="45279" y="58042"/>
                    <a:pt x="45781" y="57875"/>
                    <a:pt x="46241" y="57645"/>
                  </a:cubicBezTo>
                  <a:cubicBezTo>
                    <a:pt x="46158" y="57289"/>
                    <a:pt x="46011" y="56996"/>
                    <a:pt x="45907" y="56682"/>
                  </a:cubicBezTo>
                  <a:cubicBezTo>
                    <a:pt x="45886" y="56619"/>
                    <a:pt x="45844" y="56599"/>
                    <a:pt x="45781" y="56515"/>
                  </a:cubicBezTo>
                  <a:cubicBezTo>
                    <a:pt x="45739" y="56787"/>
                    <a:pt x="45718" y="57017"/>
                    <a:pt x="45781" y="57226"/>
                  </a:cubicBezTo>
                  <a:cubicBezTo>
                    <a:pt x="45802" y="57331"/>
                    <a:pt x="45802" y="57415"/>
                    <a:pt x="45802" y="57519"/>
                  </a:cubicBezTo>
                  <a:cubicBezTo>
                    <a:pt x="45802" y="57624"/>
                    <a:pt x="45739" y="57749"/>
                    <a:pt x="45614" y="57770"/>
                  </a:cubicBezTo>
                  <a:cubicBezTo>
                    <a:pt x="45530" y="57770"/>
                    <a:pt x="45425" y="57749"/>
                    <a:pt x="45363" y="57707"/>
                  </a:cubicBezTo>
                  <a:cubicBezTo>
                    <a:pt x="45174" y="57540"/>
                    <a:pt x="45070" y="57310"/>
                    <a:pt x="45070" y="57038"/>
                  </a:cubicBezTo>
                  <a:lnTo>
                    <a:pt x="45070" y="56515"/>
                  </a:lnTo>
                  <a:cubicBezTo>
                    <a:pt x="45070" y="56347"/>
                    <a:pt x="45070" y="56138"/>
                    <a:pt x="44881" y="55971"/>
                  </a:cubicBezTo>
                  <a:cubicBezTo>
                    <a:pt x="44442" y="55950"/>
                    <a:pt x="44065" y="56201"/>
                    <a:pt x="43689" y="56368"/>
                  </a:cubicBezTo>
                  <a:cubicBezTo>
                    <a:pt x="43479" y="56410"/>
                    <a:pt x="43228" y="56452"/>
                    <a:pt x="43166" y="56703"/>
                  </a:cubicBezTo>
                  <a:close/>
                  <a:moveTo>
                    <a:pt x="102484" y="46660"/>
                  </a:moveTo>
                  <a:cubicBezTo>
                    <a:pt x="103007" y="46869"/>
                    <a:pt x="103426" y="46555"/>
                    <a:pt x="103865" y="46451"/>
                  </a:cubicBezTo>
                  <a:cubicBezTo>
                    <a:pt x="103886" y="45927"/>
                    <a:pt x="103949" y="45425"/>
                    <a:pt x="103970" y="44902"/>
                  </a:cubicBezTo>
                  <a:cubicBezTo>
                    <a:pt x="103530" y="44672"/>
                    <a:pt x="103488" y="44672"/>
                    <a:pt x="103216" y="45007"/>
                  </a:cubicBezTo>
                  <a:cubicBezTo>
                    <a:pt x="102840" y="45509"/>
                    <a:pt x="102693" y="46095"/>
                    <a:pt x="102484" y="46660"/>
                  </a:cubicBezTo>
                  <a:close/>
                  <a:moveTo>
                    <a:pt x="42580" y="58837"/>
                  </a:moveTo>
                  <a:cubicBezTo>
                    <a:pt x="43082" y="58795"/>
                    <a:pt x="43542" y="58879"/>
                    <a:pt x="43961" y="58503"/>
                  </a:cubicBezTo>
                  <a:cubicBezTo>
                    <a:pt x="43438" y="57959"/>
                    <a:pt x="43019" y="57352"/>
                    <a:pt x="42224" y="57122"/>
                  </a:cubicBezTo>
                  <a:cubicBezTo>
                    <a:pt x="42078" y="57226"/>
                    <a:pt x="41973" y="57352"/>
                    <a:pt x="41868" y="57435"/>
                  </a:cubicBezTo>
                  <a:cubicBezTo>
                    <a:pt x="42140" y="57938"/>
                    <a:pt x="42350" y="58377"/>
                    <a:pt x="42580" y="58837"/>
                  </a:cubicBezTo>
                  <a:close/>
                  <a:moveTo>
                    <a:pt x="46953" y="57310"/>
                  </a:moveTo>
                  <a:cubicBezTo>
                    <a:pt x="47036" y="57268"/>
                    <a:pt x="47099" y="57268"/>
                    <a:pt x="47162" y="57268"/>
                  </a:cubicBezTo>
                  <a:cubicBezTo>
                    <a:pt x="47559" y="57122"/>
                    <a:pt x="47622" y="56954"/>
                    <a:pt x="47476" y="56599"/>
                  </a:cubicBezTo>
                  <a:cubicBezTo>
                    <a:pt x="47350" y="56264"/>
                    <a:pt x="47078" y="56013"/>
                    <a:pt x="46827" y="55782"/>
                  </a:cubicBezTo>
                  <a:cubicBezTo>
                    <a:pt x="46681" y="55678"/>
                    <a:pt x="46534" y="55594"/>
                    <a:pt x="46409" y="55490"/>
                  </a:cubicBezTo>
                  <a:cubicBezTo>
                    <a:pt x="46325" y="55448"/>
                    <a:pt x="46262" y="55448"/>
                    <a:pt x="46179" y="55552"/>
                  </a:cubicBezTo>
                  <a:cubicBezTo>
                    <a:pt x="46430" y="56138"/>
                    <a:pt x="46681" y="56703"/>
                    <a:pt x="46953" y="57310"/>
                  </a:cubicBezTo>
                  <a:close/>
                  <a:moveTo>
                    <a:pt x="99199" y="44714"/>
                  </a:moveTo>
                  <a:cubicBezTo>
                    <a:pt x="98781" y="45091"/>
                    <a:pt x="98529" y="45572"/>
                    <a:pt x="98467" y="45969"/>
                  </a:cubicBezTo>
                  <a:cubicBezTo>
                    <a:pt x="98404" y="46534"/>
                    <a:pt x="98613" y="46743"/>
                    <a:pt x="99157" y="46681"/>
                  </a:cubicBezTo>
                  <a:cubicBezTo>
                    <a:pt x="99178" y="46681"/>
                    <a:pt x="99178" y="46660"/>
                    <a:pt x="99199" y="46660"/>
                  </a:cubicBezTo>
                  <a:cubicBezTo>
                    <a:pt x="99283" y="46137"/>
                    <a:pt x="99283" y="45070"/>
                    <a:pt x="99199" y="44714"/>
                  </a:cubicBezTo>
                  <a:close/>
                  <a:moveTo>
                    <a:pt x="104597" y="46262"/>
                  </a:moveTo>
                  <a:cubicBezTo>
                    <a:pt x="104744" y="46116"/>
                    <a:pt x="104848" y="46053"/>
                    <a:pt x="104848" y="46011"/>
                  </a:cubicBezTo>
                  <a:cubicBezTo>
                    <a:pt x="104848" y="45844"/>
                    <a:pt x="104786" y="45697"/>
                    <a:pt x="104597" y="45509"/>
                  </a:cubicBezTo>
                  <a:close/>
                  <a:moveTo>
                    <a:pt x="41513" y="58189"/>
                  </a:moveTo>
                  <a:cubicBezTo>
                    <a:pt x="41450" y="58482"/>
                    <a:pt x="41429" y="58691"/>
                    <a:pt x="41533" y="58921"/>
                  </a:cubicBezTo>
                  <a:cubicBezTo>
                    <a:pt x="41617" y="58921"/>
                    <a:pt x="41701" y="58900"/>
                    <a:pt x="41764" y="58900"/>
                  </a:cubicBezTo>
                  <a:cubicBezTo>
                    <a:pt x="41743" y="58670"/>
                    <a:pt x="41659" y="58461"/>
                    <a:pt x="41513" y="58189"/>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nvGrpSpPr>
            <p:cNvPr id="2344" name="Google Shape;2344;p74"/>
            <p:cNvGrpSpPr/>
            <p:nvPr/>
          </p:nvGrpSpPr>
          <p:grpSpPr>
            <a:xfrm>
              <a:off x="7797563" y="3645950"/>
              <a:ext cx="288250" cy="266800"/>
              <a:chOff x="7797563" y="3645950"/>
              <a:chExt cx="288250" cy="266800"/>
            </a:xfrm>
          </p:grpSpPr>
          <p:sp>
            <p:nvSpPr>
              <p:cNvPr id="2345" name="Google Shape;2345;p74"/>
              <p:cNvSpPr/>
              <p:nvPr/>
            </p:nvSpPr>
            <p:spPr>
              <a:xfrm>
                <a:off x="7797563" y="3645950"/>
                <a:ext cx="288250" cy="266800"/>
              </a:xfrm>
              <a:custGeom>
                <a:avLst/>
                <a:gdLst/>
                <a:ahLst/>
                <a:cxnLst/>
                <a:rect l="l" t="t" r="r" b="b"/>
                <a:pathLst>
                  <a:path w="11530" h="10672" extrusionOk="0">
                    <a:moveTo>
                      <a:pt x="9709" y="7847"/>
                    </a:moveTo>
                    <a:cubicBezTo>
                      <a:pt x="10484" y="7491"/>
                      <a:pt x="11530" y="6592"/>
                      <a:pt x="11069" y="5608"/>
                    </a:cubicBezTo>
                    <a:cubicBezTo>
                      <a:pt x="10546" y="4478"/>
                      <a:pt x="9019" y="3098"/>
                      <a:pt x="7638" y="3014"/>
                    </a:cubicBezTo>
                    <a:cubicBezTo>
                      <a:pt x="8098" y="1863"/>
                      <a:pt x="7931" y="503"/>
                      <a:pt x="6404" y="189"/>
                    </a:cubicBezTo>
                    <a:cubicBezTo>
                      <a:pt x="5588" y="1"/>
                      <a:pt x="4960" y="608"/>
                      <a:pt x="4562" y="1235"/>
                    </a:cubicBezTo>
                    <a:cubicBezTo>
                      <a:pt x="4207" y="1779"/>
                      <a:pt x="4039" y="2177"/>
                      <a:pt x="4290" y="2616"/>
                    </a:cubicBezTo>
                    <a:cubicBezTo>
                      <a:pt x="4248" y="2658"/>
                      <a:pt x="4207" y="2679"/>
                      <a:pt x="4186" y="2700"/>
                    </a:cubicBezTo>
                    <a:cubicBezTo>
                      <a:pt x="4144" y="2302"/>
                      <a:pt x="3725" y="1842"/>
                      <a:pt x="3391" y="1758"/>
                    </a:cubicBezTo>
                    <a:cubicBezTo>
                      <a:pt x="2763" y="1612"/>
                      <a:pt x="1570" y="1549"/>
                      <a:pt x="984" y="1842"/>
                    </a:cubicBezTo>
                    <a:cubicBezTo>
                      <a:pt x="231" y="2219"/>
                      <a:pt x="1" y="3118"/>
                      <a:pt x="378" y="3872"/>
                    </a:cubicBezTo>
                    <a:cubicBezTo>
                      <a:pt x="587" y="4290"/>
                      <a:pt x="901" y="4625"/>
                      <a:pt x="1235" y="5002"/>
                    </a:cubicBezTo>
                    <a:cubicBezTo>
                      <a:pt x="1340" y="5127"/>
                      <a:pt x="1466" y="5211"/>
                      <a:pt x="1591" y="5232"/>
                    </a:cubicBezTo>
                    <a:cubicBezTo>
                      <a:pt x="1005" y="5608"/>
                      <a:pt x="482" y="5985"/>
                      <a:pt x="419" y="6780"/>
                    </a:cubicBezTo>
                    <a:cubicBezTo>
                      <a:pt x="336" y="7596"/>
                      <a:pt x="608" y="8433"/>
                      <a:pt x="1424" y="8684"/>
                    </a:cubicBezTo>
                    <a:cubicBezTo>
                      <a:pt x="1926" y="8852"/>
                      <a:pt x="2658" y="8747"/>
                      <a:pt x="3244" y="8433"/>
                    </a:cubicBezTo>
                    <a:cubicBezTo>
                      <a:pt x="3704" y="9375"/>
                      <a:pt x="4855" y="10212"/>
                      <a:pt x="5713" y="10442"/>
                    </a:cubicBezTo>
                    <a:cubicBezTo>
                      <a:pt x="6592" y="10672"/>
                      <a:pt x="7324" y="10212"/>
                      <a:pt x="7575" y="9396"/>
                    </a:cubicBezTo>
                    <a:cubicBezTo>
                      <a:pt x="7701" y="8977"/>
                      <a:pt x="7680" y="8454"/>
                      <a:pt x="7554" y="7973"/>
                    </a:cubicBezTo>
                    <a:cubicBezTo>
                      <a:pt x="8287" y="8140"/>
                      <a:pt x="9019" y="8161"/>
                      <a:pt x="9709" y="7847"/>
                    </a:cubicBezTo>
                    <a:close/>
                    <a:moveTo>
                      <a:pt x="5588" y="4541"/>
                    </a:moveTo>
                    <a:cubicBezTo>
                      <a:pt x="6152" y="5085"/>
                      <a:pt x="6111" y="5608"/>
                      <a:pt x="5378" y="5943"/>
                    </a:cubicBezTo>
                    <a:cubicBezTo>
                      <a:pt x="4730" y="6257"/>
                      <a:pt x="3976" y="5755"/>
                      <a:pt x="3642" y="5211"/>
                    </a:cubicBezTo>
                    <a:cubicBezTo>
                      <a:pt x="3349" y="4709"/>
                      <a:pt x="3704" y="4248"/>
                      <a:pt x="4186" y="4144"/>
                    </a:cubicBezTo>
                    <a:cubicBezTo>
                      <a:pt x="4479" y="4081"/>
                      <a:pt x="4730" y="4060"/>
                      <a:pt x="5002" y="3976"/>
                    </a:cubicBezTo>
                    <a:cubicBezTo>
                      <a:pt x="5253" y="4165"/>
                      <a:pt x="5462" y="4437"/>
                      <a:pt x="5588" y="4541"/>
                    </a:cubicBezTo>
                    <a:close/>
                    <a:moveTo>
                      <a:pt x="1779" y="7889"/>
                    </a:moveTo>
                    <a:cubicBezTo>
                      <a:pt x="984" y="7847"/>
                      <a:pt x="1235" y="6655"/>
                      <a:pt x="1570" y="6257"/>
                    </a:cubicBezTo>
                    <a:cubicBezTo>
                      <a:pt x="1884" y="5922"/>
                      <a:pt x="2407" y="5734"/>
                      <a:pt x="2763" y="5441"/>
                    </a:cubicBezTo>
                    <a:cubicBezTo>
                      <a:pt x="2951" y="5839"/>
                      <a:pt x="3265" y="6173"/>
                      <a:pt x="3600" y="6424"/>
                    </a:cubicBezTo>
                    <a:cubicBezTo>
                      <a:pt x="3558" y="6445"/>
                      <a:pt x="3495" y="6466"/>
                      <a:pt x="3474" y="6487"/>
                    </a:cubicBezTo>
                    <a:cubicBezTo>
                      <a:pt x="3160" y="6843"/>
                      <a:pt x="3035" y="7199"/>
                      <a:pt x="3035" y="7575"/>
                    </a:cubicBezTo>
                    <a:cubicBezTo>
                      <a:pt x="2616" y="7805"/>
                      <a:pt x="1947" y="7910"/>
                      <a:pt x="1779" y="7889"/>
                    </a:cubicBezTo>
                    <a:close/>
                    <a:moveTo>
                      <a:pt x="5671" y="9521"/>
                    </a:moveTo>
                    <a:cubicBezTo>
                      <a:pt x="5211" y="9375"/>
                      <a:pt x="4186" y="8621"/>
                      <a:pt x="3914" y="7931"/>
                    </a:cubicBezTo>
                    <a:cubicBezTo>
                      <a:pt x="4207" y="7596"/>
                      <a:pt x="4332" y="7199"/>
                      <a:pt x="4186" y="6759"/>
                    </a:cubicBezTo>
                    <a:cubicBezTo>
                      <a:pt x="4646" y="6906"/>
                      <a:pt x="5148" y="6947"/>
                      <a:pt x="5608" y="6738"/>
                    </a:cubicBezTo>
                    <a:cubicBezTo>
                      <a:pt x="5755" y="6675"/>
                      <a:pt x="5860" y="6634"/>
                      <a:pt x="5964" y="6550"/>
                    </a:cubicBezTo>
                    <a:cubicBezTo>
                      <a:pt x="5964" y="6613"/>
                      <a:pt x="5985" y="6738"/>
                      <a:pt x="6027" y="6801"/>
                    </a:cubicBezTo>
                    <a:cubicBezTo>
                      <a:pt x="6571" y="7575"/>
                      <a:pt x="7533" y="10191"/>
                      <a:pt x="5671" y="9521"/>
                    </a:cubicBezTo>
                    <a:close/>
                    <a:moveTo>
                      <a:pt x="8893" y="7115"/>
                    </a:moveTo>
                    <a:cubicBezTo>
                      <a:pt x="8370" y="7219"/>
                      <a:pt x="7764" y="7094"/>
                      <a:pt x="7220" y="7052"/>
                    </a:cubicBezTo>
                    <a:cubicBezTo>
                      <a:pt x="7052" y="6738"/>
                      <a:pt x="6843" y="6466"/>
                      <a:pt x="6655" y="6257"/>
                    </a:cubicBezTo>
                    <a:cubicBezTo>
                      <a:pt x="6592" y="6173"/>
                      <a:pt x="6508" y="6131"/>
                      <a:pt x="6424" y="6131"/>
                    </a:cubicBezTo>
                    <a:cubicBezTo>
                      <a:pt x="7052" y="5294"/>
                      <a:pt x="6236" y="4227"/>
                      <a:pt x="5441" y="3704"/>
                    </a:cubicBezTo>
                    <a:cubicBezTo>
                      <a:pt x="5462" y="3537"/>
                      <a:pt x="5378" y="3390"/>
                      <a:pt x="5211" y="3349"/>
                    </a:cubicBezTo>
                    <a:cubicBezTo>
                      <a:pt x="4541" y="3307"/>
                      <a:pt x="3767" y="3118"/>
                      <a:pt x="3223" y="3642"/>
                    </a:cubicBezTo>
                    <a:cubicBezTo>
                      <a:pt x="2930" y="3914"/>
                      <a:pt x="2721" y="4290"/>
                      <a:pt x="2658" y="4709"/>
                    </a:cubicBezTo>
                    <a:cubicBezTo>
                      <a:pt x="2428" y="4604"/>
                      <a:pt x="2030" y="4583"/>
                      <a:pt x="1905" y="4395"/>
                    </a:cubicBezTo>
                    <a:cubicBezTo>
                      <a:pt x="1507" y="3955"/>
                      <a:pt x="1194" y="3662"/>
                      <a:pt x="1131" y="2993"/>
                    </a:cubicBezTo>
                    <a:cubicBezTo>
                      <a:pt x="1047" y="2344"/>
                      <a:pt x="3893" y="2093"/>
                      <a:pt x="3914" y="2972"/>
                    </a:cubicBezTo>
                    <a:cubicBezTo>
                      <a:pt x="3914" y="3035"/>
                      <a:pt x="3976" y="3077"/>
                      <a:pt x="4060" y="3077"/>
                    </a:cubicBezTo>
                    <a:cubicBezTo>
                      <a:pt x="4060" y="3118"/>
                      <a:pt x="4081" y="3139"/>
                      <a:pt x="4102" y="3181"/>
                    </a:cubicBezTo>
                    <a:cubicBezTo>
                      <a:pt x="4207" y="3307"/>
                      <a:pt x="4395" y="3307"/>
                      <a:pt x="4520" y="3202"/>
                    </a:cubicBezTo>
                    <a:cubicBezTo>
                      <a:pt x="4583" y="3139"/>
                      <a:pt x="4625" y="3118"/>
                      <a:pt x="4688" y="3077"/>
                    </a:cubicBezTo>
                    <a:cubicBezTo>
                      <a:pt x="4897" y="3181"/>
                      <a:pt x="5127" y="2909"/>
                      <a:pt x="4960" y="2700"/>
                    </a:cubicBezTo>
                    <a:cubicBezTo>
                      <a:pt x="4479" y="2072"/>
                      <a:pt x="5776" y="921"/>
                      <a:pt x="6424" y="1089"/>
                    </a:cubicBezTo>
                    <a:cubicBezTo>
                      <a:pt x="7638" y="1340"/>
                      <a:pt x="6927" y="2888"/>
                      <a:pt x="6404" y="3390"/>
                    </a:cubicBezTo>
                    <a:cubicBezTo>
                      <a:pt x="5985" y="3809"/>
                      <a:pt x="6529" y="4395"/>
                      <a:pt x="7010" y="4060"/>
                    </a:cubicBezTo>
                    <a:cubicBezTo>
                      <a:pt x="7889" y="3411"/>
                      <a:pt x="9396" y="4855"/>
                      <a:pt x="9940" y="5441"/>
                    </a:cubicBezTo>
                    <a:cubicBezTo>
                      <a:pt x="10672" y="6278"/>
                      <a:pt x="9647" y="6968"/>
                      <a:pt x="8893" y="711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46" name="Google Shape;2346;p74"/>
              <p:cNvSpPr/>
              <p:nvPr/>
            </p:nvSpPr>
            <p:spPr>
              <a:xfrm>
                <a:off x="7881263" y="3745350"/>
                <a:ext cx="70125" cy="57025"/>
              </a:xfrm>
              <a:custGeom>
                <a:avLst/>
                <a:gdLst/>
                <a:ahLst/>
                <a:cxnLst/>
                <a:rect l="l" t="t" r="r" b="b"/>
                <a:pathLst>
                  <a:path w="2805" h="2281" extrusionOk="0">
                    <a:moveTo>
                      <a:pt x="2240" y="565"/>
                    </a:moveTo>
                    <a:cubicBezTo>
                      <a:pt x="2804" y="1109"/>
                      <a:pt x="2763" y="1632"/>
                      <a:pt x="2030" y="1967"/>
                    </a:cubicBezTo>
                    <a:cubicBezTo>
                      <a:pt x="1382" y="2281"/>
                      <a:pt x="628" y="1779"/>
                      <a:pt x="294" y="1235"/>
                    </a:cubicBezTo>
                    <a:cubicBezTo>
                      <a:pt x="1" y="733"/>
                      <a:pt x="356" y="272"/>
                      <a:pt x="838" y="168"/>
                    </a:cubicBezTo>
                    <a:cubicBezTo>
                      <a:pt x="1131" y="105"/>
                      <a:pt x="1382" y="84"/>
                      <a:pt x="1654" y="0"/>
                    </a:cubicBezTo>
                    <a:cubicBezTo>
                      <a:pt x="1905" y="189"/>
                      <a:pt x="2114" y="461"/>
                      <a:pt x="2240" y="565"/>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347" name="Google Shape;2347;p74"/>
              <p:cNvSpPr/>
              <p:nvPr/>
            </p:nvSpPr>
            <p:spPr>
              <a:xfrm>
                <a:off x="7822163" y="3781950"/>
                <a:ext cx="65400" cy="61750"/>
              </a:xfrm>
              <a:custGeom>
                <a:avLst/>
                <a:gdLst/>
                <a:ahLst/>
                <a:cxnLst/>
                <a:rect l="l" t="t" r="r" b="b"/>
                <a:pathLst>
                  <a:path w="2616" h="2470" extrusionOk="0">
                    <a:moveTo>
                      <a:pt x="795" y="2449"/>
                    </a:moveTo>
                    <a:cubicBezTo>
                      <a:pt x="0" y="2407"/>
                      <a:pt x="251" y="1215"/>
                      <a:pt x="586" y="817"/>
                    </a:cubicBezTo>
                    <a:cubicBezTo>
                      <a:pt x="900" y="482"/>
                      <a:pt x="1423" y="294"/>
                      <a:pt x="1779" y="1"/>
                    </a:cubicBezTo>
                    <a:cubicBezTo>
                      <a:pt x="1967" y="399"/>
                      <a:pt x="2281" y="733"/>
                      <a:pt x="2616" y="984"/>
                    </a:cubicBezTo>
                    <a:cubicBezTo>
                      <a:pt x="2574" y="1005"/>
                      <a:pt x="2511" y="1026"/>
                      <a:pt x="2490" y="1047"/>
                    </a:cubicBezTo>
                    <a:cubicBezTo>
                      <a:pt x="2176" y="1403"/>
                      <a:pt x="2051" y="1759"/>
                      <a:pt x="2051" y="2135"/>
                    </a:cubicBezTo>
                    <a:cubicBezTo>
                      <a:pt x="1632" y="2365"/>
                      <a:pt x="963" y="2470"/>
                      <a:pt x="795" y="2449"/>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48" name="Google Shape;2348;p74"/>
              <p:cNvSpPr/>
              <p:nvPr/>
            </p:nvSpPr>
            <p:spPr>
              <a:xfrm>
                <a:off x="7895388" y="3809675"/>
                <a:ext cx="90525" cy="91050"/>
              </a:xfrm>
              <a:custGeom>
                <a:avLst/>
                <a:gdLst/>
                <a:ahLst/>
                <a:cxnLst/>
                <a:rect l="l" t="t" r="r" b="b"/>
                <a:pathLst>
                  <a:path w="3621" h="3642" extrusionOk="0">
                    <a:moveTo>
                      <a:pt x="1758" y="2972"/>
                    </a:moveTo>
                    <a:cubicBezTo>
                      <a:pt x="1298" y="2826"/>
                      <a:pt x="273" y="2072"/>
                      <a:pt x="1" y="1382"/>
                    </a:cubicBezTo>
                    <a:cubicBezTo>
                      <a:pt x="294" y="1047"/>
                      <a:pt x="419" y="650"/>
                      <a:pt x="273" y="210"/>
                    </a:cubicBezTo>
                    <a:cubicBezTo>
                      <a:pt x="733" y="357"/>
                      <a:pt x="1235" y="398"/>
                      <a:pt x="1695" y="189"/>
                    </a:cubicBezTo>
                    <a:cubicBezTo>
                      <a:pt x="1842" y="126"/>
                      <a:pt x="1947" y="85"/>
                      <a:pt x="2051" y="1"/>
                    </a:cubicBezTo>
                    <a:cubicBezTo>
                      <a:pt x="2051" y="64"/>
                      <a:pt x="2072" y="189"/>
                      <a:pt x="2114" y="252"/>
                    </a:cubicBezTo>
                    <a:cubicBezTo>
                      <a:pt x="2658" y="1026"/>
                      <a:pt x="3620" y="3642"/>
                      <a:pt x="1758" y="2972"/>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49" name="Google Shape;2349;p74"/>
              <p:cNvSpPr/>
              <p:nvPr/>
            </p:nvSpPr>
            <p:spPr>
              <a:xfrm>
                <a:off x="7823738" y="3668975"/>
                <a:ext cx="240625" cy="157475"/>
              </a:xfrm>
              <a:custGeom>
                <a:avLst/>
                <a:gdLst/>
                <a:ahLst/>
                <a:cxnLst/>
                <a:rect l="l" t="t" r="r" b="b"/>
                <a:pathLst>
                  <a:path w="9625" h="6299" extrusionOk="0">
                    <a:moveTo>
                      <a:pt x="7846" y="6194"/>
                    </a:moveTo>
                    <a:cubicBezTo>
                      <a:pt x="7323" y="6298"/>
                      <a:pt x="6717" y="6173"/>
                      <a:pt x="6173" y="6131"/>
                    </a:cubicBezTo>
                    <a:cubicBezTo>
                      <a:pt x="6005" y="5817"/>
                      <a:pt x="5796" y="5545"/>
                      <a:pt x="5608" y="5336"/>
                    </a:cubicBezTo>
                    <a:cubicBezTo>
                      <a:pt x="5545" y="5252"/>
                      <a:pt x="5461" y="5210"/>
                      <a:pt x="5377" y="5210"/>
                    </a:cubicBezTo>
                    <a:cubicBezTo>
                      <a:pt x="6005" y="4373"/>
                      <a:pt x="5189" y="3306"/>
                      <a:pt x="4394" y="2783"/>
                    </a:cubicBezTo>
                    <a:cubicBezTo>
                      <a:pt x="4415" y="2616"/>
                      <a:pt x="4331" y="2469"/>
                      <a:pt x="4164" y="2428"/>
                    </a:cubicBezTo>
                    <a:cubicBezTo>
                      <a:pt x="3494" y="2386"/>
                      <a:pt x="2720" y="2197"/>
                      <a:pt x="2176" y="2721"/>
                    </a:cubicBezTo>
                    <a:cubicBezTo>
                      <a:pt x="1883" y="2993"/>
                      <a:pt x="1674" y="3369"/>
                      <a:pt x="1611" y="3788"/>
                    </a:cubicBezTo>
                    <a:cubicBezTo>
                      <a:pt x="1381" y="3683"/>
                      <a:pt x="983" y="3662"/>
                      <a:pt x="858" y="3474"/>
                    </a:cubicBezTo>
                    <a:cubicBezTo>
                      <a:pt x="460" y="3034"/>
                      <a:pt x="147" y="2741"/>
                      <a:pt x="84" y="2072"/>
                    </a:cubicBezTo>
                    <a:cubicBezTo>
                      <a:pt x="0" y="1423"/>
                      <a:pt x="2846" y="1172"/>
                      <a:pt x="2867" y="2051"/>
                    </a:cubicBezTo>
                    <a:cubicBezTo>
                      <a:pt x="2867" y="2114"/>
                      <a:pt x="2929" y="2156"/>
                      <a:pt x="3013" y="2156"/>
                    </a:cubicBezTo>
                    <a:cubicBezTo>
                      <a:pt x="3013" y="2197"/>
                      <a:pt x="3034" y="2218"/>
                      <a:pt x="3055" y="2260"/>
                    </a:cubicBezTo>
                    <a:cubicBezTo>
                      <a:pt x="3160" y="2386"/>
                      <a:pt x="3348" y="2386"/>
                      <a:pt x="3473" y="2281"/>
                    </a:cubicBezTo>
                    <a:cubicBezTo>
                      <a:pt x="3536" y="2218"/>
                      <a:pt x="3578" y="2197"/>
                      <a:pt x="3641" y="2156"/>
                    </a:cubicBezTo>
                    <a:cubicBezTo>
                      <a:pt x="3850" y="2260"/>
                      <a:pt x="4080" y="1988"/>
                      <a:pt x="3913" y="1779"/>
                    </a:cubicBezTo>
                    <a:cubicBezTo>
                      <a:pt x="3432" y="1151"/>
                      <a:pt x="4729" y="0"/>
                      <a:pt x="5377" y="168"/>
                    </a:cubicBezTo>
                    <a:cubicBezTo>
                      <a:pt x="6591" y="419"/>
                      <a:pt x="5880" y="1967"/>
                      <a:pt x="5357" y="2469"/>
                    </a:cubicBezTo>
                    <a:cubicBezTo>
                      <a:pt x="4938" y="2888"/>
                      <a:pt x="5482" y="3474"/>
                      <a:pt x="5963" y="3139"/>
                    </a:cubicBezTo>
                    <a:cubicBezTo>
                      <a:pt x="6842" y="2490"/>
                      <a:pt x="8349" y="3934"/>
                      <a:pt x="8893" y="4520"/>
                    </a:cubicBezTo>
                    <a:cubicBezTo>
                      <a:pt x="9625" y="5357"/>
                      <a:pt x="8600" y="6047"/>
                      <a:pt x="7846" y="6194"/>
                    </a:cubicBezTo>
                    <a:close/>
                  </a:path>
                </a:pathLst>
              </a:custGeom>
              <a:solidFill>
                <a:schemeClr val="accent6"/>
              </a:solidFill>
              <a:ln>
                <a:noFill/>
              </a:ln>
            </p:spPr>
            <p:txBody>
              <a:bodyPr spcFirstLastPara="1" wrap="square" lIns="91425" tIns="91425" rIns="91425" bIns="91425" anchor="ctr" anchorCtr="0">
                <a:noAutofit/>
              </a:bodyPr>
              <a:lstStyle/>
              <a:p>
                <a:endParaRPr/>
              </a:p>
            </p:txBody>
          </p:sp>
        </p:grpSp>
        <p:sp>
          <p:nvSpPr>
            <p:cNvPr id="2350" name="Google Shape;2350;p74"/>
            <p:cNvSpPr/>
            <p:nvPr/>
          </p:nvSpPr>
          <p:spPr>
            <a:xfrm>
              <a:off x="4647213" y="4059675"/>
              <a:ext cx="383450" cy="145450"/>
            </a:xfrm>
            <a:custGeom>
              <a:avLst/>
              <a:gdLst/>
              <a:ahLst/>
              <a:cxnLst/>
              <a:rect l="l" t="t" r="r" b="b"/>
              <a:pathLst>
                <a:path w="15338" h="5818" extrusionOk="0">
                  <a:moveTo>
                    <a:pt x="15233" y="1319"/>
                  </a:moveTo>
                  <a:cubicBezTo>
                    <a:pt x="15212" y="1193"/>
                    <a:pt x="15066" y="1026"/>
                    <a:pt x="14919" y="1005"/>
                  </a:cubicBezTo>
                  <a:cubicBezTo>
                    <a:pt x="14396" y="921"/>
                    <a:pt x="14019" y="1026"/>
                    <a:pt x="13538" y="1298"/>
                  </a:cubicBezTo>
                  <a:cubicBezTo>
                    <a:pt x="13245" y="1444"/>
                    <a:pt x="11885" y="2721"/>
                    <a:pt x="11948" y="2051"/>
                  </a:cubicBezTo>
                  <a:cubicBezTo>
                    <a:pt x="11969" y="1361"/>
                    <a:pt x="11906" y="335"/>
                    <a:pt x="11006" y="335"/>
                  </a:cubicBezTo>
                  <a:cubicBezTo>
                    <a:pt x="10211" y="335"/>
                    <a:pt x="9646" y="1570"/>
                    <a:pt x="9291" y="2114"/>
                  </a:cubicBezTo>
                  <a:cubicBezTo>
                    <a:pt x="9019" y="2637"/>
                    <a:pt x="8977" y="2616"/>
                    <a:pt x="8747" y="2072"/>
                  </a:cubicBezTo>
                  <a:cubicBezTo>
                    <a:pt x="8621" y="1758"/>
                    <a:pt x="8496" y="1444"/>
                    <a:pt x="8224" y="1235"/>
                  </a:cubicBezTo>
                  <a:cubicBezTo>
                    <a:pt x="7596" y="712"/>
                    <a:pt x="6843" y="1340"/>
                    <a:pt x="6466" y="1863"/>
                  </a:cubicBezTo>
                  <a:cubicBezTo>
                    <a:pt x="6340" y="2051"/>
                    <a:pt x="6236" y="2281"/>
                    <a:pt x="6110" y="2491"/>
                  </a:cubicBezTo>
                  <a:cubicBezTo>
                    <a:pt x="5713" y="3118"/>
                    <a:pt x="5378" y="2281"/>
                    <a:pt x="5085" y="2114"/>
                  </a:cubicBezTo>
                  <a:cubicBezTo>
                    <a:pt x="4499" y="1800"/>
                    <a:pt x="3746" y="963"/>
                    <a:pt x="3160" y="817"/>
                  </a:cubicBezTo>
                  <a:cubicBezTo>
                    <a:pt x="1" y="1"/>
                    <a:pt x="4102" y="4897"/>
                    <a:pt x="4708" y="5545"/>
                  </a:cubicBezTo>
                  <a:cubicBezTo>
                    <a:pt x="4939" y="5817"/>
                    <a:pt x="5357" y="5420"/>
                    <a:pt x="5085" y="5148"/>
                  </a:cubicBezTo>
                  <a:cubicBezTo>
                    <a:pt x="4520" y="4520"/>
                    <a:pt x="3997" y="3830"/>
                    <a:pt x="3495" y="3139"/>
                  </a:cubicBezTo>
                  <a:cubicBezTo>
                    <a:pt x="3286" y="2825"/>
                    <a:pt x="3055" y="2532"/>
                    <a:pt x="2846" y="2219"/>
                  </a:cubicBezTo>
                  <a:cubicBezTo>
                    <a:pt x="2700" y="2009"/>
                    <a:pt x="2135" y="1277"/>
                    <a:pt x="2637" y="1444"/>
                  </a:cubicBezTo>
                  <a:cubicBezTo>
                    <a:pt x="3160" y="1591"/>
                    <a:pt x="3892" y="2407"/>
                    <a:pt x="4353" y="2721"/>
                  </a:cubicBezTo>
                  <a:cubicBezTo>
                    <a:pt x="4729" y="2951"/>
                    <a:pt x="5169" y="3746"/>
                    <a:pt x="5629" y="3746"/>
                  </a:cubicBezTo>
                  <a:cubicBezTo>
                    <a:pt x="6738" y="3746"/>
                    <a:pt x="6843" y="2595"/>
                    <a:pt x="7575" y="2072"/>
                  </a:cubicBezTo>
                  <a:cubicBezTo>
                    <a:pt x="7617" y="2009"/>
                    <a:pt x="8224" y="3244"/>
                    <a:pt x="8496" y="3411"/>
                  </a:cubicBezTo>
                  <a:cubicBezTo>
                    <a:pt x="8977" y="3683"/>
                    <a:pt x="9500" y="3579"/>
                    <a:pt x="9814" y="3118"/>
                  </a:cubicBezTo>
                  <a:cubicBezTo>
                    <a:pt x="10065" y="2784"/>
                    <a:pt x="10253" y="2407"/>
                    <a:pt x="10442" y="2072"/>
                  </a:cubicBezTo>
                  <a:cubicBezTo>
                    <a:pt x="10818" y="1486"/>
                    <a:pt x="10965" y="1319"/>
                    <a:pt x="10923" y="2072"/>
                  </a:cubicBezTo>
                  <a:cubicBezTo>
                    <a:pt x="10902" y="2637"/>
                    <a:pt x="11048" y="3453"/>
                    <a:pt x="11802" y="3369"/>
                  </a:cubicBezTo>
                  <a:cubicBezTo>
                    <a:pt x="12220" y="3328"/>
                    <a:pt x="12597" y="3265"/>
                    <a:pt x="12931" y="3014"/>
                  </a:cubicBezTo>
                  <a:cubicBezTo>
                    <a:pt x="13329" y="2700"/>
                    <a:pt x="13768" y="2156"/>
                    <a:pt x="14291" y="1968"/>
                  </a:cubicBezTo>
                  <a:cubicBezTo>
                    <a:pt x="14145" y="2825"/>
                    <a:pt x="13203" y="3976"/>
                    <a:pt x="12848" y="4667"/>
                  </a:cubicBezTo>
                  <a:cubicBezTo>
                    <a:pt x="12722" y="4939"/>
                    <a:pt x="13036" y="5399"/>
                    <a:pt x="13350" y="5148"/>
                  </a:cubicBezTo>
                  <a:cubicBezTo>
                    <a:pt x="13978" y="4667"/>
                    <a:pt x="14250" y="3934"/>
                    <a:pt x="14668" y="3265"/>
                  </a:cubicBezTo>
                  <a:cubicBezTo>
                    <a:pt x="15128" y="2616"/>
                    <a:pt x="15338" y="2072"/>
                    <a:pt x="15233" y="1319"/>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nvGrpSpPr>
            <p:cNvPr id="2351" name="Google Shape;2351;p74"/>
            <p:cNvGrpSpPr/>
            <p:nvPr/>
          </p:nvGrpSpPr>
          <p:grpSpPr>
            <a:xfrm>
              <a:off x="6953025" y="3691475"/>
              <a:ext cx="643950" cy="195675"/>
              <a:chOff x="806663" y="3241275"/>
              <a:chExt cx="643950" cy="195675"/>
            </a:xfrm>
          </p:grpSpPr>
          <p:sp>
            <p:nvSpPr>
              <p:cNvPr id="2352" name="Google Shape;2352;p74"/>
              <p:cNvSpPr/>
              <p:nvPr/>
            </p:nvSpPr>
            <p:spPr>
              <a:xfrm>
                <a:off x="808238" y="3264300"/>
                <a:ext cx="600025" cy="172650"/>
              </a:xfrm>
              <a:custGeom>
                <a:avLst/>
                <a:gdLst/>
                <a:ahLst/>
                <a:cxnLst/>
                <a:rect l="l" t="t" r="r" b="b"/>
                <a:pathLst>
                  <a:path w="24001" h="6906" extrusionOk="0">
                    <a:moveTo>
                      <a:pt x="22870" y="858"/>
                    </a:moveTo>
                    <a:cubicBezTo>
                      <a:pt x="22054" y="1026"/>
                      <a:pt x="21406" y="1570"/>
                      <a:pt x="20694" y="1967"/>
                    </a:cubicBezTo>
                    <a:cubicBezTo>
                      <a:pt x="20673" y="1967"/>
                      <a:pt x="20652" y="1988"/>
                      <a:pt x="20652" y="1988"/>
                    </a:cubicBezTo>
                    <a:cubicBezTo>
                      <a:pt x="19941" y="2156"/>
                      <a:pt x="19334" y="2469"/>
                      <a:pt x="18727" y="2930"/>
                    </a:cubicBezTo>
                    <a:cubicBezTo>
                      <a:pt x="18497" y="3118"/>
                      <a:pt x="18141" y="3537"/>
                      <a:pt x="17744" y="3871"/>
                    </a:cubicBezTo>
                    <a:cubicBezTo>
                      <a:pt x="18100" y="3034"/>
                      <a:pt x="18497" y="2156"/>
                      <a:pt x="17535" y="1570"/>
                    </a:cubicBezTo>
                    <a:cubicBezTo>
                      <a:pt x="17576" y="1381"/>
                      <a:pt x="17618" y="1172"/>
                      <a:pt x="17576" y="942"/>
                    </a:cubicBezTo>
                    <a:cubicBezTo>
                      <a:pt x="17556" y="377"/>
                      <a:pt x="16991" y="0"/>
                      <a:pt x="16426" y="293"/>
                    </a:cubicBezTo>
                    <a:cubicBezTo>
                      <a:pt x="15735" y="649"/>
                      <a:pt x="15317" y="1444"/>
                      <a:pt x="14961" y="2114"/>
                    </a:cubicBezTo>
                    <a:cubicBezTo>
                      <a:pt x="14815" y="2469"/>
                      <a:pt x="14647" y="2783"/>
                      <a:pt x="14501" y="3118"/>
                    </a:cubicBezTo>
                    <a:cubicBezTo>
                      <a:pt x="14333" y="2407"/>
                      <a:pt x="14082" y="1779"/>
                      <a:pt x="13287" y="1633"/>
                    </a:cubicBezTo>
                    <a:cubicBezTo>
                      <a:pt x="12952" y="1277"/>
                      <a:pt x="12408" y="1214"/>
                      <a:pt x="11990" y="1591"/>
                    </a:cubicBezTo>
                    <a:cubicBezTo>
                      <a:pt x="11341" y="2218"/>
                      <a:pt x="11467" y="3055"/>
                      <a:pt x="11404" y="3829"/>
                    </a:cubicBezTo>
                    <a:cubicBezTo>
                      <a:pt x="10714" y="3055"/>
                      <a:pt x="10149" y="2177"/>
                      <a:pt x="9165" y="1758"/>
                    </a:cubicBezTo>
                    <a:cubicBezTo>
                      <a:pt x="8684" y="1549"/>
                      <a:pt x="7910" y="1737"/>
                      <a:pt x="7847" y="2323"/>
                    </a:cubicBezTo>
                    <a:cubicBezTo>
                      <a:pt x="7575" y="2197"/>
                      <a:pt x="7261" y="2156"/>
                      <a:pt x="6885" y="2197"/>
                    </a:cubicBezTo>
                    <a:cubicBezTo>
                      <a:pt x="6592" y="2218"/>
                      <a:pt x="6257" y="2407"/>
                      <a:pt x="6110" y="2679"/>
                    </a:cubicBezTo>
                    <a:cubicBezTo>
                      <a:pt x="6069" y="2637"/>
                      <a:pt x="6027" y="2616"/>
                      <a:pt x="6006" y="2595"/>
                    </a:cubicBezTo>
                    <a:cubicBezTo>
                      <a:pt x="5315" y="2051"/>
                      <a:pt x="4562" y="1633"/>
                      <a:pt x="3704" y="1988"/>
                    </a:cubicBezTo>
                    <a:cubicBezTo>
                      <a:pt x="2783" y="2386"/>
                      <a:pt x="3851" y="3829"/>
                      <a:pt x="4980" y="5001"/>
                    </a:cubicBezTo>
                    <a:cubicBezTo>
                      <a:pt x="4353" y="4813"/>
                      <a:pt x="3725" y="4583"/>
                      <a:pt x="3181" y="4290"/>
                    </a:cubicBezTo>
                    <a:cubicBezTo>
                      <a:pt x="2344" y="3850"/>
                      <a:pt x="1403" y="3620"/>
                      <a:pt x="482" y="3850"/>
                    </a:cubicBezTo>
                    <a:cubicBezTo>
                      <a:pt x="168" y="3934"/>
                      <a:pt x="1" y="4311"/>
                      <a:pt x="189" y="4583"/>
                    </a:cubicBezTo>
                    <a:cubicBezTo>
                      <a:pt x="942" y="5817"/>
                      <a:pt x="1988" y="6152"/>
                      <a:pt x="3286" y="6654"/>
                    </a:cubicBezTo>
                    <a:cubicBezTo>
                      <a:pt x="3851" y="6884"/>
                      <a:pt x="4667" y="6905"/>
                      <a:pt x="4750" y="6152"/>
                    </a:cubicBezTo>
                    <a:cubicBezTo>
                      <a:pt x="4750" y="6089"/>
                      <a:pt x="4750" y="6068"/>
                      <a:pt x="4708" y="6026"/>
                    </a:cubicBezTo>
                    <a:cubicBezTo>
                      <a:pt x="5483" y="6257"/>
                      <a:pt x="6215" y="6550"/>
                      <a:pt x="6989" y="6759"/>
                    </a:cubicBezTo>
                    <a:cubicBezTo>
                      <a:pt x="7491" y="6884"/>
                      <a:pt x="7805" y="6466"/>
                      <a:pt x="7742" y="6068"/>
                    </a:cubicBezTo>
                    <a:cubicBezTo>
                      <a:pt x="7805" y="6131"/>
                      <a:pt x="7847" y="6152"/>
                      <a:pt x="7889" y="6194"/>
                    </a:cubicBezTo>
                    <a:cubicBezTo>
                      <a:pt x="8349" y="6675"/>
                      <a:pt x="9144" y="6361"/>
                      <a:pt x="9270" y="5775"/>
                    </a:cubicBezTo>
                    <a:cubicBezTo>
                      <a:pt x="9709" y="6047"/>
                      <a:pt x="10421" y="5880"/>
                      <a:pt x="10609" y="5441"/>
                    </a:cubicBezTo>
                    <a:cubicBezTo>
                      <a:pt x="10839" y="5713"/>
                      <a:pt x="11090" y="5943"/>
                      <a:pt x="11404" y="6152"/>
                    </a:cubicBezTo>
                    <a:cubicBezTo>
                      <a:pt x="11509" y="6194"/>
                      <a:pt x="11592" y="6257"/>
                      <a:pt x="11697" y="6257"/>
                    </a:cubicBezTo>
                    <a:cubicBezTo>
                      <a:pt x="12178" y="6717"/>
                      <a:pt x="13120" y="6654"/>
                      <a:pt x="13287" y="5859"/>
                    </a:cubicBezTo>
                    <a:cubicBezTo>
                      <a:pt x="13287" y="5817"/>
                      <a:pt x="13329" y="5775"/>
                      <a:pt x="13329" y="5734"/>
                    </a:cubicBezTo>
                    <a:cubicBezTo>
                      <a:pt x="13475" y="5880"/>
                      <a:pt x="13685" y="5985"/>
                      <a:pt x="13957" y="5985"/>
                    </a:cubicBezTo>
                    <a:cubicBezTo>
                      <a:pt x="14815" y="6068"/>
                      <a:pt x="15359" y="5315"/>
                      <a:pt x="15756" y="4625"/>
                    </a:cubicBezTo>
                    <a:cubicBezTo>
                      <a:pt x="15735" y="4792"/>
                      <a:pt x="15735" y="4918"/>
                      <a:pt x="15756" y="5085"/>
                    </a:cubicBezTo>
                    <a:cubicBezTo>
                      <a:pt x="15777" y="5420"/>
                      <a:pt x="15986" y="5817"/>
                      <a:pt x="16363" y="5859"/>
                    </a:cubicBezTo>
                    <a:cubicBezTo>
                      <a:pt x="17158" y="5985"/>
                      <a:pt x="17744" y="5734"/>
                      <a:pt x="18267" y="5336"/>
                    </a:cubicBezTo>
                    <a:cubicBezTo>
                      <a:pt x="18372" y="5399"/>
                      <a:pt x="18497" y="5420"/>
                      <a:pt x="18665" y="5399"/>
                    </a:cubicBezTo>
                    <a:cubicBezTo>
                      <a:pt x="19711" y="5252"/>
                      <a:pt x="21510" y="4415"/>
                      <a:pt x="21824" y="3244"/>
                    </a:cubicBezTo>
                    <a:cubicBezTo>
                      <a:pt x="21991" y="3139"/>
                      <a:pt x="22159" y="3034"/>
                      <a:pt x="22347" y="2930"/>
                    </a:cubicBezTo>
                    <a:cubicBezTo>
                      <a:pt x="22766" y="3578"/>
                      <a:pt x="24000" y="3432"/>
                      <a:pt x="24000" y="2469"/>
                    </a:cubicBezTo>
                    <a:lnTo>
                      <a:pt x="24000" y="1674"/>
                    </a:lnTo>
                    <a:cubicBezTo>
                      <a:pt x="24000" y="1109"/>
                      <a:pt x="23414" y="754"/>
                      <a:pt x="22870" y="858"/>
                    </a:cubicBezTo>
                    <a:close/>
                    <a:moveTo>
                      <a:pt x="4353" y="6068"/>
                    </a:moveTo>
                    <a:cubicBezTo>
                      <a:pt x="4185" y="6340"/>
                      <a:pt x="3223" y="5754"/>
                      <a:pt x="2993" y="5671"/>
                    </a:cubicBezTo>
                    <a:cubicBezTo>
                      <a:pt x="2470" y="5524"/>
                      <a:pt x="2009" y="5231"/>
                      <a:pt x="1633" y="4876"/>
                    </a:cubicBezTo>
                    <a:cubicBezTo>
                      <a:pt x="2365" y="5064"/>
                      <a:pt x="3014" y="5587"/>
                      <a:pt x="3746" y="5775"/>
                    </a:cubicBezTo>
                    <a:cubicBezTo>
                      <a:pt x="3976" y="5838"/>
                      <a:pt x="4206" y="5922"/>
                      <a:pt x="4457" y="5985"/>
                    </a:cubicBezTo>
                    <a:cubicBezTo>
                      <a:pt x="4416" y="5985"/>
                      <a:pt x="4374" y="6026"/>
                      <a:pt x="4353" y="6068"/>
                    </a:cubicBezTo>
                    <a:close/>
                  </a:path>
                </a:pathLst>
              </a:custGeom>
              <a:solidFill>
                <a:schemeClr val="accent5"/>
              </a:solidFill>
              <a:ln>
                <a:noFill/>
              </a:ln>
            </p:spPr>
            <p:txBody>
              <a:bodyPr spcFirstLastPara="1" wrap="square" lIns="91425" tIns="91425" rIns="91425" bIns="91425" anchor="ctr" anchorCtr="0">
                <a:noAutofit/>
              </a:bodyPr>
              <a:lstStyle/>
              <a:p>
                <a:endParaRPr/>
              </a:p>
            </p:txBody>
          </p:sp>
          <p:sp>
            <p:nvSpPr>
              <p:cNvPr id="2353" name="Google Shape;2353;p74"/>
              <p:cNvSpPr/>
              <p:nvPr/>
            </p:nvSpPr>
            <p:spPr>
              <a:xfrm>
                <a:off x="806663" y="3241275"/>
                <a:ext cx="643950" cy="188350"/>
              </a:xfrm>
              <a:custGeom>
                <a:avLst/>
                <a:gdLst/>
                <a:ahLst/>
                <a:cxnLst/>
                <a:rect l="l" t="t" r="r" b="b"/>
                <a:pathLst>
                  <a:path w="25758" h="7534" extrusionOk="0">
                    <a:moveTo>
                      <a:pt x="4709" y="4897"/>
                    </a:moveTo>
                    <a:cubicBezTo>
                      <a:pt x="4499" y="4583"/>
                      <a:pt x="4311" y="4332"/>
                      <a:pt x="4144" y="4060"/>
                    </a:cubicBezTo>
                    <a:cubicBezTo>
                      <a:pt x="4039" y="3872"/>
                      <a:pt x="3997" y="3704"/>
                      <a:pt x="3914" y="3474"/>
                    </a:cubicBezTo>
                    <a:cubicBezTo>
                      <a:pt x="3767" y="3098"/>
                      <a:pt x="3725" y="2679"/>
                      <a:pt x="3767" y="2261"/>
                    </a:cubicBezTo>
                    <a:cubicBezTo>
                      <a:pt x="3809" y="1633"/>
                      <a:pt x="4290" y="1214"/>
                      <a:pt x="4918" y="1361"/>
                    </a:cubicBezTo>
                    <a:cubicBezTo>
                      <a:pt x="5567" y="1528"/>
                      <a:pt x="6215" y="1675"/>
                      <a:pt x="6822" y="2051"/>
                    </a:cubicBezTo>
                    <a:cubicBezTo>
                      <a:pt x="7387" y="2386"/>
                      <a:pt x="7994" y="2700"/>
                      <a:pt x="8600" y="3014"/>
                    </a:cubicBezTo>
                    <a:cubicBezTo>
                      <a:pt x="8852" y="3139"/>
                      <a:pt x="9124" y="3223"/>
                      <a:pt x="9417" y="3328"/>
                    </a:cubicBezTo>
                    <a:cubicBezTo>
                      <a:pt x="9772" y="2993"/>
                      <a:pt x="9877" y="2595"/>
                      <a:pt x="10044" y="2240"/>
                    </a:cubicBezTo>
                    <a:cubicBezTo>
                      <a:pt x="10253" y="1779"/>
                      <a:pt x="10421" y="1319"/>
                      <a:pt x="10672" y="859"/>
                    </a:cubicBezTo>
                    <a:cubicBezTo>
                      <a:pt x="10881" y="440"/>
                      <a:pt x="11258" y="273"/>
                      <a:pt x="11760" y="273"/>
                    </a:cubicBezTo>
                    <a:cubicBezTo>
                      <a:pt x="12199" y="273"/>
                      <a:pt x="12492" y="419"/>
                      <a:pt x="12681" y="817"/>
                    </a:cubicBezTo>
                    <a:cubicBezTo>
                      <a:pt x="12890" y="1235"/>
                      <a:pt x="13099" y="1654"/>
                      <a:pt x="13329" y="2072"/>
                    </a:cubicBezTo>
                    <a:cubicBezTo>
                      <a:pt x="13413" y="2240"/>
                      <a:pt x="13538" y="2323"/>
                      <a:pt x="13664" y="2512"/>
                    </a:cubicBezTo>
                    <a:cubicBezTo>
                      <a:pt x="14187" y="1989"/>
                      <a:pt x="14710" y="1507"/>
                      <a:pt x="15212" y="1005"/>
                    </a:cubicBezTo>
                    <a:cubicBezTo>
                      <a:pt x="15484" y="712"/>
                      <a:pt x="15798" y="524"/>
                      <a:pt x="16133" y="315"/>
                    </a:cubicBezTo>
                    <a:cubicBezTo>
                      <a:pt x="16656" y="1"/>
                      <a:pt x="17200" y="1"/>
                      <a:pt x="17744" y="64"/>
                    </a:cubicBezTo>
                    <a:cubicBezTo>
                      <a:pt x="18100" y="85"/>
                      <a:pt x="18267" y="273"/>
                      <a:pt x="18330" y="629"/>
                    </a:cubicBezTo>
                    <a:cubicBezTo>
                      <a:pt x="18351" y="921"/>
                      <a:pt x="18351" y="1214"/>
                      <a:pt x="18351" y="1528"/>
                    </a:cubicBezTo>
                    <a:cubicBezTo>
                      <a:pt x="18351" y="1737"/>
                      <a:pt x="18414" y="1926"/>
                      <a:pt x="18435" y="2177"/>
                    </a:cubicBezTo>
                    <a:cubicBezTo>
                      <a:pt x="18623" y="2156"/>
                      <a:pt x="18748" y="2135"/>
                      <a:pt x="18874" y="2072"/>
                    </a:cubicBezTo>
                    <a:cubicBezTo>
                      <a:pt x="19983" y="1675"/>
                      <a:pt x="21071" y="1256"/>
                      <a:pt x="22285" y="1214"/>
                    </a:cubicBezTo>
                    <a:cubicBezTo>
                      <a:pt x="22494" y="1214"/>
                      <a:pt x="22661" y="1110"/>
                      <a:pt x="22870" y="1047"/>
                    </a:cubicBezTo>
                    <a:cubicBezTo>
                      <a:pt x="23561" y="880"/>
                      <a:pt x="24210" y="1047"/>
                      <a:pt x="24858" y="1256"/>
                    </a:cubicBezTo>
                    <a:cubicBezTo>
                      <a:pt x="24963" y="1298"/>
                      <a:pt x="25109" y="1361"/>
                      <a:pt x="25151" y="1465"/>
                    </a:cubicBezTo>
                    <a:cubicBezTo>
                      <a:pt x="25465" y="2135"/>
                      <a:pt x="25758" y="2784"/>
                      <a:pt x="25339" y="3495"/>
                    </a:cubicBezTo>
                    <a:cubicBezTo>
                      <a:pt x="25214" y="3725"/>
                      <a:pt x="25046" y="3934"/>
                      <a:pt x="24900" y="4144"/>
                    </a:cubicBezTo>
                    <a:lnTo>
                      <a:pt x="23707" y="5797"/>
                    </a:lnTo>
                    <a:cubicBezTo>
                      <a:pt x="23645" y="5922"/>
                      <a:pt x="23561" y="6027"/>
                      <a:pt x="23435" y="6131"/>
                    </a:cubicBezTo>
                    <a:cubicBezTo>
                      <a:pt x="23268" y="6257"/>
                      <a:pt x="23121" y="6257"/>
                      <a:pt x="22933" y="6152"/>
                    </a:cubicBezTo>
                    <a:cubicBezTo>
                      <a:pt x="22766" y="6048"/>
                      <a:pt x="22661" y="5901"/>
                      <a:pt x="22703" y="5713"/>
                    </a:cubicBezTo>
                    <a:cubicBezTo>
                      <a:pt x="22745" y="5462"/>
                      <a:pt x="22829" y="5253"/>
                      <a:pt x="22954" y="5043"/>
                    </a:cubicBezTo>
                    <a:cubicBezTo>
                      <a:pt x="23268" y="4562"/>
                      <a:pt x="23645" y="4081"/>
                      <a:pt x="23979" y="3621"/>
                    </a:cubicBezTo>
                    <a:cubicBezTo>
                      <a:pt x="24126" y="3411"/>
                      <a:pt x="24314" y="3202"/>
                      <a:pt x="24419" y="2951"/>
                    </a:cubicBezTo>
                    <a:cubicBezTo>
                      <a:pt x="24628" y="2533"/>
                      <a:pt x="24398" y="2114"/>
                      <a:pt x="23917" y="2051"/>
                    </a:cubicBezTo>
                    <a:cubicBezTo>
                      <a:pt x="23707" y="2010"/>
                      <a:pt x="23498" y="1989"/>
                      <a:pt x="23289" y="2010"/>
                    </a:cubicBezTo>
                    <a:cubicBezTo>
                      <a:pt x="21971" y="2219"/>
                      <a:pt x="20590" y="2386"/>
                      <a:pt x="19376" y="2951"/>
                    </a:cubicBezTo>
                    <a:cubicBezTo>
                      <a:pt x="18895" y="3202"/>
                      <a:pt x="18414" y="3223"/>
                      <a:pt x="17912" y="3160"/>
                    </a:cubicBezTo>
                    <a:cubicBezTo>
                      <a:pt x="17514" y="3118"/>
                      <a:pt x="17326" y="2930"/>
                      <a:pt x="17305" y="2512"/>
                    </a:cubicBezTo>
                    <a:cubicBezTo>
                      <a:pt x="17284" y="2198"/>
                      <a:pt x="17305" y="1863"/>
                      <a:pt x="17305" y="1549"/>
                    </a:cubicBezTo>
                    <a:cubicBezTo>
                      <a:pt x="17305" y="1382"/>
                      <a:pt x="17263" y="1214"/>
                      <a:pt x="17221" y="1005"/>
                    </a:cubicBezTo>
                    <a:cubicBezTo>
                      <a:pt x="16656" y="1068"/>
                      <a:pt x="16259" y="1319"/>
                      <a:pt x="15903" y="1675"/>
                    </a:cubicBezTo>
                    <a:cubicBezTo>
                      <a:pt x="15443" y="2156"/>
                      <a:pt x="14982" y="2595"/>
                      <a:pt x="14543" y="3056"/>
                    </a:cubicBezTo>
                    <a:cubicBezTo>
                      <a:pt x="14375" y="3223"/>
                      <a:pt x="14250" y="3349"/>
                      <a:pt x="14082" y="3474"/>
                    </a:cubicBezTo>
                    <a:cubicBezTo>
                      <a:pt x="13643" y="3767"/>
                      <a:pt x="13078" y="3662"/>
                      <a:pt x="12806" y="3223"/>
                    </a:cubicBezTo>
                    <a:cubicBezTo>
                      <a:pt x="12555" y="2805"/>
                      <a:pt x="12346" y="2323"/>
                      <a:pt x="12095" y="1884"/>
                    </a:cubicBezTo>
                    <a:cubicBezTo>
                      <a:pt x="11990" y="1675"/>
                      <a:pt x="11865" y="1486"/>
                      <a:pt x="11718" y="1235"/>
                    </a:cubicBezTo>
                    <a:cubicBezTo>
                      <a:pt x="11572" y="1361"/>
                      <a:pt x="11446" y="1465"/>
                      <a:pt x="11404" y="1570"/>
                    </a:cubicBezTo>
                    <a:cubicBezTo>
                      <a:pt x="11237" y="1905"/>
                      <a:pt x="11090" y="2282"/>
                      <a:pt x="10923" y="2616"/>
                    </a:cubicBezTo>
                    <a:cubicBezTo>
                      <a:pt x="10735" y="3014"/>
                      <a:pt x="10588" y="3432"/>
                      <a:pt x="10358" y="3830"/>
                    </a:cubicBezTo>
                    <a:cubicBezTo>
                      <a:pt x="10065" y="4311"/>
                      <a:pt x="9689" y="4458"/>
                      <a:pt x="9145" y="4290"/>
                    </a:cubicBezTo>
                    <a:cubicBezTo>
                      <a:pt x="8789" y="4186"/>
                      <a:pt x="8412" y="4039"/>
                      <a:pt x="8077" y="3872"/>
                    </a:cubicBezTo>
                    <a:cubicBezTo>
                      <a:pt x="7450" y="3558"/>
                      <a:pt x="6822" y="3202"/>
                      <a:pt x="6215" y="2846"/>
                    </a:cubicBezTo>
                    <a:cubicBezTo>
                      <a:pt x="5713" y="2574"/>
                      <a:pt x="5232" y="2407"/>
                      <a:pt x="4667" y="2219"/>
                    </a:cubicBezTo>
                    <a:cubicBezTo>
                      <a:pt x="4499" y="2846"/>
                      <a:pt x="4709" y="3349"/>
                      <a:pt x="4981" y="3788"/>
                    </a:cubicBezTo>
                    <a:cubicBezTo>
                      <a:pt x="5378" y="4353"/>
                      <a:pt x="5818" y="4834"/>
                      <a:pt x="6278" y="5357"/>
                    </a:cubicBezTo>
                    <a:cubicBezTo>
                      <a:pt x="6445" y="5608"/>
                      <a:pt x="6696" y="5776"/>
                      <a:pt x="7010" y="5839"/>
                    </a:cubicBezTo>
                    <a:cubicBezTo>
                      <a:pt x="7387" y="5922"/>
                      <a:pt x="7575" y="6299"/>
                      <a:pt x="7847" y="6571"/>
                    </a:cubicBezTo>
                    <a:cubicBezTo>
                      <a:pt x="7952" y="6675"/>
                      <a:pt x="7952" y="6968"/>
                      <a:pt x="7889" y="7136"/>
                    </a:cubicBezTo>
                    <a:cubicBezTo>
                      <a:pt x="7847" y="7429"/>
                      <a:pt x="7471" y="7533"/>
                      <a:pt x="7282" y="7324"/>
                    </a:cubicBezTo>
                    <a:cubicBezTo>
                      <a:pt x="6906" y="6822"/>
                      <a:pt x="6299" y="6613"/>
                      <a:pt x="5797" y="6278"/>
                    </a:cubicBezTo>
                    <a:cubicBezTo>
                      <a:pt x="5023" y="5755"/>
                      <a:pt x="4102" y="5671"/>
                      <a:pt x="3265" y="5336"/>
                    </a:cubicBezTo>
                    <a:cubicBezTo>
                      <a:pt x="2867" y="5190"/>
                      <a:pt x="2407" y="5085"/>
                      <a:pt x="1821" y="5106"/>
                    </a:cubicBezTo>
                    <a:cubicBezTo>
                      <a:pt x="2093" y="5420"/>
                      <a:pt x="2302" y="5650"/>
                      <a:pt x="2470" y="5922"/>
                    </a:cubicBezTo>
                    <a:cubicBezTo>
                      <a:pt x="2658" y="6152"/>
                      <a:pt x="2826" y="6383"/>
                      <a:pt x="2972" y="6655"/>
                    </a:cubicBezTo>
                    <a:cubicBezTo>
                      <a:pt x="2993" y="6696"/>
                      <a:pt x="2972" y="6864"/>
                      <a:pt x="2930" y="6885"/>
                    </a:cubicBezTo>
                    <a:cubicBezTo>
                      <a:pt x="2846" y="6927"/>
                      <a:pt x="2679" y="7010"/>
                      <a:pt x="2616" y="6989"/>
                    </a:cubicBezTo>
                    <a:cubicBezTo>
                      <a:pt x="2365" y="6864"/>
                      <a:pt x="2156" y="6696"/>
                      <a:pt x="1947" y="6550"/>
                    </a:cubicBezTo>
                    <a:cubicBezTo>
                      <a:pt x="1486" y="6173"/>
                      <a:pt x="1089" y="5734"/>
                      <a:pt x="566" y="5441"/>
                    </a:cubicBezTo>
                    <a:cubicBezTo>
                      <a:pt x="440" y="5399"/>
                      <a:pt x="357" y="5253"/>
                      <a:pt x="252" y="5127"/>
                    </a:cubicBezTo>
                    <a:cubicBezTo>
                      <a:pt x="1" y="4771"/>
                      <a:pt x="147" y="4186"/>
                      <a:pt x="691" y="4165"/>
                    </a:cubicBezTo>
                    <a:cubicBezTo>
                      <a:pt x="1800" y="4102"/>
                      <a:pt x="2867" y="4269"/>
                      <a:pt x="3872" y="4771"/>
                    </a:cubicBezTo>
                    <a:cubicBezTo>
                      <a:pt x="4102" y="4876"/>
                      <a:pt x="4332" y="5023"/>
                      <a:pt x="4709" y="489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grpSp>
          <p:nvGrpSpPr>
            <p:cNvPr id="2354" name="Google Shape;2354;p74"/>
            <p:cNvGrpSpPr/>
            <p:nvPr/>
          </p:nvGrpSpPr>
          <p:grpSpPr>
            <a:xfrm rot="605099" flipH="1">
              <a:off x="4236635" y="1677296"/>
              <a:ext cx="279336" cy="312809"/>
              <a:chOff x="1835200" y="3337050"/>
              <a:chExt cx="279350" cy="312825"/>
            </a:xfrm>
          </p:grpSpPr>
          <p:sp>
            <p:nvSpPr>
              <p:cNvPr id="2355" name="Google Shape;2355;p74"/>
              <p:cNvSpPr/>
              <p:nvPr/>
            </p:nvSpPr>
            <p:spPr>
              <a:xfrm>
                <a:off x="1835200" y="3337050"/>
                <a:ext cx="64900" cy="154325"/>
              </a:xfrm>
              <a:custGeom>
                <a:avLst/>
                <a:gdLst/>
                <a:ahLst/>
                <a:cxnLst/>
                <a:rect l="l" t="t" r="r" b="b"/>
                <a:pathLst>
                  <a:path w="2596" h="6173" extrusionOk="0">
                    <a:moveTo>
                      <a:pt x="2595" y="795"/>
                    </a:moveTo>
                    <a:cubicBezTo>
                      <a:pt x="2574" y="942"/>
                      <a:pt x="2511" y="1172"/>
                      <a:pt x="2449" y="1381"/>
                    </a:cubicBezTo>
                    <a:lnTo>
                      <a:pt x="1967" y="3034"/>
                    </a:lnTo>
                    <a:cubicBezTo>
                      <a:pt x="1779" y="3599"/>
                      <a:pt x="1549" y="4143"/>
                      <a:pt x="1361" y="4729"/>
                    </a:cubicBezTo>
                    <a:cubicBezTo>
                      <a:pt x="1277" y="4959"/>
                      <a:pt x="1214" y="5189"/>
                      <a:pt x="1130" y="5461"/>
                    </a:cubicBezTo>
                    <a:cubicBezTo>
                      <a:pt x="1110" y="5566"/>
                      <a:pt x="1089" y="5691"/>
                      <a:pt x="1047" y="5796"/>
                    </a:cubicBezTo>
                    <a:cubicBezTo>
                      <a:pt x="963" y="6005"/>
                      <a:pt x="838" y="6131"/>
                      <a:pt x="607" y="6173"/>
                    </a:cubicBezTo>
                    <a:cubicBezTo>
                      <a:pt x="398" y="6173"/>
                      <a:pt x="231" y="6068"/>
                      <a:pt x="168" y="5859"/>
                    </a:cubicBezTo>
                    <a:cubicBezTo>
                      <a:pt x="63" y="5545"/>
                      <a:pt x="1" y="5252"/>
                      <a:pt x="105" y="4938"/>
                    </a:cubicBezTo>
                    <a:cubicBezTo>
                      <a:pt x="168" y="4771"/>
                      <a:pt x="252" y="4624"/>
                      <a:pt x="314" y="4457"/>
                    </a:cubicBezTo>
                    <a:cubicBezTo>
                      <a:pt x="628" y="3871"/>
                      <a:pt x="838" y="3201"/>
                      <a:pt x="1026" y="2532"/>
                    </a:cubicBezTo>
                    <a:cubicBezTo>
                      <a:pt x="1193" y="2030"/>
                      <a:pt x="1361" y="1569"/>
                      <a:pt x="1528" y="1088"/>
                    </a:cubicBezTo>
                    <a:cubicBezTo>
                      <a:pt x="1612" y="858"/>
                      <a:pt x="1654" y="586"/>
                      <a:pt x="1737" y="356"/>
                    </a:cubicBezTo>
                    <a:cubicBezTo>
                      <a:pt x="1821" y="147"/>
                      <a:pt x="1988" y="0"/>
                      <a:pt x="2177" y="21"/>
                    </a:cubicBezTo>
                    <a:cubicBezTo>
                      <a:pt x="2386" y="63"/>
                      <a:pt x="2511" y="230"/>
                      <a:pt x="2532" y="440"/>
                    </a:cubicBezTo>
                    <a:cubicBezTo>
                      <a:pt x="2532" y="460"/>
                      <a:pt x="2574" y="586"/>
                      <a:pt x="2595" y="79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56" name="Google Shape;2356;p74"/>
              <p:cNvSpPr/>
              <p:nvPr/>
            </p:nvSpPr>
            <p:spPr>
              <a:xfrm>
                <a:off x="1948725" y="3612700"/>
                <a:ext cx="165825" cy="37175"/>
              </a:xfrm>
              <a:custGeom>
                <a:avLst/>
                <a:gdLst/>
                <a:ahLst/>
                <a:cxnLst/>
                <a:rect l="l" t="t" r="r" b="b"/>
                <a:pathLst>
                  <a:path w="6633" h="1487" extrusionOk="0">
                    <a:moveTo>
                      <a:pt x="2260" y="1466"/>
                    </a:moveTo>
                    <a:cubicBezTo>
                      <a:pt x="1653" y="1382"/>
                      <a:pt x="1088" y="1340"/>
                      <a:pt x="481" y="1256"/>
                    </a:cubicBezTo>
                    <a:cubicBezTo>
                      <a:pt x="377" y="1235"/>
                      <a:pt x="272" y="1214"/>
                      <a:pt x="167" y="1152"/>
                    </a:cubicBezTo>
                    <a:cubicBezTo>
                      <a:pt x="21" y="1068"/>
                      <a:pt x="0" y="817"/>
                      <a:pt x="146" y="733"/>
                    </a:cubicBezTo>
                    <a:cubicBezTo>
                      <a:pt x="272" y="649"/>
                      <a:pt x="398" y="608"/>
                      <a:pt x="544" y="587"/>
                    </a:cubicBezTo>
                    <a:cubicBezTo>
                      <a:pt x="1109" y="524"/>
                      <a:pt x="1653" y="440"/>
                      <a:pt x="2239" y="419"/>
                    </a:cubicBezTo>
                    <a:cubicBezTo>
                      <a:pt x="2846" y="398"/>
                      <a:pt x="3411" y="398"/>
                      <a:pt x="4017" y="273"/>
                    </a:cubicBezTo>
                    <a:cubicBezTo>
                      <a:pt x="4582" y="126"/>
                      <a:pt x="5189" y="85"/>
                      <a:pt x="5796" y="22"/>
                    </a:cubicBezTo>
                    <a:cubicBezTo>
                      <a:pt x="5984" y="1"/>
                      <a:pt x="6193" y="64"/>
                      <a:pt x="6361" y="105"/>
                    </a:cubicBezTo>
                    <a:cubicBezTo>
                      <a:pt x="6612" y="189"/>
                      <a:pt x="6633" y="524"/>
                      <a:pt x="6445" y="691"/>
                    </a:cubicBezTo>
                    <a:cubicBezTo>
                      <a:pt x="6361" y="754"/>
                      <a:pt x="6277" y="817"/>
                      <a:pt x="6152" y="859"/>
                    </a:cubicBezTo>
                    <a:cubicBezTo>
                      <a:pt x="5900" y="942"/>
                      <a:pt x="5608" y="1068"/>
                      <a:pt x="5356" y="1110"/>
                    </a:cubicBezTo>
                    <a:cubicBezTo>
                      <a:pt x="4310" y="1173"/>
                      <a:pt x="3306" y="1486"/>
                      <a:pt x="2260" y="146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57" name="Google Shape;2357;p74"/>
              <p:cNvSpPr/>
              <p:nvPr/>
            </p:nvSpPr>
            <p:spPr>
              <a:xfrm>
                <a:off x="1926750" y="3445325"/>
                <a:ext cx="122425" cy="81100"/>
              </a:xfrm>
              <a:custGeom>
                <a:avLst/>
                <a:gdLst/>
                <a:ahLst/>
                <a:cxnLst/>
                <a:rect l="l" t="t" r="r" b="b"/>
                <a:pathLst>
                  <a:path w="4897" h="3244" extrusionOk="0">
                    <a:moveTo>
                      <a:pt x="4373" y="0"/>
                    </a:moveTo>
                    <a:cubicBezTo>
                      <a:pt x="4415" y="21"/>
                      <a:pt x="4562" y="63"/>
                      <a:pt x="4624" y="84"/>
                    </a:cubicBezTo>
                    <a:cubicBezTo>
                      <a:pt x="4855" y="189"/>
                      <a:pt x="4896" y="502"/>
                      <a:pt x="4729" y="649"/>
                    </a:cubicBezTo>
                    <a:cubicBezTo>
                      <a:pt x="4708" y="712"/>
                      <a:pt x="4666" y="733"/>
                      <a:pt x="4603" y="754"/>
                    </a:cubicBezTo>
                    <a:cubicBezTo>
                      <a:pt x="3515" y="1528"/>
                      <a:pt x="2427" y="2302"/>
                      <a:pt x="1235" y="2909"/>
                    </a:cubicBezTo>
                    <a:cubicBezTo>
                      <a:pt x="1005" y="3013"/>
                      <a:pt x="753" y="3118"/>
                      <a:pt x="523" y="3202"/>
                    </a:cubicBezTo>
                    <a:cubicBezTo>
                      <a:pt x="356" y="3243"/>
                      <a:pt x="168" y="3202"/>
                      <a:pt x="84" y="3034"/>
                    </a:cubicBezTo>
                    <a:cubicBezTo>
                      <a:pt x="42" y="2909"/>
                      <a:pt x="0" y="2699"/>
                      <a:pt x="63" y="2574"/>
                    </a:cubicBezTo>
                    <a:cubicBezTo>
                      <a:pt x="147" y="2407"/>
                      <a:pt x="314" y="2260"/>
                      <a:pt x="481" y="2176"/>
                    </a:cubicBezTo>
                    <a:cubicBezTo>
                      <a:pt x="942" y="1883"/>
                      <a:pt x="1465" y="1632"/>
                      <a:pt x="1946" y="1298"/>
                    </a:cubicBezTo>
                    <a:cubicBezTo>
                      <a:pt x="2406" y="1026"/>
                      <a:pt x="2867" y="733"/>
                      <a:pt x="3306" y="419"/>
                    </a:cubicBezTo>
                    <a:cubicBezTo>
                      <a:pt x="3641" y="210"/>
                      <a:pt x="3955" y="21"/>
                      <a:pt x="4373" y="0"/>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
          <p:nvSpPr>
            <p:cNvPr id="2358" name="Google Shape;2358;p74"/>
            <p:cNvSpPr/>
            <p:nvPr/>
          </p:nvSpPr>
          <p:spPr>
            <a:xfrm>
              <a:off x="5961663" y="2173725"/>
              <a:ext cx="383450" cy="145450"/>
            </a:xfrm>
            <a:custGeom>
              <a:avLst/>
              <a:gdLst/>
              <a:ahLst/>
              <a:cxnLst/>
              <a:rect l="l" t="t" r="r" b="b"/>
              <a:pathLst>
                <a:path w="15338" h="5818" extrusionOk="0">
                  <a:moveTo>
                    <a:pt x="15233" y="1319"/>
                  </a:moveTo>
                  <a:cubicBezTo>
                    <a:pt x="15212" y="1193"/>
                    <a:pt x="15066" y="1026"/>
                    <a:pt x="14919" y="1005"/>
                  </a:cubicBezTo>
                  <a:cubicBezTo>
                    <a:pt x="14396" y="921"/>
                    <a:pt x="14019" y="1026"/>
                    <a:pt x="13538" y="1298"/>
                  </a:cubicBezTo>
                  <a:cubicBezTo>
                    <a:pt x="13245" y="1444"/>
                    <a:pt x="11885" y="2721"/>
                    <a:pt x="11948" y="2051"/>
                  </a:cubicBezTo>
                  <a:cubicBezTo>
                    <a:pt x="11969" y="1361"/>
                    <a:pt x="11906" y="335"/>
                    <a:pt x="11006" y="335"/>
                  </a:cubicBezTo>
                  <a:cubicBezTo>
                    <a:pt x="10211" y="335"/>
                    <a:pt x="9646" y="1570"/>
                    <a:pt x="9291" y="2114"/>
                  </a:cubicBezTo>
                  <a:cubicBezTo>
                    <a:pt x="9019" y="2637"/>
                    <a:pt x="8977" y="2616"/>
                    <a:pt x="8747" y="2072"/>
                  </a:cubicBezTo>
                  <a:cubicBezTo>
                    <a:pt x="8621" y="1758"/>
                    <a:pt x="8496" y="1444"/>
                    <a:pt x="8224" y="1235"/>
                  </a:cubicBezTo>
                  <a:cubicBezTo>
                    <a:pt x="7596" y="712"/>
                    <a:pt x="6843" y="1340"/>
                    <a:pt x="6466" y="1863"/>
                  </a:cubicBezTo>
                  <a:cubicBezTo>
                    <a:pt x="6340" y="2051"/>
                    <a:pt x="6236" y="2281"/>
                    <a:pt x="6110" y="2491"/>
                  </a:cubicBezTo>
                  <a:cubicBezTo>
                    <a:pt x="5713" y="3118"/>
                    <a:pt x="5378" y="2281"/>
                    <a:pt x="5085" y="2114"/>
                  </a:cubicBezTo>
                  <a:cubicBezTo>
                    <a:pt x="4499" y="1800"/>
                    <a:pt x="3746" y="963"/>
                    <a:pt x="3160" y="817"/>
                  </a:cubicBezTo>
                  <a:cubicBezTo>
                    <a:pt x="1" y="1"/>
                    <a:pt x="4102" y="4897"/>
                    <a:pt x="4708" y="5545"/>
                  </a:cubicBezTo>
                  <a:cubicBezTo>
                    <a:pt x="4939" y="5817"/>
                    <a:pt x="5357" y="5420"/>
                    <a:pt x="5085" y="5148"/>
                  </a:cubicBezTo>
                  <a:cubicBezTo>
                    <a:pt x="4520" y="4520"/>
                    <a:pt x="3997" y="3830"/>
                    <a:pt x="3495" y="3139"/>
                  </a:cubicBezTo>
                  <a:cubicBezTo>
                    <a:pt x="3286" y="2825"/>
                    <a:pt x="3055" y="2532"/>
                    <a:pt x="2846" y="2219"/>
                  </a:cubicBezTo>
                  <a:cubicBezTo>
                    <a:pt x="2700" y="2009"/>
                    <a:pt x="2135" y="1277"/>
                    <a:pt x="2637" y="1444"/>
                  </a:cubicBezTo>
                  <a:cubicBezTo>
                    <a:pt x="3160" y="1591"/>
                    <a:pt x="3892" y="2407"/>
                    <a:pt x="4353" y="2721"/>
                  </a:cubicBezTo>
                  <a:cubicBezTo>
                    <a:pt x="4729" y="2951"/>
                    <a:pt x="5169" y="3746"/>
                    <a:pt x="5629" y="3746"/>
                  </a:cubicBezTo>
                  <a:cubicBezTo>
                    <a:pt x="6738" y="3746"/>
                    <a:pt x="6843" y="2595"/>
                    <a:pt x="7575" y="2072"/>
                  </a:cubicBezTo>
                  <a:cubicBezTo>
                    <a:pt x="7617" y="2009"/>
                    <a:pt x="8224" y="3244"/>
                    <a:pt x="8496" y="3411"/>
                  </a:cubicBezTo>
                  <a:cubicBezTo>
                    <a:pt x="8977" y="3683"/>
                    <a:pt x="9500" y="3579"/>
                    <a:pt x="9814" y="3118"/>
                  </a:cubicBezTo>
                  <a:cubicBezTo>
                    <a:pt x="10065" y="2784"/>
                    <a:pt x="10253" y="2407"/>
                    <a:pt x="10442" y="2072"/>
                  </a:cubicBezTo>
                  <a:cubicBezTo>
                    <a:pt x="10818" y="1486"/>
                    <a:pt x="10965" y="1319"/>
                    <a:pt x="10923" y="2072"/>
                  </a:cubicBezTo>
                  <a:cubicBezTo>
                    <a:pt x="10902" y="2637"/>
                    <a:pt x="11048" y="3453"/>
                    <a:pt x="11802" y="3369"/>
                  </a:cubicBezTo>
                  <a:cubicBezTo>
                    <a:pt x="12220" y="3328"/>
                    <a:pt x="12597" y="3265"/>
                    <a:pt x="12931" y="3014"/>
                  </a:cubicBezTo>
                  <a:cubicBezTo>
                    <a:pt x="13329" y="2700"/>
                    <a:pt x="13768" y="2156"/>
                    <a:pt x="14291" y="1968"/>
                  </a:cubicBezTo>
                  <a:cubicBezTo>
                    <a:pt x="14145" y="2825"/>
                    <a:pt x="13203" y="3976"/>
                    <a:pt x="12848" y="4667"/>
                  </a:cubicBezTo>
                  <a:cubicBezTo>
                    <a:pt x="12722" y="4939"/>
                    <a:pt x="13036" y="5399"/>
                    <a:pt x="13350" y="5148"/>
                  </a:cubicBezTo>
                  <a:cubicBezTo>
                    <a:pt x="13978" y="4667"/>
                    <a:pt x="14250" y="3934"/>
                    <a:pt x="14668" y="3265"/>
                  </a:cubicBezTo>
                  <a:cubicBezTo>
                    <a:pt x="15128" y="2616"/>
                    <a:pt x="15338" y="2072"/>
                    <a:pt x="15233" y="1319"/>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nvGrpSpPr>
            <p:cNvPr id="2359" name="Google Shape;2359;p74"/>
            <p:cNvGrpSpPr/>
            <p:nvPr/>
          </p:nvGrpSpPr>
          <p:grpSpPr>
            <a:xfrm>
              <a:off x="5254388" y="1293275"/>
              <a:ext cx="288250" cy="266800"/>
              <a:chOff x="7797563" y="3645950"/>
              <a:chExt cx="288250" cy="266800"/>
            </a:xfrm>
          </p:grpSpPr>
          <p:sp>
            <p:nvSpPr>
              <p:cNvPr id="2360" name="Google Shape;2360;p74"/>
              <p:cNvSpPr/>
              <p:nvPr/>
            </p:nvSpPr>
            <p:spPr>
              <a:xfrm>
                <a:off x="7797563" y="3645950"/>
                <a:ext cx="288250" cy="266800"/>
              </a:xfrm>
              <a:custGeom>
                <a:avLst/>
                <a:gdLst/>
                <a:ahLst/>
                <a:cxnLst/>
                <a:rect l="l" t="t" r="r" b="b"/>
                <a:pathLst>
                  <a:path w="11530" h="10672" extrusionOk="0">
                    <a:moveTo>
                      <a:pt x="9709" y="7847"/>
                    </a:moveTo>
                    <a:cubicBezTo>
                      <a:pt x="10484" y="7491"/>
                      <a:pt x="11530" y="6592"/>
                      <a:pt x="11069" y="5608"/>
                    </a:cubicBezTo>
                    <a:cubicBezTo>
                      <a:pt x="10546" y="4478"/>
                      <a:pt x="9019" y="3098"/>
                      <a:pt x="7638" y="3014"/>
                    </a:cubicBezTo>
                    <a:cubicBezTo>
                      <a:pt x="8098" y="1863"/>
                      <a:pt x="7931" y="503"/>
                      <a:pt x="6404" y="189"/>
                    </a:cubicBezTo>
                    <a:cubicBezTo>
                      <a:pt x="5588" y="1"/>
                      <a:pt x="4960" y="608"/>
                      <a:pt x="4562" y="1235"/>
                    </a:cubicBezTo>
                    <a:cubicBezTo>
                      <a:pt x="4207" y="1779"/>
                      <a:pt x="4039" y="2177"/>
                      <a:pt x="4290" y="2616"/>
                    </a:cubicBezTo>
                    <a:cubicBezTo>
                      <a:pt x="4248" y="2658"/>
                      <a:pt x="4207" y="2679"/>
                      <a:pt x="4186" y="2700"/>
                    </a:cubicBezTo>
                    <a:cubicBezTo>
                      <a:pt x="4144" y="2302"/>
                      <a:pt x="3725" y="1842"/>
                      <a:pt x="3391" y="1758"/>
                    </a:cubicBezTo>
                    <a:cubicBezTo>
                      <a:pt x="2763" y="1612"/>
                      <a:pt x="1570" y="1549"/>
                      <a:pt x="984" y="1842"/>
                    </a:cubicBezTo>
                    <a:cubicBezTo>
                      <a:pt x="231" y="2219"/>
                      <a:pt x="1" y="3118"/>
                      <a:pt x="378" y="3872"/>
                    </a:cubicBezTo>
                    <a:cubicBezTo>
                      <a:pt x="587" y="4290"/>
                      <a:pt x="901" y="4625"/>
                      <a:pt x="1235" y="5002"/>
                    </a:cubicBezTo>
                    <a:cubicBezTo>
                      <a:pt x="1340" y="5127"/>
                      <a:pt x="1466" y="5211"/>
                      <a:pt x="1591" y="5232"/>
                    </a:cubicBezTo>
                    <a:cubicBezTo>
                      <a:pt x="1005" y="5608"/>
                      <a:pt x="482" y="5985"/>
                      <a:pt x="419" y="6780"/>
                    </a:cubicBezTo>
                    <a:cubicBezTo>
                      <a:pt x="336" y="7596"/>
                      <a:pt x="608" y="8433"/>
                      <a:pt x="1424" y="8684"/>
                    </a:cubicBezTo>
                    <a:cubicBezTo>
                      <a:pt x="1926" y="8852"/>
                      <a:pt x="2658" y="8747"/>
                      <a:pt x="3244" y="8433"/>
                    </a:cubicBezTo>
                    <a:cubicBezTo>
                      <a:pt x="3704" y="9375"/>
                      <a:pt x="4855" y="10212"/>
                      <a:pt x="5713" y="10442"/>
                    </a:cubicBezTo>
                    <a:cubicBezTo>
                      <a:pt x="6592" y="10672"/>
                      <a:pt x="7324" y="10212"/>
                      <a:pt x="7575" y="9396"/>
                    </a:cubicBezTo>
                    <a:cubicBezTo>
                      <a:pt x="7701" y="8977"/>
                      <a:pt x="7680" y="8454"/>
                      <a:pt x="7554" y="7973"/>
                    </a:cubicBezTo>
                    <a:cubicBezTo>
                      <a:pt x="8287" y="8140"/>
                      <a:pt x="9019" y="8161"/>
                      <a:pt x="9709" y="7847"/>
                    </a:cubicBezTo>
                    <a:close/>
                    <a:moveTo>
                      <a:pt x="5588" y="4541"/>
                    </a:moveTo>
                    <a:cubicBezTo>
                      <a:pt x="6152" y="5085"/>
                      <a:pt x="6111" y="5608"/>
                      <a:pt x="5378" y="5943"/>
                    </a:cubicBezTo>
                    <a:cubicBezTo>
                      <a:pt x="4730" y="6257"/>
                      <a:pt x="3976" y="5755"/>
                      <a:pt x="3642" y="5211"/>
                    </a:cubicBezTo>
                    <a:cubicBezTo>
                      <a:pt x="3349" y="4709"/>
                      <a:pt x="3704" y="4248"/>
                      <a:pt x="4186" y="4144"/>
                    </a:cubicBezTo>
                    <a:cubicBezTo>
                      <a:pt x="4479" y="4081"/>
                      <a:pt x="4730" y="4060"/>
                      <a:pt x="5002" y="3976"/>
                    </a:cubicBezTo>
                    <a:cubicBezTo>
                      <a:pt x="5253" y="4165"/>
                      <a:pt x="5462" y="4437"/>
                      <a:pt x="5588" y="4541"/>
                    </a:cubicBezTo>
                    <a:close/>
                    <a:moveTo>
                      <a:pt x="1779" y="7889"/>
                    </a:moveTo>
                    <a:cubicBezTo>
                      <a:pt x="984" y="7847"/>
                      <a:pt x="1235" y="6655"/>
                      <a:pt x="1570" y="6257"/>
                    </a:cubicBezTo>
                    <a:cubicBezTo>
                      <a:pt x="1884" y="5922"/>
                      <a:pt x="2407" y="5734"/>
                      <a:pt x="2763" y="5441"/>
                    </a:cubicBezTo>
                    <a:cubicBezTo>
                      <a:pt x="2951" y="5839"/>
                      <a:pt x="3265" y="6173"/>
                      <a:pt x="3600" y="6424"/>
                    </a:cubicBezTo>
                    <a:cubicBezTo>
                      <a:pt x="3558" y="6445"/>
                      <a:pt x="3495" y="6466"/>
                      <a:pt x="3474" y="6487"/>
                    </a:cubicBezTo>
                    <a:cubicBezTo>
                      <a:pt x="3160" y="6843"/>
                      <a:pt x="3035" y="7199"/>
                      <a:pt x="3035" y="7575"/>
                    </a:cubicBezTo>
                    <a:cubicBezTo>
                      <a:pt x="2616" y="7805"/>
                      <a:pt x="1947" y="7910"/>
                      <a:pt x="1779" y="7889"/>
                    </a:cubicBezTo>
                    <a:close/>
                    <a:moveTo>
                      <a:pt x="5671" y="9521"/>
                    </a:moveTo>
                    <a:cubicBezTo>
                      <a:pt x="5211" y="9375"/>
                      <a:pt x="4186" y="8621"/>
                      <a:pt x="3914" y="7931"/>
                    </a:cubicBezTo>
                    <a:cubicBezTo>
                      <a:pt x="4207" y="7596"/>
                      <a:pt x="4332" y="7199"/>
                      <a:pt x="4186" y="6759"/>
                    </a:cubicBezTo>
                    <a:cubicBezTo>
                      <a:pt x="4646" y="6906"/>
                      <a:pt x="5148" y="6947"/>
                      <a:pt x="5608" y="6738"/>
                    </a:cubicBezTo>
                    <a:cubicBezTo>
                      <a:pt x="5755" y="6675"/>
                      <a:pt x="5860" y="6634"/>
                      <a:pt x="5964" y="6550"/>
                    </a:cubicBezTo>
                    <a:cubicBezTo>
                      <a:pt x="5964" y="6613"/>
                      <a:pt x="5985" y="6738"/>
                      <a:pt x="6027" y="6801"/>
                    </a:cubicBezTo>
                    <a:cubicBezTo>
                      <a:pt x="6571" y="7575"/>
                      <a:pt x="7533" y="10191"/>
                      <a:pt x="5671" y="9521"/>
                    </a:cubicBezTo>
                    <a:close/>
                    <a:moveTo>
                      <a:pt x="8893" y="7115"/>
                    </a:moveTo>
                    <a:cubicBezTo>
                      <a:pt x="8370" y="7219"/>
                      <a:pt x="7764" y="7094"/>
                      <a:pt x="7220" y="7052"/>
                    </a:cubicBezTo>
                    <a:cubicBezTo>
                      <a:pt x="7052" y="6738"/>
                      <a:pt x="6843" y="6466"/>
                      <a:pt x="6655" y="6257"/>
                    </a:cubicBezTo>
                    <a:cubicBezTo>
                      <a:pt x="6592" y="6173"/>
                      <a:pt x="6508" y="6131"/>
                      <a:pt x="6424" y="6131"/>
                    </a:cubicBezTo>
                    <a:cubicBezTo>
                      <a:pt x="7052" y="5294"/>
                      <a:pt x="6236" y="4227"/>
                      <a:pt x="5441" y="3704"/>
                    </a:cubicBezTo>
                    <a:cubicBezTo>
                      <a:pt x="5462" y="3537"/>
                      <a:pt x="5378" y="3390"/>
                      <a:pt x="5211" y="3349"/>
                    </a:cubicBezTo>
                    <a:cubicBezTo>
                      <a:pt x="4541" y="3307"/>
                      <a:pt x="3767" y="3118"/>
                      <a:pt x="3223" y="3642"/>
                    </a:cubicBezTo>
                    <a:cubicBezTo>
                      <a:pt x="2930" y="3914"/>
                      <a:pt x="2721" y="4290"/>
                      <a:pt x="2658" y="4709"/>
                    </a:cubicBezTo>
                    <a:cubicBezTo>
                      <a:pt x="2428" y="4604"/>
                      <a:pt x="2030" y="4583"/>
                      <a:pt x="1905" y="4395"/>
                    </a:cubicBezTo>
                    <a:cubicBezTo>
                      <a:pt x="1507" y="3955"/>
                      <a:pt x="1194" y="3662"/>
                      <a:pt x="1131" y="2993"/>
                    </a:cubicBezTo>
                    <a:cubicBezTo>
                      <a:pt x="1047" y="2344"/>
                      <a:pt x="3893" y="2093"/>
                      <a:pt x="3914" y="2972"/>
                    </a:cubicBezTo>
                    <a:cubicBezTo>
                      <a:pt x="3914" y="3035"/>
                      <a:pt x="3976" y="3077"/>
                      <a:pt x="4060" y="3077"/>
                    </a:cubicBezTo>
                    <a:cubicBezTo>
                      <a:pt x="4060" y="3118"/>
                      <a:pt x="4081" y="3139"/>
                      <a:pt x="4102" y="3181"/>
                    </a:cubicBezTo>
                    <a:cubicBezTo>
                      <a:pt x="4207" y="3307"/>
                      <a:pt x="4395" y="3307"/>
                      <a:pt x="4520" y="3202"/>
                    </a:cubicBezTo>
                    <a:cubicBezTo>
                      <a:pt x="4583" y="3139"/>
                      <a:pt x="4625" y="3118"/>
                      <a:pt x="4688" y="3077"/>
                    </a:cubicBezTo>
                    <a:cubicBezTo>
                      <a:pt x="4897" y="3181"/>
                      <a:pt x="5127" y="2909"/>
                      <a:pt x="4960" y="2700"/>
                    </a:cubicBezTo>
                    <a:cubicBezTo>
                      <a:pt x="4479" y="2072"/>
                      <a:pt x="5776" y="921"/>
                      <a:pt x="6424" y="1089"/>
                    </a:cubicBezTo>
                    <a:cubicBezTo>
                      <a:pt x="7638" y="1340"/>
                      <a:pt x="6927" y="2888"/>
                      <a:pt x="6404" y="3390"/>
                    </a:cubicBezTo>
                    <a:cubicBezTo>
                      <a:pt x="5985" y="3809"/>
                      <a:pt x="6529" y="4395"/>
                      <a:pt x="7010" y="4060"/>
                    </a:cubicBezTo>
                    <a:cubicBezTo>
                      <a:pt x="7889" y="3411"/>
                      <a:pt x="9396" y="4855"/>
                      <a:pt x="9940" y="5441"/>
                    </a:cubicBezTo>
                    <a:cubicBezTo>
                      <a:pt x="10672" y="6278"/>
                      <a:pt x="9647" y="6968"/>
                      <a:pt x="8893" y="7115"/>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61" name="Google Shape;2361;p74"/>
              <p:cNvSpPr/>
              <p:nvPr/>
            </p:nvSpPr>
            <p:spPr>
              <a:xfrm>
                <a:off x="7881263" y="3745350"/>
                <a:ext cx="70125" cy="57025"/>
              </a:xfrm>
              <a:custGeom>
                <a:avLst/>
                <a:gdLst/>
                <a:ahLst/>
                <a:cxnLst/>
                <a:rect l="l" t="t" r="r" b="b"/>
                <a:pathLst>
                  <a:path w="2805" h="2281" extrusionOk="0">
                    <a:moveTo>
                      <a:pt x="2240" y="565"/>
                    </a:moveTo>
                    <a:cubicBezTo>
                      <a:pt x="2804" y="1109"/>
                      <a:pt x="2763" y="1632"/>
                      <a:pt x="2030" y="1967"/>
                    </a:cubicBezTo>
                    <a:cubicBezTo>
                      <a:pt x="1382" y="2281"/>
                      <a:pt x="628" y="1779"/>
                      <a:pt x="294" y="1235"/>
                    </a:cubicBezTo>
                    <a:cubicBezTo>
                      <a:pt x="1" y="733"/>
                      <a:pt x="356" y="272"/>
                      <a:pt x="838" y="168"/>
                    </a:cubicBezTo>
                    <a:cubicBezTo>
                      <a:pt x="1131" y="105"/>
                      <a:pt x="1382" y="84"/>
                      <a:pt x="1654" y="0"/>
                    </a:cubicBezTo>
                    <a:cubicBezTo>
                      <a:pt x="1905" y="189"/>
                      <a:pt x="2114" y="461"/>
                      <a:pt x="2240" y="565"/>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362" name="Google Shape;2362;p74"/>
              <p:cNvSpPr/>
              <p:nvPr/>
            </p:nvSpPr>
            <p:spPr>
              <a:xfrm>
                <a:off x="7822163" y="3781950"/>
                <a:ext cx="65400" cy="61750"/>
              </a:xfrm>
              <a:custGeom>
                <a:avLst/>
                <a:gdLst/>
                <a:ahLst/>
                <a:cxnLst/>
                <a:rect l="l" t="t" r="r" b="b"/>
                <a:pathLst>
                  <a:path w="2616" h="2470" extrusionOk="0">
                    <a:moveTo>
                      <a:pt x="795" y="2449"/>
                    </a:moveTo>
                    <a:cubicBezTo>
                      <a:pt x="0" y="2407"/>
                      <a:pt x="251" y="1215"/>
                      <a:pt x="586" y="817"/>
                    </a:cubicBezTo>
                    <a:cubicBezTo>
                      <a:pt x="900" y="482"/>
                      <a:pt x="1423" y="294"/>
                      <a:pt x="1779" y="1"/>
                    </a:cubicBezTo>
                    <a:cubicBezTo>
                      <a:pt x="1967" y="399"/>
                      <a:pt x="2281" y="733"/>
                      <a:pt x="2616" y="984"/>
                    </a:cubicBezTo>
                    <a:cubicBezTo>
                      <a:pt x="2574" y="1005"/>
                      <a:pt x="2511" y="1026"/>
                      <a:pt x="2490" y="1047"/>
                    </a:cubicBezTo>
                    <a:cubicBezTo>
                      <a:pt x="2176" y="1403"/>
                      <a:pt x="2051" y="1759"/>
                      <a:pt x="2051" y="2135"/>
                    </a:cubicBezTo>
                    <a:cubicBezTo>
                      <a:pt x="1632" y="2365"/>
                      <a:pt x="963" y="2470"/>
                      <a:pt x="795" y="2449"/>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63" name="Google Shape;2363;p74"/>
              <p:cNvSpPr/>
              <p:nvPr/>
            </p:nvSpPr>
            <p:spPr>
              <a:xfrm>
                <a:off x="7895388" y="3809675"/>
                <a:ext cx="90525" cy="91050"/>
              </a:xfrm>
              <a:custGeom>
                <a:avLst/>
                <a:gdLst/>
                <a:ahLst/>
                <a:cxnLst/>
                <a:rect l="l" t="t" r="r" b="b"/>
                <a:pathLst>
                  <a:path w="3621" h="3642" extrusionOk="0">
                    <a:moveTo>
                      <a:pt x="1758" y="2972"/>
                    </a:moveTo>
                    <a:cubicBezTo>
                      <a:pt x="1298" y="2826"/>
                      <a:pt x="273" y="2072"/>
                      <a:pt x="1" y="1382"/>
                    </a:cubicBezTo>
                    <a:cubicBezTo>
                      <a:pt x="294" y="1047"/>
                      <a:pt x="419" y="650"/>
                      <a:pt x="273" y="210"/>
                    </a:cubicBezTo>
                    <a:cubicBezTo>
                      <a:pt x="733" y="357"/>
                      <a:pt x="1235" y="398"/>
                      <a:pt x="1695" y="189"/>
                    </a:cubicBezTo>
                    <a:cubicBezTo>
                      <a:pt x="1842" y="126"/>
                      <a:pt x="1947" y="85"/>
                      <a:pt x="2051" y="1"/>
                    </a:cubicBezTo>
                    <a:cubicBezTo>
                      <a:pt x="2051" y="64"/>
                      <a:pt x="2072" y="189"/>
                      <a:pt x="2114" y="252"/>
                    </a:cubicBezTo>
                    <a:cubicBezTo>
                      <a:pt x="2658" y="1026"/>
                      <a:pt x="3620" y="3642"/>
                      <a:pt x="1758" y="2972"/>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64" name="Google Shape;2364;p74"/>
              <p:cNvSpPr/>
              <p:nvPr/>
            </p:nvSpPr>
            <p:spPr>
              <a:xfrm>
                <a:off x="7823738" y="3668975"/>
                <a:ext cx="240625" cy="157475"/>
              </a:xfrm>
              <a:custGeom>
                <a:avLst/>
                <a:gdLst/>
                <a:ahLst/>
                <a:cxnLst/>
                <a:rect l="l" t="t" r="r" b="b"/>
                <a:pathLst>
                  <a:path w="9625" h="6299" extrusionOk="0">
                    <a:moveTo>
                      <a:pt x="7846" y="6194"/>
                    </a:moveTo>
                    <a:cubicBezTo>
                      <a:pt x="7323" y="6298"/>
                      <a:pt x="6717" y="6173"/>
                      <a:pt x="6173" y="6131"/>
                    </a:cubicBezTo>
                    <a:cubicBezTo>
                      <a:pt x="6005" y="5817"/>
                      <a:pt x="5796" y="5545"/>
                      <a:pt x="5608" y="5336"/>
                    </a:cubicBezTo>
                    <a:cubicBezTo>
                      <a:pt x="5545" y="5252"/>
                      <a:pt x="5461" y="5210"/>
                      <a:pt x="5377" y="5210"/>
                    </a:cubicBezTo>
                    <a:cubicBezTo>
                      <a:pt x="6005" y="4373"/>
                      <a:pt x="5189" y="3306"/>
                      <a:pt x="4394" y="2783"/>
                    </a:cubicBezTo>
                    <a:cubicBezTo>
                      <a:pt x="4415" y="2616"/>
                      <a:pt x="4331" y="2469"/>
                      <a:pt x="4164" y="2428"/>
                    </a:cubicBezTo>
                    <a:cubicBezTo>
                      <a:pt x="3494" y="2386"/>
                      <a:pt x="2720" y="2197"/>
                      <a:pt x="2176" y="2721"/>
                    </a:cubicBezTo>
                    <a:cubicBezTo>
                      <a:pt x="1883" y="2993"/>
                      <a:pt x="1674" y="3369"/>
                      <a:pt x="1611" y="3788"/>
                    </a:cubicBezTo>
                    <a:cubicBezTo>
                      <a:pt x="1381" y="3683"/>
                      <a:pt x="983" y="3662"/>
                      <a:pt x="858" y="3474"/>
                    </a:cubicBezTo>
                    <a:cubicBezTo>
                      <a:pt x="460" y="3034"/>
                      <a:pt x="147" y="2741"/>
                      <a:pt x="84" y="2072"/>
                    </a:cubicBezTo>
                    <a:cubicBezTo>
                      <a:pt x="0" y="1423"/>
                      <a:pt x="2846" y="1172"/>
                      <a:pt x="2867" y="2051"/>
                    </a:cubicBezTo>
                    <a:cubicBezTo>
                      <a:pt x="2867" y="2114"/>
                      <a:pt x="2929" y="2156"/>
                      <a:pt x="3013" y="2156"/>
                    </a:cubicBezTo>
                    <a:cubicBezTo>
                      <a:pt x="3013" y="2197"/>
                      <a:pt x="3034" y="2218"/>
                      <a:pt x="3055" y="2260"/>
                    </a:cubicBezTo>
                    <a:cubicBezTo>
                      <a:pt x="3160" y="2386"/>
                      <a:pt x="3348" y="2386"/>
                      <a:pt x="3473" y="2281"/>
                    </a:cubicBezTo>
                    <a:cubicBezTo>
                      <a:pt x="3536" y="2218"/>
                      <a:pt x="3578" y="2197"/>
                      <a:pt x="3641" y="2156"/>
                    </a:cubicBezTo>
                    <a:cubicBezTo>
                      <a:pt x="3850" y="2260"/>
                      <a:pt x="4080" y="1988"/>
                      <a:pt x="3913" y="1779"/>
                    </a:cubicBezTo>
                    <a:cubicBezTo>
                      <a:pt x="3432" y="1151"/>
                      <a:pt x="4729" y="0"/>
                      <a:pt x="5377" y="168"/>
                    </a:cubicBezTo>
                    <a:cubicBezTo>
                      <a:pt x="6591" y="419"/>
                      <a:pt x="5880" y="1967"/>
                      <a:pt x="5357" y="2469"/>
                    </a:cubicBezTo>
                    <a:cubicBezTo>
                      <a:pt x="4938" y="2888"/>
                      <a:pt x="5482" y="3474"/>
                      <a:pt x="5963" y="3139"/>
                    </a:cubicBezTo>
                    <a:cubicBezTo>
                      <a:pt x="6842" y="2490"/>
                      <a:pt x="8349" y="3934"/>
                      <a:pt x="8893" y="4520"/>
                    </a:cubicBezTo>
                    <a:cubicBezTo>
                      <a:pt x="9625" y="5357"/>
                      <a:pt x="8600" y="6047"/>
                      <a:pt x="7846" y="6194"/>
                    </a:cubicBezTo>
                    <a:close/>
                  </a:path>
                </a:pathLst>
              </a:custGeom>
              <a:solidFill>
                <a:schemeClr val="accent6"/>
              </a:solidFill>
              <a:ln>
                <a:noFill/>
              </a:ln>
            </p:spPr>
            <p:txBody>
              <a:bodyPr spcFirstLastPara="1" wrap="square" lIns="91425" tIns="91425" rIns="91425" bIns="91425" anchor="ctr" anchorCtr="0">
                <a:noAutofit/>
              </a:bodyPr>
              <a:lstStyle/>
              <a:p>
                <a:endParaRPr/>
              </a:p>
            </p:txBody>
          </p:sp>
        </p:grpSp>
      </p:grpSp>
      <p:grpSp>
        <p:nvGrpSpPr>
          <p:cNvPr id="2365" name="Google Shape;2365;p74"/>
          <p:cNvGrpSpPr/>
          <p:nvPr/>
        </p:nvGrpSpPr>
        <p:grpSpPr>
          <a:xfrm>
            <a:off x="7887282" y="3948890"/>
            <a:ext cx="1549494" cy="1763385"/>
            <a:chOff x="5905355" y="2434425"/>
            <a:chExt cx="1753416" cy="1995456"/>
          </a:xfrm>
        </p:grpSpPr>
        <p:sp>
          <p:nvSpPr>
            <p:cNvPr id="2366" name="Google Shape;2366;p74"/>
            <p:cNvSpPr/>
            <p:nvPr/>
          </p:nvSpPr>
          <p:spPr>
            <a:xfrm rot="631759">
              <a:off x="6289873" y="2712152"/>
              <a:ext cx="873864" cy="753315"/>
            </a:xfrm>
            <a:custGeom>
              <a:avLst/>
              <a:gdLst/>
              <a:ahLst/>
              <a:cxnLst/>
              <a:rect l="l" t="t" r="r" b="b"/>
              <a:pathLst>
                <a:path w="31700" h="27327" extrusionOk="0">
                  <a:moveTo>
                    <a:pt x="273" y="13433"/>
                  </a:moveTo>
                  <a:cubicBezTo>
                    <a:pt x="649" y="13161"/>
                    <a:pt x="1026" y="13078"/>
                    <a:pt x="1444" y="13119"/>
                  </a:cubicBezTo>
                  <a:cubicBezTo>
                    <a:pt x="1946" y="13182"/>
                    <a:pt x="2449" y="13119"/>
                    <a:pt x="2930" y="13350"/>
                  </a:cubicBezTo>
                  <a:cubicBezTo>
                    <a:pt x="3160" y="13496"/>
                    <a:pt x="3516" y="13496"/>
                    <a:pt x="3788" y="13412"/>
                  </a:cubicBezTo>
                  <a:cubicBezTo>
                    <a:pt x="5064" y="13119"/>
                    <a:pt x="6403" y="13015"/>
                    <a:pt x="7659" y="12575"/>
                  </a:cubicBezTo>
                  <a:cubicBezTo>
                    <a:pt x="8600" y="12241"/>
                    <a:pt x="9542" y="11864"/>
                    <a:pt x="10462" y="11529"/>
                  </a:cubicBezTo>
                  <a:cubicBezTo>
                    <a:pt x="11550" y="11111"/>
                    <a:pt x="12659" y="10650"/>
                    <a:pt x="13601" y="9939"/>
                  </a:cubicBezTo>
                  <a:cubicBezTo>
                    <a:pt x="13831" y="9751"/>
                    <a:pt x="14082" y="9625"/>
                    <a:pt x="14354" y="9479"/>
                  </a:cubicBezTo>
                  <a:cubicBezTo>
                    <a:pt x="15819" y="8851"/>
                    <a:pt x="16907" y="7742"/>
                    <a:pt x="18141" y="6759"/>
                  </a:cubicBezTo>
                  <a:cubicBezTo>
                    <a:pt x="18790" y="6236"/>
                    <a:pt x="18999" y="5461"/>
                    <a:pt x="19271" y="4729"/>
                  </a:cubicBezTo>
                  <a:cubicBezTo>
                    <a:pt x="19355" y="4436"/>
                    <a:pt x="19418" y="4143"/>
                    <a:pt x="19564" y="3892"/>
                  </a:cubicBezTo>
                  <a:cubicBezTo>
                    <a:pt x="20004" y="3097"/>
                    <a:pt x="20108" y="2218"/>
                    <a:pt x="20317" y="1360"/>
                  </a:cubicBezTo>
                  <a:cubicBezTo>
                    <a:pt x="20401" y="1067"/>
                    <a:pt x="20317" y="775"/>
                    <a:pt x="20317" y="461"/>
                  </a:cubicBezTo>
                  <a:cubicBezTo>
                    <a:pt x="20317" y="335"/>
                    <a:pt x="20338" y="168"/>
                    <a:pt x="20359" y="0"/>
                  </a:cubicBezTo>
                  <a:cubicBezTo>
                    <a:pt x="20568" y="42"/>
                    <a:pt x="20757" y="63"/>
                    <a:pt x="20924" y="147"/>
                  </a:cubicBezTo>
                  <a:cubicBezTo>
                    <a:pt x="22242" y="649"/>
                    <a:pt x="23581" y="1109"/>
                    <a:pt x="24900" y="1632"/>
                  </a:cubicBezTo>
                  <a:cubicBezTo>
                    <a:pt x="25444" y="1842"/>
                    <a:pt x="25946" y="2197"/>
                    <a:pt x="26406" y="2532"/>
                  </a:cubicBezTo>
                  <a:cubicBezTo>
                    <a:pt x="27871" y="3578"/>
                    <a:pt x="29231" y="4771"/>
                    <a:pt x="30340" y="6215"/>
                  </a:cubicBezTo>
                  <a:cubicBezTo>
                    <a:pt x="30486" y="6424"/>
                    <a:pt x="30654" y="6654"/>
                    <a:pt x="30716" y="6905"/>
                  </a:cubicBezTo>
                  <a:cubicBezTo>
                    <a:pt x="31030" y="7805"/>
                    <a:pt x="31344" y="8726"/>
                    <a:pt x="31658" y="9688"/>
                  </a:cubicBezTo>
                  <a:cubicBezTo>
                    <a:pt x="31595" y="9834"/>
                    <a:pt x="31491" y="9939"/>
                    <a:pt x="31407" y="10065"/>
                  </a:cubicBezTo>
                  <a:cubicBezTo>
                    <a:pt x="31281" y="10253"/>
                    <a:pt x="31239" y="10483"/>
                    <a:pt x="31407" y="10650"/>
                  </a:cubicBezTo>
                  <a:cubicBezTo>
                    <a:pt x="31637" y="10881"/>
                    <a:pt x="31637" y="11174"/>
                    <a:pt x="31637" y="11446"/>
                  </a:cubicBezTo>
                  <a:cubicBezTo>
                    <a:pt x="31700" y="12220"/>
                    <a:pt x="31553" y="12910"/>
                    <a:pt x="31219" y="13601"/>
                  </a:cubicBezTo>
                  <a:cubicBezTo>
                    <a:pt x="30884" y="14249"/>
                    <a:pt x="30612" y="14940"/>
                    <a:pt x="30340" y="15609"/>
                  </a:cubicBezTo>
                  <a:cubicBezTo>
                    <a:pt x="30172" y="16007"/>
                    <a:pt x="29942" y="16342"/>
                    <a:pt x="29670" y="16656"/>
                  </a:cubicBezTo>
                  <a:cubicBezTo>
                    <a:pt x="27306" y="19480"/>
                    <a:pt x="26950" y="19857"/>
                    <a:pt x="24167" y="22096"/>
                  </a:cubicBezTo>
                  <a:cubicBezTo>
                    <a:pt x="23895" y="22305"/>
                    <a:pt x="23581" y="22514"/>
                    <a:pt x="23268" y="22682"/>
                  </a:cubicBezTo>
                  <a:cubicBezTo>
                    <a:pt x="22117" y="23330"/>
                    <a:pt x="20966" y="23979"/>
                    <a:pt x="19794" y="24607"/>
                  </a:cubicBezTo>
                  <a:cubicBezTo>
                    <a:pt x="18539" y="25255"/>
                    <a:pt x="17221" y="25820"/>
                    <a:pt x="15861" y="26176"/>
                  </a:cubicBezTo>
                  <a:cubicBezTo>
                    <a:pt x="14542" y="26552"/>
                    <a:pt x="13182" y="26866"/>
                    <a:pt x="11843" y="27180"/>
                  </a:cubicBezTo>
                  <a:cubicBezTo>
                    <a:pt x="11634" y="27222"/>
                    <a:pt x="11446" y="27285"/>
                    <a:pt x="11237" y="27285"/>
                  </a:cubicBezTo>
                  <a:cubicBezTo>
                    <a:pt x="9856" y="27327"/>
                    <a:pt x="8475" y="27306"/>
                    <a:pt x="7115" y="27096"/>
                  </a:cubicBezTo>
                  <a:cubicBezTo>
                    <a:pt x="6947" y="27055"/>
                    <a:pt x="6801" y="26950"/>
                    <a:pt x="6633" y="26908"/>
                  </a:cubicBezTo>
                  <a:cubicBezTo>
                    <a:pt x="6215" y="26699"/>
                    <a:pt x="5796" y="26511"/>
                    <a:pt x="5378" y="26301"/>
                  </a:cubicBezTo>
                  <a:cubicBezTo>
                    <a:pt x="4750" y="25987"/>
                    <a:pt x="4039" y="25883"/>
                    <a:pt x="3453" y="25485"/>
                  </a:cubicBezTo>
                  <a:cubicBezTo>
                    <a:pt x="2344" y="24774"/>
                    <a:pt x="1591" y="23791"/>
                    <a:pt x="1068" y="22598"/>
                  </a:cubicBezTo>
                  <a:cubicBezTo>
                    <a:pt x="775" y="21886"/>
                    <a:pt x="503" y="21154"/>
                    <a:pt x="252" y="20443"/>
                  </a:cubicBezTo>
                  <a:cubicBezTo>
                    <a:pt x="126" y="20087"/>
                    <a:pt x="63" y="19710"/>
                    <a:pt x="63" y="19313"/>
                  </a:cubicBezTo>
                  <a:cubicBezTo>
                    <a:pt x="63" y="17890"/>
                    <a:pt x="42" y="16446"/>
                    <a:pt x="21" y="14982"/>
                  </a:cubicBezTo>
                  <a:cubicBezTo>
                    <a:pt x="1" y="14438"/>
                    <a:pt x="63" y="13915"/>
                    <a:pt x="273" y="13433"/>
                  </a:cubicBezTo>
                  <a:close/>
                  <a:moveTo>
                    <a:pt x="13936" y="24983"/>
                  </a:moveTo>
                  <a:lnTo>
                    <a:pt x="13936" y="24983"/>
                  </a:lnTo>
                  <a:lnTo>
                    <a:pt x="15003" y="24983"/>
                  </a:lnTo>
                  <a:cubicBezTo>
                    <a:pt x="15505" y="25004"/>
                    <a:pt x="15944" y="24899"/>
                    <a:pt x="16363" y="24690"/>
                  </a:cubicBezTo>
                  <a:cubicBezTo>
                    <a:pt x="17011" y="24355"/>
                    <a:pt x="17681" y="24042"/>
                    <a:pt x="18371" y="23832"/>
                  </a:cubicBezTo>
                  <a:cubicBezTo>
                    <a:pt x="18623" y="23770"/>
                    <a:pt x="18853" y="23560"/>
                    <a:pt x="19062" y="23414"/>
                  </a:cubicBezTo>
                  <a:cubicBezTo>
                    <a:pt x="19836" y="22807"/>
                    <a:pt x="20631" y="22158"/>
                    <a:pt x="21447" y="21573"/>
                  </a:cubicBezTo>
                  <a:cubicBezTo>
                    <a:pt x="22703" y="20652"/>
                    <a:pt x="23456" y="19355"/>
                    <a:pt x="24209" y="18078"/>
                  </a:cubicBezTo>
                  <a:cubicBezTo>
                    <a:pt x="24272" y="17974"/>
                    <a:pt x="24293" y="17869"/>
                    <a:pt x="24335" y="17723"/>
                  </a:cubicBezTo>
                  <a:cubicBezTo>
                    <a:pt x="24690" y="16718"/>
                    <a:pt x="24649" y="15630"/>
                    <a:pt x="24544" y="14584"/>
                  </a:cubicBezTo>
                  <a:cubicBezTo>
                    <a:pt x="24523" y="14228"/>
                    <a:pt x="24293" y="13894"/>
                    <a:pt x="24125" y="13538"/>
                  </a:cubicBezTo>
                  <a:cubicBezTo>
                    <a:pt x="24063" y="13412"/>
                    <a:pt x="23874" y="13308"/>
                    <a:pt x="23707" y="13266"/>
                  </a:cubicBezTo>
                  <a:cubicBezTo>
                    <a:pt x="23456" y="13161"/>
                    <a:pt x="23142" y="13329"/>
                    <a:pt x="23163" y="13622"/>
                  </a:cubicBezTo>
                  <a:cubicBezTo>
                    <a:pt x="23163" y="13894"/>
                    <a:pt x="23226" y="14145"/>
                    <a:pt x="23268" y="14417"/>
                  </a:cubicBezTo>
                  <a:cubicBezTo>
                    <a:pt x="23498" y="15212"/>
                    <a:pt x="23435" y="16028"/>
                    <a:pt x="23330" y="16865"/>
                  </a:cubicBezTo>
                  <a:cubicBezTo>
                    <a:pt x="23268" y="17262"/>
                    <a:pt x="23142" y="17597"/>
                    <a:pt x="22912" y="17932"/>
                  </a:cubicBezTo>
                  <a:cubicBezTo>
                    <a:pt x="22745" y="18141"/>
                    <a:pt x="22619" y="18392"/>
                    <a:pt x="22514" y="18622"/>
                  </a:cubicBezTo>
                  <a:cubicBezTo>
                    <a:pt x="22221" y="19166"/>
                    <a:pt x="21866" y="19689"/>
                    <a:pt x="21384" y="20087"/>
                  </a:cubicBezTo>
                  <a:cubicBezTo>
                    <a:pt x="20380" y="20903"/>
                    <a:pt x="19376" y="21740"/>
                    <a:pt x="18351" y="22514"/>
                  </a:cubicBezTo>
                  <a:cubicBezTo>
                    <a:pt x="18120" y="22702"/>
                    <a:pt x="17765" y="22828"/>
                    <a:pt x="17493" y="22912"/>
                  </a:cubicBezTo>
                  <a:cubicBezTo>
                    <a:pt x="17095" y="23037"/>
                    <a:pt x="16698" y="23163"/>
                    <a:pt x="16363" y="23414"/>
                  </a:cubicBezTo>
                  <a:cubicBezTo>
                    <a:pt x="15944" y="23728"/>
                    <a:pt x="15463" y="23832"/>
                    <a:pt x="14940" y="23832"/>
                  </a:cubicBezTo>
                  <a:lnTo>
                    <a:pt x="13161" y="23832"/>
                  </a:lnTo>
                  <a:cubicBezTo>
                    <a:pt x="12722" y="23853"/>
                    <a:pt x="12304" y="23770"/>
                    <a:pt x="11885" y="23581"/>
                  </a:cubicBezTo>
                  <a:cubicBezTo>
                    <a:pt x="11446" y="23372"/>
                    <a:pt x="10965" y="23205"/>
                    <a:pt x="10483" y="23058"/>
                  </a:cubicBezTo>
                  <a:cubicBezTo>
                    <a:pt x="10044" y="22933"/>
                    <a:pt x="9688" y="22682"/>
                    <a:pt x="9395" y="22305"/>
                  </a:cubicBezTo>
                  <a:cubicBezTo>
                    <a:pt x="9270" y="22117"/>
                    <a:pt x="9123" y="21949"/>
                    <a:pt x="8956" y="21761"/>
                  </a:cubicBezTo>
                  <a:cubicBezTo>
                    <a:pt x="8621" y="21322"/>
                    <a:pt x="8349" y="20903"/>
                    <a:pt x="8642" y="20296"/>
                  </a:cubicBezTo>
                  <a:cubicBezTo>
                    <a:pt x="8705" y="20213"/>
                    <a:pt x="8600" y="20003"/>
                    <a:pt x="8516" y="19920"/>
                  </a:cubicBezTo>
                  <a:cubicBezTo>
                    <a:pt x="8391" y="19794"/>
                    <a:pt x="8182" y="19815"/>
                    <a:pt x="8014" y="19920"/>
                  </a:cubicBezTo>
                  <a:cubicBezTo>
                    <a:pt x="7805" y="20066"/>
                    <a:pt x="7700" y="20275"/>
                    <a:pt x="7659" y="20506"/>
                  </a:cubicBezTo>
                  <a:cubicBezTo>
                    <a:pt x="7575" y="21050"/>
                    <a:pt x="7596" y="21573"/>
                    <a:pt x="7910" y="22012"/>
                  </a:cubicBezTo>
                  <a:cubicBezTo>
                    <a:pt x="8119" y="22305"/>
                    <a:pt x="8307" y="22598"/>
                    <a:pt x="8516" y="22891"/>
                  </a:cubicBezTo>
                  <a:cubicBezTo>
                    <a:pt x="8914" y="23435"/>
                    <a:pt x="9353" y="23874"/>
                    <a:pt x="10044" y="24042"/>
                  </a:cubicBezTo>
                  <a:cubicBezTo>
                    <a:pt x="10169" y="24063"/>
                    <a:pt x="10295" y="24146"/>
                    <a:pt x="10420" y="24209"/>
                  </a:cubicBezTo>
                  <a:cubicBezTo>
                    <a:pt x="11509" y="24732"/>
                    <a:pt x="12597" y="25130"/>
                    <a:pt x="13831" y="24983"/>
                  </a:cubicBezTo>
                  <a:close/>
                  <a:moveTo>
                    <a:pt x="19732" y="11739"/>
                  </a:moveTo>
                  <a:lnTo>
                    <a:pt x="19732" y="12136"/>
                  </a:lnTo>
                  <a:cubicBezTo>
                    <a:pt x="19773" y="12345"/>
                    <a:pt x="19836" y="12534"/>
                    <a:pt x="20045" y="12638"/>
                  </a:cubicBezTo>
                  <a:cubicBezTo>
                    <a:pt x="20296" y="12743"/>
                    <a:pt x="20527" y="12680"/>
                    <a:pt x="20673" y="12471"/>
                  </a:cubicBezTo>
                  <a:cubicBezTo>
                    <a:pt x="20840" y="12262"/>
                    <a:pt x="20966" y="12031"/>
                    <a:pt x="21050" y="11780"/>
                  </a:cubicBezTo>
                  <a:cubicBezTo>
                    <a:pt x="21217" y="11257"/>
                    <a:pt x="21008" y="11006"/>
                    <a:pt x="20485" y="10985"/>
                  </a:cubicBezTo>
                  <a:cubicBezTo>
                    <a:pt x="20066" y="10943"/>
                    <a:pt x="19815" y="11132"/>
                    <a:pt x="19752" y="11529"/>
                  </a:cubicBezTo>
                  <a:cubicBezTo>
                    <a:pt x="19732" y="11613"/>
                    <a:pt x="19732" y="11739"/>
                    <a:pt x="19732" y="11739"/>
                  </a:cubicBezTo>
                  <a:close/>
                  <a:moveTo>
                    <a:pt x="7470" y="17472"/>
                  </a:moveTo>
                  <a:cubicBezTo>
                    <a:pt x="7993" y="17472"/>
                    <a:pt x="8224" y="17262"/>
                    <a:pt x="8224" y="16865"/>
                  </a:cubicBezTo>
                  <a:cubicBezTo>
                    <a:pt x="8224" y="16216"/>
                    <a:pt x="7868" y="16007"/>
                    <a:pt x="7261" y="16300"/>
                  </a:cubicBezTo>
                  <a:cubicBezTo>
                    <a:pt x="7156" y="16342"/>
                    <a:pt x="7052" y="16404"/>
                    <a:pt x="6968" y="16467"/>
                  </a:cubicBezTo>
                  <a:cubicBezTo>
                    <a:pt x="6780" y="16614"/>
                    <a:pt x="6759" y="16823"/>
                    <a:pt x="6780" y="17032"/>
                  </a:cubicBezTo>
                  <a:cubicBezTo>
                    <a:pt x="6843" y="17241"/>
                    <a:pt x="6968" y="17388"/>
                    <a:pt x="7177" y="17451"/>
                  </a:cubicBezTo>
                  <a:cubicBezTo>
                    <a:pt x="7324" y="17451"/>
                    <a:pt x="7428" y="17451"/>
                    <a:pt x="7470" y="17472"/>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367" name="Google Shape;2367;p74"/>
            <p:cNvSpPr/>
            <p:nvPr/>
          </p:nvSpPr>
          <p:spPr>
            <a:xfrm rot="631759">
              <a:off x="6162511" y="2563897"/>
              <a:ext cx="1125934" cy="871576"/>
            </a:xfrm>
            <a:custGeom>
              <a:avLst/>
              <a:gdLst/>
              <a:ahLst/>
              <a:cxnLst/>
              <a:rect l="l" t="t" r="r" b="b"/>
              <a:pathLst>
                <a:path w="40844" h="31617" extrusionOk="0">
                  <a:moveTo>
                    <a:pt x="5524" y="28561"/>
                  </a:moveTo>
                  <a:cubicBezTo>
                    <a:pt x="6089" y="29670"/>
                    <a:pt x="6780" y="30633"/>
                    <a:pt x="7742" y="31386"/>
                  </a:cubicBezTo>
                  <a:cubicBezTo>
                    <a:pt x="7700" y="31616"/>
                    <a:pt x="7533" y="31595"/>
                    <a:pt x="7408" y="31595"/>
                  </a:cubicBezTo>
                  <a:cubicBezTo>
                    <a:pt x="6843" y="31595"/>
                    <a:pt x="6278" y="31595"/>
                    <a:pt x="5734" y="31574"/>
                  </a:cubicBezTo>
                  <a:cubicBezTo>
                    <a:pt x="5273" y="31574"/>
                    <a:pt x="4855" y="31512"/>
                    <a:pt x="4478" y="31198"/>
                  </a:cubicBezTo>
                  <a:cubicBezTo>
                    <a:pt x="4311" y="31093"/>
                    <a:pt x="4081" y="31010"/>
                    <a:pt x="3892" y="31051"/>
                  </a:cubicBezTo>
                  <a:cubicBezTo>
                    <a:pt x="3139" y="31093"/>
                    <a:pt x="2428" y="30905"/>
                    <a:pt x="1800" y="30486"/>
                  </a:cubicBezTo>
                  <a:cubicBezTo>
                    <a:pt x="1674" y="30424"/>
                    <a:pt x="1549" y="30340"/>
                    <a:pt x="1402" y="30319"/>
                  </a:cubicBezTo>
                  <a:cubicBezTo>
                    <a:pt x="942" y="30235"/>
                    <a:pt x="817" y="29859"/>
                    <a:pt x="775" y="29482"/>
                  </a:cubicBezTo>
                  <a:cubicBezTo>
                    <a:pt x="754" y="29085"/>
                    <a:pt x="775" y="28708"/>
                    <a:pt x="754" y="28331"/>
                  </a:cubicBezTo>
                  <a:cubicBezTo>
                    <a:pt x="733" y="28059"/>
                    <a:pt x="712" y="27808"/>
                    <a:pt x="649" y="27536"/>
                  </a:cubicBezTo>
                  <a:cubicBezTo>
                    <a:pt x="545" y="27097"/>
                    <a:pt x="419" y="26616"/>
                    <a:pt x="252" y="26176"/>
                  </a:cubicBezTo>
                  <a:cubicBezTo>
                    <a:pt x="1" y="25465"/>
                    <a:pt x="1" y="24732"/>
                    <a:pt x="1" y="24000"/>
                  </a:cubicBezTo>
                  <a:lnTo>
                    <a:pt x="1" y="17807"/>
                  </a:lnTo>
                  <a:cubicBezTo>
                    <a:pt x="1" y="17493"/>
                    <a:pt x="1" y="17158"/>
                    <a:pt x="42" y="16844"/>
                  </a:cubicBezTo>
                  <a:cubicBezTo>
                    <a:pt x="189" y="16133"/>
                    <a:pt x="231" y="15463"/>
                    <a:pt x="314" y="14752"/>
                  </a:cubicBezTo>
                  <a:cubicBezTo>
                    <a:pt x="398" y="13915"/>
                    <a:pt x="565" y="13057"/>
                    <a:pt x="858" y="12262"/>
                  </a:cubicBezTo>
                  <a:cubicBezTo>
                    <a:pt x="1382" y="10860"/>
                    <a:pt x="1988" y="9500"/>
                    <a:pt x="2825" y="8203"/>
                  </a:cubicBezTo>
                  <a:cubicBezTo>
                    <a:pt x="3014" y="7952"/>
                    <a:pt x="3181" y="7680"/>
                    <a:pt x="3432" y="7450"/>
                  </a:cubicBezTo>
                  <a:cubicBezTo>
                    <a:pt x="4206" y="6634"/>
                    <a:pt x="5001" y="5859"/>
                    <a:pt x="5796" y="5064"/>
                  </a:cubicBezTo>
                  <a:cubicBezTo>
                    <a:pt x="6006" y="4855"/>
                    <a:pt x="6257" y="4688"/>
                    <a:pt x="6487" y="4520"/>
                  </a:cubicBezTo>
                  <a:cubicBezTo>
                    <a:pt x="7512" y="3809"/>
                    <a:pt x="8558" y="3160"/>
                    <a:pt x="9542" y="2428"/>
                  </a:cubicBezTo>
                  <a:cubicBezTo>
                    <a:pt x="10860" y="1486"/>
                    <a:pt x="12283" y="838"/>
                    <a:pt x="13810" y="336"/>
                  </a:cubicBezTo>
                  <a:cubicBezTo>
                    <a:pt x="14438" y="126"/>
                    <a:pt x="15149" y="84"/>
                    <a:pt x="15798" y="43"/>
                  </a:cubicBezTo>
                  <a:cubicBezTo>
                    <a:pt x="16781" y="1"/>
                    <a:pt x="17807" y="43"/>
                    <a:pt x="18811" y="22"/>
                  </a:cubicBezTo>
                  <a:cubicBezTo>
                    <a:pt x="19606" y="1"/>
                    <a:pt x="20380" y="315"/>
                    <a:pt x="21133" y="461"/>
                  </a:cubicBezTo>
                  <a:cubicBezTo>
                    <a:pt x="21677" y="608"/>
                    <a:pt x="22201" y="775"/>
                    <a:pt x="22724" y="984"/>
                  </a:cubicBezTo>
                  <a:cubicBezTo>
                    <a:pt x="23017" y="1089"/>
                    <a:pt x="23309" y="1277"/>
                    <a:pt x="23540" y="1486"/>
                  </a:cubicBezTo>
                  <a:cubicBezTo>
                    <a:pt x="23874" y="1800"/>
                    <a:pt x="24293" y="2093"/>
                    <a:pt x="24251" y="2637"/>
                  </a:cubicBezTo>
                  <a:cubicBezTo>
                    <a:pt x="24251" y="2721"/>
                    <a:pt x="24293" y="2805"/>
                    <a:pt x="24356" y="2867"/>
                  </a:cubicBezTo>
                  <a:cubicBezTo>
                    <a:pt x="24460" y="3077"/>
                    <a:pt x="24732" y="3139"/>
                    <a:pt x="24879" y="2951"/>
                  </a:cubicBezTo>
                  <a:cubicBezTo>
                    <a:pt x="25214" y="2428"/>
                    <a:pt x="25737" y="2177"/>
                    <a:pt x="26302" y="2030"/>
                  </a:cubicBezTo>
                  <a:cubicBezTo>
                    <a:pt x="27138" y="1863"/>
                    <a:pt x="27975" y="1675"/>
                    <a:pt x="28812" y="1989"/>
                  </a:cubicBezTo>
                  <a:cubicBezTo>
                    <a:pt x="29231" y="2135"/>
                    <a:pt x="29649" y="2281"/>
                    <a:pt x="30110" y="2344"/>
                  </a:cubicBezTo>
                  <a:cubicBezTo>
                    <a:pt x="30884" y="2491"/>
                    <a:pt x="31512" y="2867"/>
                    <a:pt x="32139" y="3349"/>
                  </a:cubicBezTo>
                  <a:cubicBezTo>
                    <a:pt x="32558" y="3662"/>
                    <a:pt x="33039" y="3913"/>
                    <a:pt x="33478" y="4206"/>
                  </a:cubicBezTo>
                  <a:cubicBezTo>
                    <a:pt x="33729" y="4395"/>
                    <a:pt x="34022" y="4541"/>
                    <a:pt x="34253" y="4792"/>
                  </a:cubicBezTo>
                  <a:cubicBezTo>
                    <a:pt x="35089" y="5587"/>
                    <a:pt x="35885" y="6403"/>
                    <a:pt x="36701" y="7219"/>
                  </a:cubicBezTo>
                  <a:cubicBezTo>
                    <a:pt x="36910" y="7429"/>
                    <a:pt x="37077" y="7659"/>
                    <a:pt x="37266" y="7889"/>
                  </a:cubicBezTo>
                  <a:cubicBezTo>
                    <a:pt x="37538" y="8245"/>
                    <a:pt x="37789" y="8600"/>
                    <a:pt x="38061" y="8977"/>
                  </a:cubicBezTo>
                  <a:cubicBezTo>
                    <a:pt x="39421" y="10776"/>
                    <a:pt x="39442" y="10776"/>
                    <a:pt x="40195" y="12890"/>
                  </a:cubicBezTo>
                  <a:cubicBezTo>
                    <a:pt x="40592" y="13957"/>
                    <a:pt x="40843" y="15087"/>
                    <a:pt x="40823" y="16258"/>
                  </a:cubicBezTo>
                  <a:cubicBezTo>
                    <a:pt x="40802" y="17179"/>
                    <a:pt x="40802" y="18100"/>
                    <a:pt x="40823" y="19020"/>
                  </a:cubicBezTo>
                  <a:cubicBezTo>
                    <a:pt x="40843" y="19962"/>
                    <a:pt x="40613" y="20820"/>
                    <a:pt x="40299" y="21678"/>
                  </a:cubicBezTo>
                  <a:cubicBezTo>
                    <a:pt x="40216" y="21740"/>
                    <a:pt x="40153" y="21782"/>
                    <a:pt x="40069" y="21803"/>
                  </a:cubicBezTo>
                  <a:cubicBezTo>
                    <a:pt x="39525" y="22180"/>
                    <a:pt x="38939" y="22222"/>
                    <a:pt x="38312" y="21950"/>
                  </a:cubicBezTo>
                  <a:cubicBezTo>
                    <a:pt x="38102" y="21845"/>
                    <a:pt x="37851" y="21887"/>
                    <a:pt x="37600" y="21887"/>
                  </a:cubicBezTo>
                  <a:lnTo>
                    <a:pt x="36408" y="21887"/>
                  </a:lnTo>
                  <a:cubicBezTo>
                    <a:pt x="36491" y="21636"/>
                    <a:pt x="36533" y="21447"/>
                    <a:pt x="36617" y="21259"/>
                  </a:cubicBezTo>
                  <a:cubicBezTo>
                    <a:pt x="36952" y="20485"/>
                    <a:pt x="37266" y="19690"/>
                    <a:pt x="37600" y="18916"/>
                  </a:cubicBezTo>
                  <a:cubicBezTo>
                    <a:pt x="37810" y="18434"/>
                    <a:pt x="37914" y="17974"/>
                    <a:pt x="37893" y="17451"/>
                  </a:cubicBezTo>
                  <a:cubicBezTo>
                    <a:pt x="37872" y="17054"/>
                    <a:pt x="37893" y="16677"/>
                    <a:pt x="37893" y="16300"/>
                  </a:cubicBezTo>
                  <a:cubicBezTo>
                    <a:pt x="37893" y="15986"/>
                    <a:pt x="37998" y="15714"/>
                    <a:pt x="38228" y="15505"/>
                  </a:cubicBezTo>
                  <a:cubicBezTo>
                    <a:pt x="38939" y="14898"/>
                    <a:pt x="39128" y="14103"/>
                    <a:pt x="39149" y="13224"/>
                  </a:cubicBezTo>
                  <a:cubicBezTo>
                    <a:pt x="39149" y="13078"/>
                    <a:pt x="39128" y="12952"/>
                    <a:pt x="39149" y="12785"/>
                  </a:cubicBezTo>
                  <a:cubicBezTo>
                    <a:pt x="39337" y="11864"/>
                    <a:pt x="38835" y="11216"/>
                    <a:pt x="38312" y="10567"/>
                  </a:cubicBezTo>
                  <a:cubicBezTo>
                    <a:pt x="38165" y="10358"/>
                    <a:pt x="37956" y="10274"/>
                    <a:pt x="37705" y="10253"/>
                  </a:cubicBezTo>
                  <a:cubicBezTo>
                    <a:pt x="37182" y="10191"/>
                    <a:pt x="36638" y="10274"/>
                    <a:pt x="36073" y="10546"/>
                  </a:cubicBezTo>
                  <a:cubicBezTo>
                    <a:pt x="35989" y="10442"/>
                    <a:pt x="35885" y="10337"/>
                    <a:pt x="35780" y="10232"/>
                  </a:cubicBezTo>
                  <a:cubicBezTo>
                    <a:pt x="34462" y="8810"/>
                    <a:pt x="33060" y="7533"/>
                    <a:pt x="31407" y="6508"/>
                  </a:cubicBezTo>
                  <a:cubicBezTo>
                    <a:pt x="31177" y="6382"/>
                    <a:pt x="30968" y="6215"/>
                    <a:pt x="30696" y="6110"/>
                  </a:cubicBezTo>
                  <a:cubicBezTo>
                    <a:pt x="28854" y="5420"/>
                    <a:pt x="27013" y="4730"/>
                    <a:pt x="25151" y="4060"/>
                  </a:cubicBezTo>
                  <a:cubicBezTo>
                    <a:pt x="25109" y="4018"/>
                    <a:pt x="25046" y="4060"/>
                    <a:pt x="24983" y="4018"/>
                  </a:cubicBezTo>
                  <a:cubicBezTo>
                    <a:pt x="24816" y="4185"/>
                    <a:pt x="24921" y="4395"/>
                    <a:pt x="24900" y="4583"/>
                  </a:cubicBezTo>
                  <a:cubicBezTo>
                    <a:pt x="24879" y="4792"/>
                    <a:pt x="24879" y="5002"/>
                    <a:pt x="24837" y="5211"/>
                  </a:cubicBezTo>
                  <a:cubicBezTo>
                    <a:pt x="24816" y="5378"/>
                    <a:pt x="24837" y="5587"/>
                    <a:pt x="24732" y="5692"/>
                  </a:cubicBezTo>
                  <a:cubicBezTo>
                    <a:pt x="24418" y="6069"/>
                    <a:pt x="24502" y="6487"/>
                    <a:pt x="24481" y="6885"/>
                  </a:cubicBezTo>
                  <a:cubicBezTo>
                    <a:pt x="24418" y="7722"/>
                    <a:pt x="24209" y="8496"/>
                    <a:pt x="23665" y="9144"/>
                  </a:cubicBezTo>
                  <a:cubicBezTo>
                    <a:pt x="23519" y="9333"/>
                    <a:pt x="23435" y="9542"/>
                    <a:pt x="23330" y="9751"/>
                  </a:cubicBezTo>
                  <a:cubicBezTo>
                    <a:pt x="23205" y="9981"/>
                    <a:pt x="23058" y="10232"/>
                    <a:pt x="22954" y="10442"/>
                  </a:cubicBezTo>
                  <a:cubicBezTo>
                    <a:pt x="22849" y="10609"/>
                    <a:pt x="22682" y="10797"/>
                    <a:pt x="22682" y="10965"/>
                  </a:cubicBezTo>
                  <a:cubicBezTo>
                    <a:pt x="22682" y="11341"/>
                    <a:pt x="22473" y="11530"/>
                    <a:pt x="22180" y="11739"/>
                  </a:cubicBezTo>
                  <a:cubicBezTo>
                    <a:pt x="21573" y="12178"/>
                    <a:pt x="21008" y="12639"/>
                    <a:pt x="20422" y="13078"/>
                  </a:cubicBezTo>
                  <a:cubicBezTo>
                    <a:pt x="20108" y="13329"/>
                    <a:pt x="19773" y="13580"/>
                    <a:pt x="19292" y="13643"/>
                  </a:cubicBezTo>
                  <a:cubicBezTo>
                    <a:pt x="19292" y="13204"/>
                    <a:pt x="19439" y="12806"/>
                    <a:pt x="19606" y="12450"/>
                  </a:cubicBezTo>
                  <a:cubicBezTo>
                    <a:pt x="20004" y="11739"/>
                    <a:pt x="20213" y="10986"/>
                    <a:pt x="20380" y="10191"/>
                  </a:cubicBezTo>
                  <a:cubicBezTo>
                    <a:pt x="20443" y="9751"/>
                    <a:pt x="20589" y="9333"/>
                    <a:pt x="20840" y="8977"/>
                  </a:cubicBezTo>
                  <a:cubicBezTo>
                    <a:pt x="21133" y="8579"/>
                    <a:pt x="21050" y="8140"/>
                    <a:pt x="20945" y="7680"/>
                  </a:cubicBezTo>
                  <a:cubicBezTo>
                    <a:pt x="20924" y="7575"/>
                    <a:pt x="20820" y="7470"/>
                    <a:pt x="20715" y="7450"/>
                  </a:cubicBezTo>
                  <a:cubicBezTo>
                    <a:pt x="20422" y="7345"/>
                    <a:pt x="20192" y="7533"/>
                    <a:pt x="20234" y="7784"/>
                  </a:cubicBezTo>
                  <a:cubicBezTo>
                    <a:pt x="20317" y="8140"/>
                    <a:pt x="20171" y="8412"/>
                    <a:pt x="19983" y="8705"/>
                  </a:cubicBezTo>
                  <a:cubicBezTo>
                    <a:pt x="19794" y="8998"/>
                    <a:pt x="19648" y="9333"/>
                    <a:pt x="19564" y="9647"/>
                  </a:cubicBezTo>
                  <a:cubicBezTo>
                    <a:pt x="19292" y="10483"/>
                    <a:pt x="19125" y="11341"/>
                    <a:pt x="18706" y="12157"/>
                  </a:cubicBezTo>
                  <a:cubicBezTo>
                    <a:pt x="18518" y="12534"/>
                    <a:pt x="18455" y="12952"/>
                    <a:pt x="18413" y="13371"/>
                  </a:cubicBezTo>
                  <a:cubicBezTo>
                    <a:pt x="18392" y="13580"/>
                    <a:pt x="18497" y="13810"/>
                    <a:pt x="18539" y="14041"/>
                  </a:cubicBezTo>
                  <a:cubicBezTo>
                    <a:pt x="17555" y="14961"/>
                    <a:pt x="15296" y="16049"/>
                    <a:pt x="13998" y="16237"/>
                  </a:cubicBezTo>
                  <a:cubicBezTo>
                    <a:pt x="14061" y="16007"/>
                    <a:pt x="14166" y="15798"/>
                    <a:pt x="14250" y="15589"/>
                  </a:cubicBezTo>
                  <a:cubicBezTo>
                    <a:pt x="14270" y="15484"/>
                    <a:pt x="14354" y="15296"/>
                    <a:pt x="14333" y="15254"/>
                  </a:cubicBezTo>
                  <a:cubicBezTo>
                    <a:pt x="14040" y="14877"/>
                    <a:pt x="14333" y="14585"/>
                    <a:pt x="14459" y="14271"/>
                  </a:cubicBezTo>
                  <a:cubicBezTo>
                    <a:pt x="14982" y="12764"/>
                    <a:pt x="15777" y="11383"/>
                    <a:pt x="16405" y="9919"/>
                  </a:cubicBezTo>
                  <a:cubicBezTo>
                    <a:pt x="16572" y="9458"/>
                    <a:pt x="16781" y="9040"/>
                    <a:pt x="17179" y="8768"/>
                  </a:cubicBezTo>
                  <a:cubicBezTo>
                    <a:pt x="17555" y="8475"/>
                    <a:pt x="17681" y="8035"/>
                    <a:pt x="17786" y="7617"/>
                  </a:cubicBezTo>
                  <a:cubicBezTo>
                    <a:pt x="17807" y="7533"/>
                    <a:pt x="17786" y="7429"/>
                    <a:pt x="17765" y="7345"/>
                  </a:cubicBezTo>
                  <a:cubicBezTo>
                    <a:pt x="17723" y="7219"/>
                    <a:pt x="17472" y="7157"/>
                    <a:pt x="17388" y="7240"/>
                  </a:cubicBezTo>
                  <a:cubicBezTo>
                    <a:pt x="17304" y="7303"/>
                    <a:pt x="17242" y="7345"/>
                    <a:pt x="17200" y="7429"/>
                  </a:cubicBezTo>
                  <a:cubicBezTo>
                    <a:pt x="17074" y="7931"/>
                    <a:pt x="16739" y="8287"/>
                    <a:pt x="16363" y="8663"/>
                  </a:cubicBezTo>
                  <a:cubicBezTo>
                    <a:pt x="16216" y="8810"/>
                    <a:pt x="16091" y="9019"/>
                    <a:pt x="15986" y="9228"/>
                  </a:cubicBezTo>
                  <a:cubicBezTo>
                    <a:pt x="15191" y="10714"/>
                    <a:pt x="14375" y="12178"/>
                    <a:pt x="13706" y="13727"/>
                  </a:cubicBezTo>
                  <a:cubicBezTo>
                    <a:pt x="13266" y="14752"/>
                    <a:pt x="12785" y="15777"/>
                    <a:pt x="12492" y="16865"/>
                  </a:cubicBezTo>
                  <a:cubicBezTo>
                    <a:pt x="11383" y="17367"/>
                    <a:pt x="10149" y="17367"/>
                    <a:pt x="9019" y="17702"/>
                  </a:cubicBezTo>
                  <a:cubicBezTo>
                    <a:pt x="8893" y="17493"/>
                    <a:pt x="9019" y="17346"/>
                    <a:pt x="9081" y="17200"/>
                  </a:cubicBezTo>
                  <a:cubicBezTo>
                    <a:pt x="9667" y="15798"/>
                    <a:pt x="10274" y="14375"/>
                    <a:pt x="10902" y="12994"/>
                  </a:cubicBezTo>
                  <a:cubicBezTo>
                    <a:pt x="11216" y="12325"/>
                    <a:pt x="11592" y="11697"/>
                    <a:pt x="11948" y="11069"/>
                  </a:cubicBezTo>
                  <a:cubicBezTo>
                    <a:pt x="12073" y="10818"/>
                    <a:pt x="12345" y="10651"/>
                    <a:pt x="12534" y="10442"/>
                  </a:cubicBezTo>
                  <a:cubicBezTo>
                    <a:pt x="12576" y="10191"/>
                    <a:pt x="12387" y="10149"/>
                    <a:pt x="12241" y="10065"/>
                  </a:cubicBezTo>
                  <a:cubicBezTo>
                    <a:pt x="12053" y="9981"/>
                    <a:pt x="11864" y="9981"/>
                    <a:pt x="11739" y="10128"/>
                  </a:cubicBezTo>
                  <a:cubicBezTo>
                    <a:pt x="11550" y="10274"/>
                    <a:pt x="11383" y="10442"/>
                    <a:pt x="11278" y="10609"/>
                  </a:cubicBezTo>
                  <a:cubicBezTo>
                    <a:pt x="10860" y="11320"/>
                    <a:pt x="10441" y="12032"/>
                    <a:pt x="10065" y="12764"/>
                  </a:cubicBezTo>
                  <a:cubicBezTo>
                    <a:pt x="9604" y="13706"/>
                    <a:pt x="9186" y="14689"/>
                    <a:pt x="8726" y="15631"/>
                  </a:cubicBezTo>
                  <a:cubicBezTo>
                    <a:pt x="8454" y="16300"/>
                    <a:pt x="8140" y="16928"/>
                    <a:pt x="8056" y="17618"/>
                  </a:cubicBezTo>
                  <a:cubicBezTo>
                    <a:pt x="8056" y="17702"/>
                    <a:pt x="7972" y="17786"/>
                    <a:pt x="7931" y="17890"/>
                  </a:cubicBezTo>
                  <a:cubicBezTo>
                    <a:pt x="7115" y="17828"/>
                    <a:pt x="6319" y="17618"/>
                    <a:pt x="5629" y="17179"/>
                  </a:cubicBezTo>
                  <a:cubicBezTo>
                    <a:pt x="5357" y="17472"/>
                    <a:pt x="5148" y="17723"/>
                    <a:pt x="4918" y="17995"/>
                  </a:cubicBezTo>
                  <a:cubicBezTo>
                    <a:pt x="4897" y="18037"/>
                    <a:pt x="4834" y="18100"/>
                    <a:pt x="4834" y="18142"/>
                  </a:cubicBezTo>
                  <a:cubicBezTo>
                    <a:pt x="4750" y="18811"/>
                    <a:pt x="4415" y="19376"/>
                    <a:pt x="4436" y="20025"/>
                  </a:cubicBezTo>
                  <a:cubicBezTo>
                    <a:pt x="4478" y="20945"/>
                    <a:pt x="4415" y="21866"/>
                    <a:pt x="4415" y="22787"/>
                  </a:cubicBezTo>
                  <a:cubicBezTo>
                    <a:pt x="4415" y="23017"/>
                    <a:pt x="4395" y="23247"/>
                    <a:pt x="4374" y="23540"/>
                  </a:cubicBezTo>
                  <a:cubicBezTo>
                    <a:pt x="4060" y="23519"/>
                    <a:pt x="3788" y="23519"/>
                    <a:pt x="3558" y="23456"/>
                  </a:cubicBezTo>
                  <a:cubicBezTo>
                    <a:pt x="3055" y="23372"/>
                    <a:pt x="2658" y="23540"/>
                    <a:pt x="2386" y="23896"/>
                  </a:cubicBezTo>
                  <a:cubicBezTo>
                    <a:pt x="2114" y="24251"/>
                    <a:pt x="1863" y="24607"/>
                    <a:pt x="1612" y="24984"/>
                  </a:cubicBezTo>
                  <a:cubicBezTo>
                    <a:pt x="1549" y="25109"/>
                    <a:pt x="1507" y="25318"/>
                    <a:pt x="1507" y="25465"/>
                  </a:cubicBezTo>
                  <a:cubicBezTo>
                    <a:pt x="1486" y="25800"/>
                    <a:pt x="1486" y="26134"/>
                    <a:pt x="1507" y="26448"/>
                  </a:cubicBezTo>
                  <a:cubicBezTo>
                    <a:pt x="1549" y="27076"/>
                    <a:pt x="1800" y="27557"/>
                    <a:pt x="2323" y="27934"/>
                  </a:cubicBezTo>
                  <a:cubicBezTo>
                    <a:pt x="2490" y="28038"/>
                    <a:pt x="2637" y="28101"/>
                    <a:pt x="2762" y="28227"/>
                  </a:cubicBezTo>
                  <a:cubicBezTo>
                    <a:pt x="3055" y="28478"/>
                    <a:pt x="3390" y="28541"/>
                    <a:pt x="3767" y="28520"/>
                  </a:cubicBezTo>
                  <a:cubicBezTo>
                    <a:pt x="4269" y="28561"/>
                    <a:pt x="4897" y="28561"/>
                    <a:pt x="5524" y="28561"/>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368" name="Google Shape;2368;p74"/>
            <p:cNvSpPr/>
            <p:nvPr/>
          </p:nvSpPr>
          <p:spPr>
            <a:xfrm rot="631759">
              <a:off x="6542004" y="3376768"/>
              <a:ext cx="528371" cy="530107"/>
            </a:xfrm>
            <a:custGeom>
              <a:avLst/>
              <a:gdLst/>
              <a:ahLst/>
              <a:cxnLst/>
              <a:rect l="l" t="t" r="r" b="b"/>
              <a:pathLst>
                <a:path w="19167" h="19230" extrusionOk="0">
                  <a:moveTo>
                    <a:pt x="19167" y="13831"/>
                  </a:moveTo>
                  <a:cubicBezTo>
                    <a:pt x="18790" y="14333"/>
                    <a:pt x="18309" y="14731"/>
                    <a:pt x="17723" y="15024"/>
                  </a:cubicBezTo>
                  <a:cubicBezTo>
                    <a:pt x="16112" y="15861"/>
                    <a:pt x="14417" y="16593"/>
                    <a:pt x="12660" y="17011"/>
                  </a:cubicBezTo>
                  <a:cubicBezTo>
                    <a:pt x="10484" y="17493"/>
                    <a:pt x="8308" y="18079"/>
                    <a:pt x="6090" y="18392"/>
                  </a:cubicBezTo>
                  <a:cubicBezTo>
                    <a:pt x="5567" y="18476"/>
                    <a:pt x="5044" y="18581"/>
                    <a:pt x="4520" y="18685"/>
                  </a:cubicBezTo>
                  <a:cubicBezTo>
                    <a:pt x="3893" y="18811"/>
                    <a:pt x="3265" y="18915"/>
                    <a:pt x="2575" y="18915"/>
                  </a:cubicBezTo>
                  <a:cubicBezTo>
                    <a:pt x="2240" y="18915"/>
                    <a:pt x="1884" y="18999"/>
                    <a:pt x="1528" y="19041"/>
                  </a:cubicBezTo>
                  <a:cubicBezTo>
                    <a:pt x="1068" y="19104"/>
                    <a:pt x="629" y="19229"/>
                    <a:pt x="126" y="19041"/>
                  </a:cubicBezTo>
                  <a:cubicBezTo>
                    <a:pt x="43" y="18539"/>
                    <a:pt x="1" y="18079"/>
                    <a:pt x="126" y="17639"/>
                  </a:cubicBezTo>
                  <a:cubicBezTo>
                    <a:pt x="378" y="16865"/>
                    <a:pt x="315" y="16112"/>
                    <a:pt x="419" y="15358"/>
                  </a:cubicBezTo>
                  <a:cubicBezTo>
                    <a:pt x="461" y="15024"/>
                    <a:pt x="482" y="14647"/>
                    <a:pt x="587" y="14333"/>
                  </a:cubicBezTo>
                  <a:cubicBezTo>
                    <a:pt x="880" y="13475"/>
                    <a:pt x="1089" y="12576"/>
                    <a:pt x="1215" y="11655"/>
                  </a:cubicBezTo>
                  <a:cubicBezTo>
                    <a:pt x="1298" y="11174"/>
                    <a:pt x="1319" y="10672"/>
                    <a:pt x="1319" y="10169"/>
                  </a:cubicBezTo>
                  <a:cubicBezTo>
                    <a:pt x="1319" y="8391"/>
                    <a:pt x="1277" y="6633"/>
                    <a:pt x="1235" y="4855"/>
                  </a:cubicBezTo>
                  <a:cubicBezTo>
                    <a:pt x="1235" y="4792"/>
                    <a:pt x="1277" y="4687"/>
                    <a:pt x="1298" y="4541"/>
                  </a:cubicBezTo>
                  <a:cubicBezTo>
                    <a:pt x="2365" y="4269"/>
                    <a:pt x="3432" y="3997"/>
                    <a:pt x="4604" y="3683"/>
                  </a:cubicBezTo>
                  <a:cubicBezTo>
                    <a:pt x="4646" y="3871"/>
                    <a:pt x="4709" y="4060"/>
                    <a:pt x="4730" y="4227"/>
                  </a:cubicBezTo>
                  <a:cubicBezTo>
                    <a:pt x="4772" y="4478"/>
                    <a:pt x="4876" y="4708"/>
                    <a:pt x="5085" y="4813"/>
                  </a:cubicBezTo>
                  <a:cubicBezTo>
                    <a:pt x="5462" y="4980"/>
                    <a:pt x="5839" y="5148"/>
                    <a:pt x="6236" y="5231"/>
                  </a:cubicBezTo>
                  <a:cubicBezTo>
                    <a:pt x="6759" y="5336"/>
                    <a:pt x="7261" y="5294"/>
                    <a:pt x="7471" y="4687"/>
                  </a:cubicBezTo>
                  <a:cubicBezTo>
                    <a:pt x="7889" y="4353"/>
                    <a:pt x="7931" y="3892"/>
                    <a:pt x="7931" y="3411"/>
                  </a:cubicBezTo>
                  <a:cubicBezTo>
                    <a:pt x="7910" y="2993"/>
                    <a:pt x="7931" y="2595"/>
                    <a:pt x="7931" y="2156"/>
                  </a:cubicBezTo>
                  <a:cubicBezTo>
                    <a:pt x="9228" y="1444"/>
                    <a:pt x="10484" y="733"/>
                    <a:pt x="11781" y="0"/>
                  </a:cubicBezTo>
                  <a:lnTo>
                    <a:pt x="12262" y="398"/>
                  </a:lnTo>
                  <a:cubicBezTo>
                    <a:pt x="13350" y="1444"/>
                    <a:pt x="14208" y="2637"/>
                    <a:pt x="14878" y="4039"/>
                  </a:cubicBezTo>
                  <a:cubicBezTo>
                    <a:pt x="14940" y="4185"/>
                    <a:pt x="15024" y="4353"/>
                    <a:pt x="15129" y="4478"/>
                  </a:cubicBezTo>
                  <a:cubicBezTo>
                    <a:pt x="15715" y="5190"/>
                    <a:pt x="16091" y="6027"/>
                    <a:pt x="16510" y="6822"/>
                  </a:cubicBezTo>
                  <a:cubicBezTo>
                    <a:pt x="16824" y="7449"/>
                    <a:pt x="17137" y="8119"/>
                    <a:pt x="17472" y="8747"/>
                  </a:cubicBezTo>
                  <a:cubicBezTo>
                    <a:pt x="17702" y="9207"/>
                    <a:pt x="17912" y="9709"/>
                    <a:pt x="18037" y="10211"/>
                  </a:cubicBezTo>
                  <a:cubicBezTo>
                    <a:pt x="18163" y="10630"/>
                    <a:pt x="18351" y="11006"/>
                    <a:pt x="18539" y="11425"/>
                  </a:cubicBezTo>
                  <a:cubicBezTo>
                    <a:pt x="18749" y="11822"/>
                    <a:pt x="18874" y="12220"/>
                    <a:pt x="18874" y="12680"/>
                  </a:cubicBezTo>
                  <a:cubicBezTo>
                    <a:pt x="18895" y="13057"/>
                    <a:pt x="19041" y="13371"/>
                    <a:pt x="19167" y="13831"/>
                  </a:cubicBezTo>
                  <a:close/>
                </a:path>
              </a:pathLst>
            </a:custGeom>
            <a:solidFill>
              <a:schemeClr val="accent4"/>
            </a:solidFill>
            <a:ln>
              <a:noFill/>
            </a:ln>
          </p:spPr>
          <p:txBody>
            <a:bodyPr spcFirstLastPara="1" wrap="square" lIns="91425" tIns="91425" rIns="91425" bIns="91425" anchor="ctr" anchorCtr="0">
              <a:noAutofit/>
            </a:bodyPr>
            <a:lstStyle/>
            <a:p>
              <a:endParaRPr/>
            </a:p>
          </p:txBody>
        </p:sp>
        <p:sp>
          <p:nvSpPr>
            <p:cNvPr id="2369" name="Google Shape;2369;p74"/>
            <p:cNvSpPr/>
            <p:nvPr/>
          </p:nvSpPr>
          <p:spPr>
            <a:xfrm rot="631759">
              <a:off x="6173709" y="3638506"/>
              <a:ext cx="1226304" cy="479936"/>
            </a:xfrm>
            <a:custGeom>
              <a:avLst/>
              <a:gdLst/>
              <a:ahLst/>
              <a:cxnLst/>
              <a:rect l="l" t="t" r="r" b="b"/>
              <a:pathLst>
                <a:path w="44485" h="17410" extrusionOk="0">
                  <a:moveTo>
                    <a:pt x="31156" y="1214"/>
                  </a:moveTo>
                  <a:cubicBezTo>
                    <a:pt x="31031" y="901"/>
                    <a:pt x="30926" y="587"/>
                    <a:pt x="30842" y="357"/>
                  </a:cubicBezTo>
                  <a:cubicBezTo>
                    <a:pt x="31073" y="1"/>
                    <a:pt x="31365" y="43"/>
                    <a:pt x="31679" y="43"/>
                  </a:cubicBezTo>
                  <a:cubicBezTo>
                    <a:pt x="32433" y="43"/>
                    <a:pt x="33228" y="64"/>
                    <a:pt x="33981" y="64"/>
                  </a:cubicBezTo>
                  <a:cubicBezTo>
                    <a:pt x="35153" y="64"/>
                    <a:pt x="36324" y="106"/>
                    <a:pt x="37517" y="106"/>
                  </a:cubicBezTo>
                  <a:cubicBezTo>
                    <a:pt x="38396" y="106"/>
                    <a:pt x="39254" y="252"/>
                    <a:pt x="40091" y="566"/>
                  </a:cubicBezTo>
                  <a:cubicBezTo>
                    <a:pt x="40802" y="838"/>
                    <a:pt x="41534" y="1068"/>
                    <a:pt x="42267" y="1319"/>
                  </a:cubicBezTo>
                  <a:cubicBezTo>
                    <a:pt x="42476" y="1403"/>
                    <a:pt x="42664" y="1528"/>
                    <a:pt x="42873" y="1654"/>
                  </a:cubicBezTo>
                  <a:cubicBezTo>
                    <a:pt x="43710" y="2114"/>
                    <a:pt x="44108" y="2867"/>
                    <a:pt x="44338" y="3746"/>
                  </a:cubicBezTo>
                  <a:cubicBezTo>
                    <a:pt x="44485" y="4311"/>
                    <a:pt x="44464" y="4792"/>
                    <a:pt x="44045" y="5232"/>
                  </a:cubicBezTo>
                  <a:cubicBezTo>
                    <a:pt x="43627" y="5650"/>
                    <a:pt x="43208" y="6027"/>
                    <a:pt x="42706" y="6341"/>
                  </a:cubicBezTo>
                  <a:cubicBezTo>
                    <a:pt x="42057" y="6801"/>
                    <a:pt x="41492" y="7345"/>
                    <a:pt x="40907" y="7889"/>
                  </a:cubicBezTo>
                  <a:cubicBezTo>
                    <a:pt x="40279" y="8517"/>
                    <a:pt x="39609" y="9061"/>
                    <a:pt x="38814" y="9479"/>
                  </a:cubicBezTo>
                  <a:cubicBezTo>
                    <a:pt x="38103" y="9856"/>
                    <a:pt x="37433" y="10274"/>
                    <a:pt x="36743" y="10651"/>
                  </a:cubicBezTo>
                  <a:cubicBezTo>
                    <a:pt x="35383" y="11425"/>
                    <a:pt x="34002" y="12137"/>
                    <a:pt x="32537" y="12681"/>
                  </a:cubicBezTo>
                  <a:cubicBezTo>
                    <a:pt x="30508" y="13455"/>
                    <a:pt x="28457" y="14187"/>
                    <a:pt x="26344" y="14773"/>
                  </a:cubicBezTo>
                  <a:cubicBezTo>
                    <a:pt x="24565" y="15233"/>
                    <a:pt x="22787" y="15798"/>
                    <a:pt x="20987" y="16238"/>
                  </a:cubicBezTo>
                  <a:cubicBezTo>
                    <a:pt x="19251" y="16635"/>
                    <a:pt x="17535" y="16970"/>
                    <a:pt x="15756" y="17075"/>
                  </a:cubicBezTo>
                  <a:cubicBezTo>
                    <a:pt x="15024" y="17095"/>
                    <a:pt x="14292" y="17179"/>
                    <a:pt x="13559" y="17284"/>
                  </a:cubicBezTo>
                  <a:cubicBezTo>
                    <a:pt x="12660" y="17409"/>
                    <a:pt x="11802" y="17388"/>
                    <a:pt x="10902" y="17326"/>
                  </a:cubicBezTo>
                  <a:cubicBezTo>
                    <a:pt x="10442" y="17305"/>
                    <a:pt x="9961" y="17263"/>
                    <a:pt x="9500" y="17263"/>
                  </a:cubicBezTo>
                  <a:cubicBezTo>
                    <a:pt x="7282" y="17221"/>
                    <a:pt x="5106" y="16865"/>
                    <a:pt x="2930" y="16489"/>
                  </a:cubicBezTo>
                  <a:cubicBezTo>
                    <a:pt x="2386" y="16426"/>
                    <a:pt x="1863" y="16175"/>
                    <a:pt x="1340" y="16007"/>
                  </a:cubicBezTo>
                  <a:cubicBezTo>
                    <a:pt x="1235" y="15966"/>
                    <a:pt x="1110" y="15924"/>
                    <a:pt x="1026" y="15840"/>
                  </a:cubicBezTo>
                  <a:cubicBezTo>
                    <a:pt x="210" y="15171"/>
                    <a:pt x="1" y="14857"/>
                    <a:pt x="398" y="13769"/>
                  </a:cubicBezTo>
                  <a:cubicBezTo>
                    <a:pt x="1005" y="12241"/>
                    <a:pt x="1947" y="10944"/>
                    <a:pt x="3223" y="9877"/>
                  </a:cubicBezTo>
                  <a:cubicBezTo>
                    <a:pt x="3872" y="9333"/>
                    <a:pt x="4500" y="8747"/>
                    <a:pt x="5127" y="8182"/>
                  </a:cubicBezTo>
                  <a:cubicBezTo>
                    <a:pt x="5211" y="8098"/>
                    <a:pt x="5295" y="8015"/>
                    <a:pt x="5399" y="7952"/>
                  </a:cubicBezTo>
                  <a:cubicBezTo>
                    <a:pt x="7199" y="6550"/>
                    <a:pt x="9124" y="5378"/>
                    <a:pt x="11195" y="4437"/>
                  </a:cubicBezTo>
                  <a:cubicBezTo>
                    <a:pt x="11279" y="4416"/>
                    <a:pt x="11362" y="4416"/>
                    <a:pt x="11488" y="4395"/>
                  </a:cubicBezTo>
                  <a:cubicBezTo>
                    <a:pt x="11488" y="5085"/>
                    <a:pt x="11279" y="5608"/>
                    <a:pt x="10588" y="5880"/>
                  </a:cubicBezTo>
                  <a:cubicBezTo>
                    <a:pt x="10149" y="6069"/>
                    <a:pt x="9751" y="6299"/>
                    <a:pt x="9396" y="6613"/>
                  </a:cubicBezTo>
                  <a:cubicBezTo>
                    <a:pt x="9165" y="6822"/>
                    <a:pt x="8852" y="6927"/>
                    <a:pt x="8538" y="7052"/>
                  </a:cubicBezTo>
                  <a:cubicBezTo>
                    <a:pt x="8182" y="7178"/>
                    <a:pt x="7910" y="7366"/>
                    <a:pt x="7617" y="7554"/>
                  </a:cubicBezTo>
                  <a:cubicBezTo>
                    <a:pt x="6717" y="8056"/>
                    <a:pt x="6152" y="8914"/>
                    <a:pt x="5253" y="9417"/>
                  </a:cubicBezTo>
                  <a:cubicBezTo>
                    <a:pt x="5023" y="9542"/>
                    <a:pt x="4813" y="9751"/>
                    <a:pt x="4709" y="9961"/>
                  </a:cubicBezTo>
                  <a:cubicBezTo>
                    <a:pt x="4416" y="10484"/>
                    <a:pt x="3997" y="10902"/>
                    <a:pt x="3579" y="11321"/>
                  </a:cubicBezTo>
                  <a:cubicBezTo>
                    <a:pt x="3307" y="11614"/>
                    <a:pt x="3160" y="11948"/>
                    <a:pt x="3202" y="12367"/>
                  </a:cubicBezTo>
                  <a:lnTo>
                    <a:pt x="3202" y="12618"/>
                  </a:lnTo>
                  <a:cubicBezTo>
                    <a:pt x="3223" y="13015"/>
                    <a:pt x="3098" y="13434"/>
                    <a:pt x="3432" y="13810"/>
                  </a:cubicBezTo>
                  <a:cubicBezTo>
                    <a:pt x="3893" y="14334"/>
                    <a:pt x="4395" y="14773"/>
                    <a:pt x="5127" y="14982"/>
                  </a:cubicBezTo>
                  <a:cubicBezTo>
                    <a:pt x="6048" y="15212"/>
                    <a:pt x="6989" y="15212"/>
                    <a:pt x="7910" y="15443"/>
                  </a:cubicBezTo>
                  <a:cubicBezTo>
                    <a:pt x="8140" y="15505"/>
                    <a:pt x="8370" y="15505"/>
                    <a:pt x="8601" y="15505"/>
                  </a:cubicBezTo>
                  <a:lnTo>
                    <a:pt x="15338" y="15505"/>
                  </a:lnTo>
                  <a:cubicBezTo>
                    <a:pt x="15673" y="15505"/>
                    <a:pt x="16028" y="15422"/>
                    <a:pt x="16384" y="15380"/>
                  </a:cubicBezTo>
                  <a:cubicBezTo>
                    <a:pt x="16698" y="15317"/>
                    <a:pt x="17012" y="15275"/>
                    <a:pt x="17347" y="15233"/>
                  </a:cubicBezTo>
                  <a:cubicBezTo>
                    <a:pt x="17786" y="15191"/>
                    <a:pt x="18225" y="15212"/>
                    <a:pt x="18644" y="15024"/>
                  </a:cubicBezTo>
                  <a:cubicBezTo>
                    <a:pt x="18790" y="14982"/>
                    <a:pt x="18937" y="14982"/>
                    <a:pt x="19104" y="14982"/>
                  </a:cubicBezTo>
                  <a:cubicBezTo>
                    <a:pt x="20234" y="14961"/>
                    <a:pt x="21364" y="14773"/>
                    <a:pt x="22473" y="14396"/>
                  </a:cubicBezTo>
                  <a:cubicBezTo>
                    <a:pt x="22787" y="14292"/>
                    <a:pt x="23101" y="14187"/>
                    <a:pt x="23414" y="14187"/>
                  </a:cubicBezTo>
                  <a:cubicBezTo>
                    <a:pt x="24042" y="14187"/>
                    <a:pt x="24628" y="14020"/>
                    <a:pt x="25214" y="13831"/>
                  </a:cubicBezTo>
                  <a:cubicBezTo>
                    <a:pt x="25611" y="13706"/>
                    <a:pt x="25988" y="13622"/>
                    <a:pt x="26427" y="13518"/>
                  </a:cubicBezTo>
                  <a:cubicBezTo>
                    <a:pt x="26888" y="13392"/>
                    <a:pt x="27390" y="13287"/>
                    <a:pt x="27850" y="13120"/>
                  </a:cubicBezTo>
                  <a:cubicBezTo>
                    <a:pt x="28290" y="12994"/>
                    <a:pt x="28750" y="12806"/>
                    <a:pt x="29210" y="12827"/>
                  </a:cubicBezTo>
                  <a:cubicBezTo>
                    <a:pt x="29273" y="12827"/>
                    <a:pt x="29336" y="12827"/>
                    <a:pt x="29399" y="12806"/>
                  </a:cubicBezTo>
                  <a:cubicBezTo>
                    <a:pt x="30152" y="12555"/>
                    <a:pt x="30947" y="12367"/>
                    <a:pt x="31617" y="11990"/>
                  </a:cubicBezTo>
                  <a:cubicBezTo>
                    <a:pt x="32370" y="11614"/>
                    <a:pt x="33165" y="11300"/>
                    <a:pt x="33918" y="10881"/>
                  </a:cubicBezTo>
                  <a:cubicBezTo>
                    <a:pt x="34086" y="10797"/>
                    <a:pt x="34274" y="10735"/>
                    <a:pt x="34399" y="10609"/>
                  </a:cubicBezTo>
                  <a:cubicBezTo>
                    <a:pt x="34839" y="10212"/>
                    <a:pt x="35362" y="9961"/>
                    <a:pt x="35906" y="9751"/>
                  </a:cubicBezTo>
                  <a:lnTo>
                    <a:pt x="36073" y="9668"/>
                  </a:lnTo>
                  <a:cubicBezTo>
                    <a:pt x="36596" y="9228"/>
                    <a:pt x="37161" y="8893"/>
                    <a:pt x="37831" y="8705"/>
                  </a:cubicBezTo>
                  <a:cubicBezTo>
                    <a:pt x="38919" y="7952"/>
                    <a:pt x="39944" y="7136"/>
                    <a:pt x="40781" y="6090"/>
                  </a:cubicBezTo>
                  <a:cubicBezTo>
                    <a:pt x="40865" y="6006"/>
                    <a:pt x="40928" y="5880"/>
                    <a:pt x="40969" y="5776"/>
                  </a:cubicBezTo>
                  <a:cubicBezTo>
                    <a:pt x="41011" y="5023"/>
                    <a:pt x="41346" y="4311"/>
                    <a:pt x="41241" y="3516"/>
                  </a:cubicBezTo>
                  <a:cubicBezTo>
                    <a:pt x="41220" y="3265"/>
                    <a:pt x="41137" y="3077"/>
                    <a:pt x="40907" y="2951"/>
                  </a:cubicBezTo>
                  <a:cubicBezTo>
                    <a:pt x="40823" y="2888"/>
                    <a:pt x="40718" y="2888"/>
                    <a:pt x="40676" y="2826"/>
                  </a:cubicBezTo>
                  <a:cubicBezTo>
                    <a:pt x="40091" y="2135"/>
                    <a:pt x="39295" y="1842"/>
                    <a:pt x="38500" y="1528"/>
                  </a:cubicBezTo>
                  <a:cubicBezTo>
                    <a:pt x="37831" y="1277"/>
                    <a:pt x="37161" y="1068"/>
                    <a:pt x="36471" y="1068"/>
                  </a:cubicBezTo>
                  <a:cubicBezTo>
                    <a:pt x="34922" y="1068"/>
                    <a:pt x="33395" y="1110"/>
                    <a:pt x="31868" y="1152"/>
                  </a:cubicBezTo>
                  <a:cubicBezTo>
                    <a:pt x="31617" y="1152"/>
                    <a:pt x="31449" y="1194"/>
                    <a:pt x="31156" y="1214"/>
                  </a:cubicBezTo>
                  <a:close/>
                </a:path>
              </a:pathLst>
            </a:custGeom>
            <a:solidFill>
              <a:schemeClr val="accent3"/>
            </a:solidFill>
            <a:ln>
              <a:noFill/>
            </a:ln>
          </p:spPr>
          <p:txBody>
            <a:bodyPr spcFirstLastPara="1" wrap="square" lIns="91425" tIns="91425" rIns="91425" bIns="91425" anchor="ctr" anchorCtr="0">
              <a:noAutofit/>
            </a:bodyPr>
            <a:lstStyle/>
            <a:p>
              <a:endParaRPr/>
            </a:p>
          </p:txBody>
        </p:sp>
        <p:sp>
          <p:nvSpPr>
            <p:cNvPr id="2370" name="Google Shape;2370;p74"/>
            <p:cNvSpPr/>
            <p:nvPr/>
          </p:nvSpPr>
          <p:spPr>
            <a:xfrm rot="631759">
              <a:off x="6928252" y="4174840"/>
              <a:ext cx="159225" cy="84823"/>
            </a:xfrm>
            <a:custGeom>
              <a:avLst/>
              <a:gdLst/>
              <a:ahLst/>
              <a:cxnLst/>
              <a:rect l="l" t="t" r="r" b="b"/>
              <a:pathLst>
                <a:path w="5776" h="3077" extrusionOk="0">
                  <a:moveTo>
                    <a:pt x="398" y="1"/>
                  </a:moveTo>
                  <a:lnTo>
                    <a:pt x="3181" y="1"/>
                  </a:lnTo>
                  <a:cubicBezTo>
                    <a:pt x="3432" y="1"/>
                    <a:pt x="3641" y="106"/>
                    <a:pt x="3871" y="168"/>
                  </a:cubicBezTo>
                  <a:cubicBezTo>
                    <a:pt x="4269" y="315"/>
                    <a:pt x="4645" y="461"/>
                    <a:pt x="5043" y="566"/>
                  </a:cubicBezTo>
                  <a:cubicBezTo>
                    <a:pt x="5273" y="650"/>
                    <a:pt x="5461" y="775"/>
                    <a:pt x="5587" y="963"/>
                  </a:cubicBezTo>
                  <a:cubicBezTo>
                    <a:pt x="5775" y="1215"/>
                    <a:pt x="5775" y="1675"/>
                    <a:pt x="5524" y="1842"/>
                  </a:cubicBezTo>
                  <a:cubicBezTo>
                    <a:pt x="5001" y="2219"/>
                    <a:pt x="4520" y="2658"/>
                    <a:pt x="3871" y="2847"/>
                  </a:cubicBezTo>
                  <a:cubicBezTo>
                    <a:pt x="3076" y="3077"/>
                    <a:pt x="2302" y="3035"/>
                    <a:pt x="1507" y="2972"/>
                  </a:cubicBezTo>
                  <a:cubicBezTo>
                    <a:pt x="963" y="2909"/>
                    <a:pt x="607" y="2470"/>
                    <a:pt x="230" y="2093"/>
                  </a:cubicBezTo>
                  <a:cubicBezTo>
                    <a:pt x="210" y="2031"/>
                    <a:pt x="189" y="1989"/>
                    <a:pt x="189" y="1926"/>
                  </a:cubicBezTo>
                  <a:cubicBezTo>
                    <a:pt x="147" y="1298"/>
                    <a:pt x="0" y="629"/>
                    <a:pt x="398" y="1"/>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371" name="Google Shape;2371;p74"/>
            <p:cNvSpPr/>
            <p:nvPr/>
          </p:nvSpPr>
          <p:spPr>
            <a:xfrm rot="631759">
              <a:off x="6491293" y="4172251"/>
              <a:ext cx="114815" cy="84795"/>
            </a:xfrm>
            <a:custGeom>
              <a:avLst/>
              <a:gdLst/>
              <a:ahLst/>
              <a:cxnLst/>
              <a:rect l="l" t="t" r="r" b="b"/>
              <a:pathLst>
                <a:path w="4165" h="3076" extrusionOk="0">
                  <a:moveTo>
                    <a:pt x="3997" y="42"/>
                  </a:moveTo>
                  <a:cubicBezTo>
                    <a:pt x="4164" y="356"/>
                    <a:pt x="4101" y="733"/>
                    <a:pt x="4059" y="1067"/>
                  </a:cubicBezTo>
                  <a:cubicBezTo>
                    <a:pt x="3976" y="1402"/>
                    <a:pt x="3704" y="1590"/>
                    <a:pt x="3432" y="1779"/>
                  </a:cubicBezTo>
                  <a:cubicBezTo>
                    <a:pt x="3076" y="2009"/>
                    <a:pt x="2762" y="2281"/>
                    <a:pt x="2448" y="2511"/>
                  </a:cubicBezTo>
                  <a:cubicBezTo>
                    <a:pt x="1862" y="2950"/>
                    <a:pt x="1193" y="3076"/>
                    <a:pt x="461" y="3055"/>
                  </a:cubicBezTo>
                  <a:cubicBezTo>
                    <a:pt x="126" y="3034"/>
                    <a:pt x="21" y="2909"/>
                    <a:pt x="0" y="2553"/>
                  </a:cubicBezTo>
                  <a:cubicBezTo>
                    <a:pt x="0" y="2281"/>
                    <a:pt x="21" y="2030"/>
                    <a:pt x="251" y="1862"/>
                  </a:cubicBezTo>
                  <a:cubicBezTo>
                    <a:pt x="440" y="1695"/>
                    <a:pt x="607" y="1528"/>
                    <a:pt x="753" y="1360"/>
                  </a:cubicBezTo>
                  <a:cubicBezTo>
                    <a:pt x="1088" y="942"/>
                    <a:pt x="1570" y="733"/>
                    <a:pt x="2072" y="544"/>
                  </a:cubicBezTo>
                  <a:cubicBezTo>
                    <a:pt x="2637" y="314"/>
                    <a:pt x="3264" y="293"/>
                    <a:pt x="3808" y="42"/>
                  </a:cubicBezTo>
                  <a:cubicBezTo>
                    <a:pt x="3850" y="0"/>
                    <a:pt x="3913" y="21"/>
                    <a:pt x="3997" y="42"/>
                  </a:cubicBezTo>
                  <a:close/>
                </a:path>
              </a:pathLst>
            </a:custGeom>
            <a:solidFill>
              <a:schemeClr val="accent2"/>
            </a:solidFill>
            <a:ln>
              <a:noFill/>
            </a:ln>
          </p:spPr>
          <p:txBody>
            <a:bodyPr spcFirstLastPara="1" wrap="square" lIns="91425" tIns="91425" rIns="91425" bIns="91425" anchor="ctr" anchorCtr="0">
              <a:noAutofit/>
            </a:bodyPr>
            <a:lstStyle/>
            <a:p>
              <a:endParaRPr/>
            </a:p>
          </p:txBody>
        </p:sp>
        <p:sp>
          <p:nvSpPr>
            <p:cNvPr id="2372" name="Google Shape;2372;p74"/>
            <p:cNvSpPr/>
            <p:nvPr/>
          </p:nvSpPr>
          <p:spPr>
            <a:xfrm rot="631759">
              <a:off x="6180350" y="3140802"/>
              <a:ext cx="77903" cy="98661"/>
            </a:xfrm>
            <a:custGeom>
              <a:avLst/>
              <a:gdLst/>
              <a:ahLst/>
              <a:cxnLst/>
              <a:rect l="l" t="t" r="r" b="b"/>
              <a:pathLst>
                <a:path w="2826" h="3579" extrusionOk="0">
                  <a:moveTo>
                    <a:pt x="1779" y="126"/>
                  </a:moveTo>
                  <a:cubicBezTo>
                    <a:pt x="2114" y="1235"/>
                    <a:pt x="2469" y="2323"/>
                    <a:pt x="2825" y="3453"/>
                  </a:cubicBezTo>
                  <a:cubicBezTo>
                    <a:pt x="2323" y="3558"/>
                    <a:pt x="1821" y="3578"/>
                    <a:pt x="1360" y="3474"/>
                  </a:cubicBezTo>
                  <a:cubicBezTo>
                    <a:pt x="733" y="3348"/>
                    <a:pt x="0" y="2930"/>
                    <a:pt x="84" y="2072"/>
                  </a:cubicBezTo>
                  <a:cubicBezTo>
                    <a:pt x="105" y="1674"/>
                    <a:pt x="105" y="1277"/>
                    <a:pt x="314" y="900"/>
                  </a:cubicBezTo>
                  <a:cubicBezTo>
                    <a:pt x="628" y="252"/>
                    <a:pt x="1047" y="1"/>
                    <a:pt x="1779" y="126"/>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373" name="Google Shape;2373;p74"/>
            <p:cNvSpPr/>
            <p:nvPr/>
          </p:nvSpPr>
          <p:spPr>
            <a:xfrm rot="631759">
              <a:off x="7183659" y="2956081"/>
              <a:ext cx="42701" cy="91163"/>
            </a:xfrm>
            <a:custGeom>
              <a:avLst/>
              <a:gdLst/>
              <a:ahLst/>
              <a:cxnLst/>
              <a:rect l="l" t="t" r="r" b="b"/>
              <a:pathLst>
                <a:path w="1549" h="3307" extrusionOk="0">
                  <a:moveTo>
                    <a:pt x="1088" y="3306"/>
                  </a:moveTo>
                  <a:cubicBezTo>
                    <a:pt x="1026" y="3202"/>
                    <a:pt x="984" y="3160"/>
                    <a:pt x="942" y="3076"/>
                  </a:cubicBezTo>
                  <a:lnTo>
                    <a:pt x="84" y="482"/>
                  </a:lnTo>
                  <a:cubicBezTo>
                    <a:pt x="0" y="231"/>
                    <a:pt x="147" y="42"/>
                    <a:pt x="419" y="21"/>
                  </a:cubicBezTo>
                  <a:cubicBezTo>
                    <a:pt x="712" y="0"/>
                    <a:pt x="921" y="42"/>
                    <a:pt x="1109" y="314"/>
                  </a:cubicBezTo>
                  <a:cubicBezTo>
                    <a:pt x="1402" y="691"/>
                    <a:pt x="1549" y="1088"/>
                    <a:pt x="1528" y="1591"/>
                  </a:cubicBezTo>
                  <a:cubicBezTo>
                    <a:pt x="1507" y="2156"/>
                    <a:pt x="1444" y="2721"/>
                    <a:pt x="1088" y="3306"/>
                  </a:cubicBezTo>
                  <a:close/>
                </a:path>
              </a:pathLst>
            </a:custGeom>
            <a:solidFill>
              <a:schemeClr val="accent1"/>
            </a:solidFill>
            <a:ln>
              <a:noFill/>
            </a:ln>
          </p:spPr>
          <p:txBody>
            <a:bodyPr spcFirstLastPara="1" wrap="square" lIns="91425" tIns="91425" rIns="91425" bIns="91425" anchor="ctr" anchorCtr="0">
              <a:noAutofit/>
            </a:bodyPr>
            <a:lstStyle/>
            <a:p>
              <a:endParaRPr/>
            </a:p>
          </p:txBody>
        </p:sp>
        <p:sp>
          <p:nvSpPr>
            <p:cNvPr id="2374" name="Google Shape;2374;p74"/>
            <p:cNvSpPr/>
            <p:nvPr/>
          </p:nvSpPr>
          <p:spPr>
            <a:xfrm rot="631759">
              <a:off x="6724266" y="3438347"/>
              <a:ext cx="43859" cy="49041"/>
            </a:xfrm>
            <a:custGeom>
              <a:avLst/>
              <a:gdLst/>
              <a:ahLst/>
              <a:cxnLst/>
              <a:rect l="l" t="t" r="r" b="b"/>
              <a:pathLst>
                <a:path w="1591" h="1779" extrusionOk="0">
                  <a:moveTo>
                    <a:pt x="1548" y="0"/>
                  </a:moveTo>
                  <a:cubicBezTo>
                    <a:pt x="1569" y="356"/>
                    <a:pt x="1590" y="586"/>
                    <a:pt x="1590" y="817"/>
                  </a:cubicBezTo>
                  <a:cubicBezTo>
                    <a:pt x="1548" y="1507"/>
                    <a:pt x="1067" y="1779"/>
                    <a:pt x="439" y="1549"/>
                  </a:cubicBezTo>
                  <a:cubicBezTo>
                    <a:pt x="335" y="1486"/>
                    <a:pt x="230" y="1465"/>
                    <a:pt x="84" y="1402"/>
                  </a:cubicBezTo>
                  <a:cubicBezTo>
                    <a:pt x="42" y="1193"/>
                    <a:pt x="21" y="942"/>
                    <a:pt x="0" y="691"/>
                  </a:cubicBezTo>
                  <a:cubicBezTo>
                    <a:pt x="418" y="314"/>
                    <a:pt x="921" y="210"/>
                    <a:pt x="1548" y="0"/>
                  </a:cubicBezTo>
                  <a:close/>
                </a:path>
              </a:pathLst>
            </a:custGeom>
            <a:solidFill>
              <a:srgbClr val="FFFFFF"/>
            </a:solidFill>
            <a:ln>
              <a:noFill/>
            </a:ln>
          </p:spPr>
          <p:txBody>
            <a:bodyPr spcFirstLastPara="1" wrap="square" lIns="91425" tIns="91425" rIns="91425" bIns="91425" anchor="ctr" anchorCtr="0">
              <a:noAutofit/>
            </a:bodyPr>
            <a:lstStyle/>
            <a:p>
              <a:endParaRPr/>
            </a:p>
          </p:txBody>
        </p:sp>
        <p:sp>
          <p:nvSpPr>
            <p:cNvPr id="2375" name="Google Shape;2375;p74"/>
            <p:cNvSpPr/>
            <p:nvPr/>
          </p:nvSpPr>
          <p:spPr>
            <a:xfrm rot="631759">
              <a:off x="6976253" y="3005282"/>
              <a:ext cx="179404" cy="223263"/>
            </a:xfrm>
            <a:custGeom>
              <a:avLst/>
              <a:gdLst/>
              <a:ahLst/>
              <a:cxnLst/>
              <a:rect l="l" t="t" r="r" b="b"/>
              <a:pathLst>
                <a:path w="6508" h="8099" extrusionOk="0">
                  <a:moveTo>
                    <a:pt x="5901" y="2637"/>
                  </a:moveTo>
                  <a:cubicBezTo>
                    <a:pt x="5797" y="1842"/>
                    <a:pt x="5462" y="1089"/>
                    <a:pt x="4834" y="649"/>
                  </a:cubicBezTo>
                  <a:cubicBezTo>
                    <a:pt x="3851" y="1"/>
                    <a:pt x="2574" y="22"/>
                    <a:pt x="1696" y="838"/>
                  </a:cubicBezTo>
                  <a:cubicBezTo>
                    <a:pt x="1528" y="984"/>
                    <a:pt x="1382" y="1152"/>
                    <a:pt x="1235" y="1319"/>
                  </a:cubicBezTo>
                  <a:cubicBezTo>
                    <a:pt x="1172" y="1403"/>
                    <a:pt x="1089" y="1507"/>
                    <a:pt x="1026" y="1612"/>
                  </a:cubicBezTo>
                  <a:lnTo>
                    <a:pt x="963" y="1779"/>
                  </a:lnTo>
                  <a:cubicBezTo>
                    <a:pt x="147" y="3077"/>
                    <a:pt x="1" y="4750"/>
                    <a:pt x="859" y="6111"/>
                  </a:cubicBezTo>
                  <a:cubicBezTo>
                    <a:pt x="2114" y="8098"/>
                    <a:pt x="4771" y="7533"/>
                    <a:pt x="5922" y="5797"/>
                  </a:cubicBezTo>
                  <a:cubicBezTo>
                    <a:pt x="6508" y="4918"/>
                    <a:pt x="6403" y="3683"/>
                    <a:pt x="5901" y="2637"/>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76" name="Google Shape;2376;p74"/>
            <p:cNvSpPr/>
            <p:nvPr/>
          </p:nvSpPr>
          <p:spPr>
            <a:xfrm rot="631759">
              <a:off x="6288121" y="3122396"/>
              <a:ext cx="194400" cy="236495"/>
            </a:xfrm>
            <a:custGeom>
              <a:avLst/>
              <a:gdLst/>
              <a:ahLst/>
              <a:cxnLst/>
              <a:rect l="l" t="t" r="r" b="b"/>
              <a:pathLst>
                <a:path w="7052" h="8579" extrusionOk="0">
                  <a:moveTo>
                    <a:pt x="6821" y="3432"/>
                  </a:moveTo>
                  <a:cubicBezTo>
                    <a:pt x="6759" y="3097"/>
                    <a:pt x="6654" y="2762"/>
                    <a:pt x="6508" y="2490"/>
                  </a:cubicBezTo>
                  <a:cubicBezTo>
                    <a:pt x="5608" y="774"/>
                    <a:pt x="2846" y="0"/>
                    <a:pt x="1737" y="1674"/>
                  </a:cubicBezTo>
                  <a:cubicBezTo>
                    <a:pt x="1632" y="1695"/>
                    <a:pt x="1528" y="1716"/>
                    <a:pt x="1423" y="1779"/>
                  </a:cubicBezTo>
                  <a:cubicBezTo>
                    <a:pt x="63" y="2490"/>
                    <a:pt x="0" y="4582"/>
                    <a:pt x="837" y="5817"/>
                  </a:cubicBezTo>
                  <a:cubicBezTo>
                    <a:pt x="900" y="6507"/>
                    <a:pt x="1088" y="7198"/>
                    <a:pt x="1570" y="7679"/>
                  </a:cubicBezTo>
                  <a:cubicBezTo>
                    <a:pt x="2093" y="8265"/>
                    <a:pt x="2867" y="8307"/>
                    <a:pt x="3557" y="8077"/>
                  </a:cubicBezTo>
                  <a:cubicBezTo>
                    <a:pt x="5336" y="8579"/>
                    <a:pt x="7052" y="5984"/>
                    <a:pt x="7010" y="4310"/>
                  </a:cubicBezTo>
                  <a:cubicBezTo>
                    <a:pt x="7010" y="3997"/>
                    <a:pt x="6926" y="3683"/>
                    <a:pt x="6821" y="3432"/>
                  </a:cubicBezTo>
                  <a:close/>
                </a:path>
              </a:pathLst>
            </a:custGeom>
            <a:solidFill>
              <a:schemeClr val="accent6"/>
            </a:solidFill>
            <a:ln>
              <a:noFill/>
            </a:ln>
          </p:spPr>
          <p:txBody>
            <a:bodyPr spcFirstLastPara="1" wrap="square" lIns="91425" tIns="91425" rIns="91425" bIns="91425" anchor="ctr" anchorCtr="0">
              <a:noAutofit/>
            </a:bodyPr>
            <a:lstStyle/>
            <a:p>
              <a:endParaRPr/>
            </a:p>
          </p:txBody>
        </p:sp>
        <p:sp>
          <p:nvSpPr>
            <p:cNvPr id="2377" name="Google Shape;2377;p74"/>
            <p:cNvSpPr/>
            <p:nvPr/>
          </p:nvSpPr>
          <p:spPr>
            <a:xfrm rot="631759">
              <a:off x="5941863" y="3784744"/>
              <a:ext cx="129233" cy="239389"/>
            </a:xfrm>
            <a:custGeom>
              <a:avLst/>
              <a:gdLst/>
              <a:ahLst/>
              <a:cxnLst/>
              <a:rect l="l" t="t" r="r" b="b"/>
              <a:pathLst>
                <a:path w="4688" h="8684" extrusionOk="0">
                  <a:moveTo>
                    <a:pt x="0" y="4667"/>
                  </a:moveTo>
                  <a:cubicBezTo>
                    <a:pt x="84" y="4353"/>
                    <a:pt x="147" y="4039"/>
                    <a:pt x="251" y="3767"/>
                  </a:cubicBezTo>
                  <a:cubicBezTo>
                    <a:pt x="544" y="2846"/>
                    <a:pt x="1088" y="2093"/>
                    <a:pt x="1653" y="1298"/>
                  </a:cubicBezTo>
                  <a:cubicBezTo>
                    <a:pt x="2009" y="775"/>
                    <a:pt x="2448" y="377"/>
                    <a:pt x="3034" y="105"/>
                  </a:cubicBezTo>
                  <a:cubicBezTo>
                    <a:pt x="3139" y="43"/>
                    <a:pt x="3243" y="1"/>
                    <a:pt x="3369" y="1"/>
                  </a:cubicBezTo>
                  <a:cubicBezTo>
                    <a:pt x="3474" y="1"/>
                    <a:pt x="3599" y="43"/>
                    <a:pt x="3662" y="126"/>
                  </a:cubicBezTo>
                  <a:cubicBezTo>
                    <a:pt x="3704" y="210"/>
                    <a:pt x="3704" y="356"/>
                    <a:pt x="3683" y="440"/>
                  </a:cubicBezTo>
                  <a:cubicBezTo>
                    <a:pt x="3599" y="587"/>
                    <a:pt x="3453" y="691"/>
                    <a:pt x="3327" y="796"/>
                  </a:cubicBezTo>
                  <a:cubicBezTo>
                    <a:pt x="2134" y="1675"/>
                    <a:pt x="1507" y="2867"/>
                    <a:pt x="1067" y="4206"/>
                  </a:cubicBezTo>
                  <a:cubicBezTo>
                    <a:pt x="1026" y="4332"/>
                    <a:pt x="984" y="4499"/>
                    <a:pt x="1026" y="4646"/>
                  </a:cubicBezTo>
                  <a:cubicBezTo>
                    <a:pt x="1151" y="5797"/>
                    <a:pt x="1549" y="6822"/>
                    <a:pt x="2741" y="7282"/>
                  </a:cubicBezTo>
                  <a:lnTo>
                    <a:pt x="4394" y="7910"/>
                  </a:lnTo>
                  <a:cubicBezTo>
                    <a:pt x="4478" y="7952"/>
                    <a:pt x="4541" y="7994"/>
                    <a:pt x="4603" y="8056"/>
                  </a:cubicBezTo>
                  <a:cubicBezTo>
                    <a:pt x="4687" y="8098"/>
                    <a:pt x="4687" y="8307"/>
                    <a:pt x="4583" y="8370"/>
                  </a:cubicBezTo>
                  <a:cubicBezTo>
                    <a:pt x="4269" y="8538"/>
                    <a:pt x="3913" y="8684"/>
                    <a:pt x="3578" y="8579"/>
                  </a:cubicBezTo>
                  <a:cubicBezTo>
                    <a:pt x="2825" y="8328"/>
                    <a:pt x="2072" y="8098"/>
                    <a:pt x="1402" y="7596"/>
                  </a:cubicBezTo>
                  <a:cubicBezTo>
                    <a:pt x="942" y="7240"/>
                    <a:pt x="544" y="6822"/>
                    <a:pt x="398" y="6194"/>
                  </a:cubicBezTo>
                  <a:cubicBezTo>
                    <a:pt x="251" y="5713"/>
                    <a:pt x="0" y="5253"/>
                    <a:pt x="0" y="4667"/>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78" name="Google Shape;2378;p74"/>
            <p:cNvSpPr/>
            <p:nvPr/>
          </p:nvSpPr>
          <p:spPr>
            <a:xfrm rot="631759">
              <a:off x="6040177" y="3890014"/>
              <a:ext cx="55409" cy="100398"/>
            </a:xfrm>
            <a:custGeom>
              <a:avLst/>
              <a:gdLst/>
              <a:ahLst/>
              <a:cxnLst/>
              <a:rect l="l" t="t" r="r" b="b"/>
              <a:pathLst>
                <a:path w="2010" h="3642" extrusionOk="0">
                  <a:moveTo>
                    <a:pt x="1" y="1946"/>
                  </a:moveTo>
                  <a:cubicBezTo>
                    <a:pt x="1" y="1130"/>
                    <a:pt x="419" y="607"/>
                    <a:pt x="984" y="126"/>
                  </a:cubicBezTo>
                  <a:cubicBezTo>
                    <a:pt x="1130" y="21"/>
                    <a:pt x="1256" y="0"/>
                    <a:pt x="1381" y="105"/>
                  </a:cubicBezTo>
                  <a:cubicBezTo>
                    <a:pt x="1507" y="189"/>
                    <a:pt x="1570" y="440"/>
                    <a:pt x="1465" y="586"/>
                  </a:cubicBezTo>
                  <a:cubicBezTo>
                    <a:pt x="1235" y="837"/>
                    <a:pt x="1089" y="1172"/>
                    <a:pt x="963" y="1486"/>
                  </a:cubicBezTo>
                  <a:cubicBezTo>
                    <a:pt x="775" y="2051"/>
                    <a:pt x="879" y="2365"/>
                    <a:pt x="1381" y="2699"/>
                  </a:cubicBezTo>
                  <a:cubicBezTo>
                    <a:pt x="1549" y="2804"/>
                    <a:pt x="1695" y="2846"/>
                    <a:pt x="1821" y="2992"/>
                  </a:cubicBezTo>
                  <a:cubicBezTo>
                    <a:pt x="1905" y="3055"/>
                    <a:pt x="2009" y="3202"/>
                    <a:pt x="1988" y="3264"/>
                  </a:cubicBezTo>
                  <a:cubicBezTo>
                    <a:pt x="1967" y="3411"/>
                    <a:pt x="1821" y="3536"/>
                    <a:pt x="1716" y="3578"/>
                  </a:cubicBezTo>
                  <a:cubicBezTo>
                    <a:pt x="1612" y="3641"/>
                    <a:pt x="1444" y="3641"/>
                    <a:pt x="1298" y="3620"/>
                  </a:cubicBezTo>
                  <a:cubicBezTo>
                    <a:pt x="837" y="3474"/>
                    <a:pt x="440" y="3202"/>
                    <a:pt x="210" y="2804"/>
                  </a:cubicBezTo>
                  <a:cubicBezTo>
                    <a:pt x="84" y="2532"/>
                    <a:pt x="42" y="2218"/>
                    <a:pt x="1" y="194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79" name="Google Shape;2379;p74"/>
            <p:cNvSpPr/>
            <p:nvPr/>
          </p:nvSpPr>
          <p:spPr>
            <a:xfrm rot="631759">
              <a:off x="7484387" y="3631350"/>
              <a:ext cx="161513" cy="155752"/>
            </a:xfrm>
            <a:custGeom>
              <a:avLst/>
              <a:gdLst/>
              <a:ahLst/>
              <a:cxnLst/>
              <a:rect l="l" t="t" r="r" b="b"/>
              <a:pathLst>
                <a:path w="5859" h="5650" extrusionOk="0">
                  <a:moveTo>
                    <a:pt x="4875" y="5650"/>
                  </a:moveTo>
                  <a:cubicBezTo>
                    <a:pt x="4562" y="5273"/>
                    <a:pt x="5064" y="5043"/>
                    <a:pt x="4959" y="4708"/>
                  </a:cubicBezTo>
                  <a:cubicBezTo>
                    <a:pt x="4875" y="4436"/>
                    <a:pt x="4917" y="4122"/>
                    <a:pt x="4917" y="3871"/>
                  </a:cubicBezTo>
                  <a:cubicBezTo>
                    <a:pt x="4080" y="2867"/>
                    <a:pt x="3202" y="2009"/>
                    <a:pt x="2009" y="1486"/>
                  </a:cubicBezTo>
                  <a:cubicBezTo>
                    <a:pt x="1695" y="1318"/>
                    <a:pt x="1402" y="1151"/>
                    <a:pt x="1067" y="984"/>
                  </a:cubicBezTo>
                  <a:cubicBezTo>
                    <a:pt x="858" y="879"/>
                    <a:pt x="691" y="754"/>
                    <a:pt x="419" y="858"/>
                  </a:cubicBezTo>
                  <a:cubicBezTo>
                    <a:pt x="209" y="942"/>
                    <a:pt x="105" y="754"/>
                    <a:pt x="63" y="565"/>
                  </a:cubicBezTo>
                  <a:cubicBezTo>
                    <a:pt x="0" y="356"/>
                    <a:pt x="105" y="210"/>
                    <a:pt x="272" y="126"/>
                  </a:cubicBezTo>
                  <a:cubicBezTo>
                    <a:pt x="565" y="0"/>
                    <a:pt x="837" y="0"/>
                    <a:pt x="1130" y="105"/>
                  </a:cubicBezTo>
                  <a:cubicBezTo>
                    <a:pt x="2386" y="628"/>
                    <a:pt x="3641" y="1088"/>
                    <a:pt x="4603" y="2114"/>
                  </a:cubicBezTo>
                  <a:lnTo>
                    <a:pt x="5545" y="3055"/>
                  </a:lnTo>
                  <a:cubicBezTo>
                    <a:pt x="5754" y="3264"/>
                    <a:pt x="5838" y="3495"/>
                    <a:pt x="5838" y="3767"/>
                  </a:cubicBezTo>
                  <a:lnTo>
                    <a:pt x="5838" y="4541"/>
                  </a:lnTo>
                  <a:cubicBezTo>
                    <a:pt x="5859" y="5022"/>
                    <a:pt x="5650" y="5336"/>
                    <a:pt x="5210" y="5482"/>
                  </a:cubicBezTo>
                  <a:cubicBezTo>
                    <a:pt x="5126" y="5587"/>
                    <a:pt x="4980" y="5629"/>
                    <a:pt x="4875" y="5650"/>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80" name="Google Shape;2380;p74"/>
            <p:cNvSpPr/>
            <p:nvPr/>
          </p:nvSpPr>
          <p:spPr>
            <a:xfrm rot="631759">
              <a:off x="7539449" y="3544528"/>
              <a:ext cx="105580" cy="47304"/>
            </a:xfrm>
            <a:custGeom>
              <a:avLst/>
              <a:gdLst/>
              <a:ahLst/>
              <a:cxnLst/>
              <a:rect l="l" t="t" r="r" b="b"/>
              <a:pathLst>
                <a:path w="3830" h="1716" extrusionOk="0">
                  <a:moveTo>
                    <a:pt x="3599" y="1716"/>
                  </a:moveTo>
                  <a:cubicBezTo>
                    <a:pt x="3495" y="1674"/>
                    <a:pt x="3327" y="1653"/>
                    <a:pt x="3223" y="1548"/>
                  </a:cubicBezTo>
                  <a:cubicBezTo>
                    <a:pt x="2720" y="1046"/>
                    <a:pt x="2156" y="879"/>
                    <a:pt x="1465" y="879"/>
                  </a:cubicBezTo>
                  <a:cubicBezTo>
                    <a:pt x="1130" y="879"/>
                    <a:pt x="775" y="879"/>
                    <a:pt x="419" y="837"/>
                  </a:cubicBezTo>
                  <a:cubicBezTo>
                    <a:pt x="293" y="795"/>
                    <a:pt x="147" y="732"/>
                    <a:pt x="63" y="649"/>
                  </a:cubicBezTo>
                  <a:cubicBezTo>
                    <a:pt x="0" y="586"/>
                    <a:pt x="0" y="419"/>
                    <a:pt x="63" y="356"/>
                  </a:cubicBezTo>
                  <a:cubicBezTo>
                    <a:pt x="105" y="272"/>
                    <a:pt x="251" y="168"/>
                    <a:pt x="356" y="168"/>
                  </a:cubicBezTo>
                  <a:cubicBezTo>
                    <a:pt x="1298" y="105"/>
                    <a:pt x="2197" y="0"/>
                    <a:pt x="3097" y="419"/>
                  </a:cubicBezTo>
                  <a:cubicBezTo>
                    <a:pt x="3348" y="523"/>
                    <a:pt x="3536" y="691"/>
                    <a:pt x="3641" y="963"/>
                  </a:cubicBezTo>
                  <a:cubicBezTo>
                    <a:pt x="3746" y="1172"/>
                    <a:pt x="3829" y="1444"/>
                    <a:pt x="3599" y="1716"/>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81" name="Google Shape;2381;p74"/>
            <p:cNvSpPr/>
            <p:nvPr/>
          </p:nvSpPr>
          <p:spPr>
            <a:xfrm rot="631759">
              <a:off x="6053849" y="2552528"/>
              <a:ext cx="1454694" cy="1759250"/>
            </a:xfrm>
            <a:custGeom>
              <a:avLst/>
              <a:gdLst/>
              <a:ahLst/>
              <a:cxnLst/>
              <a:rect l="l" t="t" r="r" b="b"/>
              <a:pathLst>
                <a:path w="52770" h="63818" extrusionOk="0">
                  <a:moveTo>
                    <a:pt x="19460" y="34504"/>
                  </a:moveTo>
                  <a:cubicBezTo>
                    <a:pt x="19104" y="34441"/>
                    <a:pt x="18832" y="34566"/>
                    <a:pt x="18560" y="34608"/>
                  </a:cubicBezTo>
                  <a:cubicBezTo>
                    <a:pt x="18288" y="34650"/>
                    <a:pt x="18037" y="34734"/>
                    <a:pt x="17765" y="34734"/>
                  </a:cubicBezTo>
                  <a:cubicBezTo>
                    <a:pt x="16154" y="34797"/>
                    <a:pt x="14522" y="34797"/>
                    <a:pt x="12931" y="34504"/>
                  </a:cubicBezTo>
                  <a:cubicBezTo>
                    <a:pt x="12638" y="34441"/>
                    <a:pt x="12387" y="34315"/>
                    <a:pt x="12115" y="34190"/>
                  </a:cubicBezTo>
                  <a:cubicBezTo>
                    <a:pt x="11488" y="33876"/>
                    <a:pt x="10860" y="33520"/>
                    <a:pt x="10211" y="33185"/>
                  </a:cubicBezTo>
                  <a:cubicBezTo>
                    <a:pt x="9709" y="33688"/>
                    <a:pt x="9186" y="33709"/>
                    <a:pt x="8579" y="33457"/>
                  </a:cubicBezTo>
                  <a:cubicBezTo>
                    <a:pt x="8349" y="33353"/>
                    <a:pt x="8056" y="33374"/>
                    <a:pt x="7805" y="33353"/>
                  </a:cubicBezTo>
                  <a:cubicBezTo>
                    <a:pt x="7010" y="33311"/>
                    <a:pt x="6194" y="33416"/>
                    <a:pt x="5441" y="33123"/>
                  </a:cubicBezTo>
                  <a:cubicBezTo>
                    <a:pt x="5148" y="33018"/>
                    <a:pt x="4792" y="33060"/>
                    <a:pt x="4478" y="33081"/>
                  </a:cubicBezTo>
                  <a:cubicBezTo>
                    <a:pt x="4039" y="33123"/>
                    <a:pt x="3599" y="33018"/>
                    <a:pt x="3202" y="32830"/>
                  </a:cubicBezTo>
                  <a:cubicBezTo>
                    <a:pt x="2721" y="32620"/>
                    <a:pt x="2260" y="32348"/>
                    <a:pt x="1737" y="32202"/>
                  </a:cubicBezTo>
                  <a:cubicBezTo>
                    <a:pt x="1528" y="32139"/>
                    <a:pt x="1340" y="31930"/>
                    <a:pt x="1235" y="31721"/>
                  </a:cubicBezTo>
                  <a:cubicBezTo>
                    <a:pt x="1089" y="31449"/>
                    <a:pt x="900" y="31198"/>
                    <a:pt x="607" y="31030"/>
                  </a:cubicBezTo>
                  <a:cubicBezTo>
                    <a:pt x="189" y="30737"/>
                    <a:pt x="1" y="30298"/>
                    <a:pt x="1" y="29712"/>
                  </a:cubicBezTo>
                  <a:cubicBezTo>
                    <a:pt x="42" y="28059"/>
                    <a:pt x="1" y="26427"/>
                    <a:pt x="1" y="24774"/>
                  </a:cubicBezTo>
                  <a:lnTo>
                    <a:pt x="1" y="18685"/>
                  </a:lnTo>
                  <a:cubicBezTo>
                    <a:pt x="1" y="18225"/>
                    <a:pt x="84" y="17807"/>
                    <a:pt x="147" y="17367"/>
                  </a:cubicBezTo>
                  <a:lnTo>
                    <a:pt x="294" y="15882"/>
                  </a:lnTo>
                  <a:cubicBezTo>
                    <a:pt x="377" y="14835"/>
                    <a:pt x="586" y="13810"/>
                    <a:pt x="942" y="12869"/>
                  </a:cubicBezTo>
                  <a:cubicBezTo>
                    <a:pt x="1528" y="11425"/>
                    <a:pt x="2156" y="10002"/>
                    <a:pt x="3014" y="8684"/>
                  </a:cubicBezTo>
                  <a:cubicBezTo>
                    <a:pt x="3244" y="8349"/>
                    <a:pt x="3495" y="8014"/>
                    <a:pt x="3767" y="7721"/>
                  </a:cubicBezTo>
                  <a:lnTo>
                    <a:pt x="6194" y="5294"/>
                  </a:lnTo>
                  <a:cubicBezTo>
                    <a:pt x="6445" y="5043"/>
                    <a:pt x="6696" y="4855"/>
                    <a:pt x="6968" y="4687"/>
                  </a:cubicBezTo>
                  <a:cubicBezTo>
                    <a:pt x="7931" y="4018"/>
                    <a:pt x="8956" y="3432"/>
                    <a:pt x="9897" y="2721"/>
                  </a:cubicBezTo>
                  <a:cubicBezTo>
                    <a:pt x="11299" y="1674"/>
                    <a:pt x="12890" y="963"/>
                    <a:pt x="14543" y="419"/>
                  </a:cubicBezTo>
                  <a:cubicBezTo>
                    <a:pt x="15254" y="189"/>
                    <a:pt x="16028" y="105"/>
                    <a:pt x="16802" y="63"/>
                  </a:cubicBezTo>
                  <a:cubicBezTo>
                    <a:pt x="17848" y="1"/>
                    <a:pt x="18916" y="22"/>
                    <a:pt x="19983" y="63"/>
                  </a:cubicBezTo>
                  <a:cubicBezTo>
                    <a:pt x="20297" y="63"/>
                    <a:pt x="20652" y="105"/>
                    <a:pt x="20945" y="189"/>
                  </a:cubicBezTo>
                  <a:cubicBezTo>
                    <a:pt x="21929" y="440"/>
                    <a:pt x="22891" y="733"/>
                    <a:pt x="23833" y="1005"/>
                  </a:cubicBezTo>
                  <a:cubicBezTo>
                    <a:pt x="24481" y="1172"/>
                    <a:pt x="25067" y="1528"/>
                    <a:pt x="25527" y="2072"/>
                  </a:cubicBezTo>
                  <a:cubicBezTo>
                    <a:pt x="25716" y="2281"/>
                    <a:pt x="25946" y="2490"/>
                    <a:pt x="26113" y="2637"/>
                  </a:cubicBezTo>
                  <a:cubicBezTo>
                    <a:pt x="26846" y="2428"/>
                    <a:pt x="27515" y="2260"/>
                    <a:pt x="28206" y="2093"/>
                  </a:cubicBezTo>
                  <a:cubicBezTo>
                    <a:pt x="28833" y="1926"/>
                    <a:pt x="29482" y="1926"/>
                    <a:pt x="30110" y="2156"/>
                  </a:cubicBezTo>
                  <a:cubicBezTo>
                    <a:pt x="30633" y="2302"/>
                    <a:pt x="31177" y="2428"/>
                    <a:pt x="31721" y="2574"/>
                  </a:cubicBezTo>
                  <a:cubicBezTo>
                    <a:pt x="32307" y="2700"/>
                    <a:pt x="32851" y="2930"/>
                    <a:pt x="33332" y="3265"/>
                  </a:cubicBezTo>
                  <a:cubicBezTo>
                    <a:pt x="33960" y="3746"/>
                    <a:pt x="34608" y="4248"/>
                    <a:pt x="35341" y="4541"/>
                  </a:cubicBezTo>
                  <a:cubicBezTo>
                    <a:pt x="35550" y="4625"/>
                    <a:pt x="35738" y="4813"/>
                    <a:pt x="35885" y="4980"/>
                  </a:cubicBezTo>
                  <a:lnTo>
                    <a:pt x="38647" y="7721"/>
                  </a:lnTo>
                  <a:cubicBezTo>
                    <a:pt x="38814" y="7910"/>
                    <a:pt x="38981" y="8119"/>
                    <a:pt x="39128" y="8307"/>
                  </a:cubicBezTo>
                  <a:cubicBezTo>
                    <a:pt x="39525" y="8830"/>
                    <a:pt x="39881" y="9353"/>
                    <a:pt x="40299" y="9856"/>
                  </a:cubicBezTo>
                  <a:cubicBezTo>
                    <a:pt x="41492" y="11216"/>
                    <a:pt x="42015" y="12869"/>
                    <a:pt x="42538" y="14542"/>
                  </a:cubicBezTo>
                  <a:cubicBezTo>
                    <a:pt x="42852" y="15568"/>
                    <a:pt x="42978" y="16614"/>
                    <a:pt x="42957" y="17681"/>
                  </a:cubicBezTo>
                  <a:cubicBezTo>
                    <a:pt x="42915" y="18539"/>
                    <a:pt x="42915" y="19376"/>
                    <a:pt x="42957" y="20234"/>
                  </a:cubicBezTo>
                  <a:cubicBezTo>
                    <a:pt x="42978" y="21259"/>
                    <a:pt x="42664" y="22201"/>
                    <a:pt x="42308" y="23142"/>
                  </a:cubicBezTo>
                  <a:cubicBezTo>
                    <a:pt x="42120" y="23644"/>
                    <a:pt x="41743" y="23958"/>
                    <a:pt x="41325" y="24272"/>
                  </a:cubicBezTo>
                  <a:cubicBezTo>
                    <a:pt x="41053" y="24481"/>
                    <a:pt x="40760" y="24502"/>
                    <a:pt x="40425" y="24314"/>
                  </a:cubicBezTo>
                  <a:cubicBezTo>
                    <a:pt x="39735" y="23958"/>
                    <a:pt x="39023" y="23728"/>
                    <a:pt x="38249" y="23770"/>
                  </a:cubicBezTo>
                  <a:cubicBezTo>
                    <a:pt x="37810" y="23791"/>
                    <a:pt x="37349" y="23770"/>
                    <a:pt x="36826" y="23770"/>
                  </a:cubicBezTo>
                  <a:cubicBezTo>
                    <a:pt x="36073" y="24628"/>
                    <a:pt x="35320" y="25632"/>
                    <a:pt x="34462" y="26490"/>
                  </a:cubicBezTo>
                  <a:cubicBezTo>
                    <a:pt x="33625" y="27348"/>
                    <a:pt x="32641" y="28080"/>
                    <a:pt x="31679" y="28896"/>
                  </a:cubicBezTo>
                  <a:cubicBezTo>
                    <a:pt x="32097" y="29168"/>
                    <a:pt x="32537" y="29210"/>
                    <a:pt x="32934" y="29335"/>
                  </a:cubicBezTo>
                  <a:cubicBezTo>
                    <a:pt x="33625" y="29545"/>
                    <a:pt x="34294" y="29733"/>
                    <a:pt x="34985" y="29921"/>
                  </a:cubicBezTo>
                  <a:cubicBezTo>
                    <a:pt x="35654" y="30110"/>
                    <a:pt x="36345" y="30277"/>
                    <a:pt x="37014" y="30507"/>
                  </a:cubicBezTo>
                  <a:cubicBezTo>
                    <a:pt x="37349" y="30612"/>
                    <a:pt x="37663" y="30737"/>
                    <a:pt x="38019" y="30863"/>
                  </a:cubicBezTo>
                  <a:cubicBezTo>
                    <a:pt x="38333" y="30968"/>
                    <a:pt x="38605" y="31093"/>
                    <a:pt x="38919" y="31177"/>
                  </a:cubicBezTo>
                  <a:cubicBezTo>
                    <a:pt x="39735" y="31365"/>
                    <a:pt x="40467" y="31721"/>
                    <a:pt x="41178" y="32181"/>
                  </a:cubicBezTo>
                  <a:cubicBezTo>
                    <a:pt x="41408" y="32328"/>
                    <a:pt x="41680" y="32495"/>
                    <a:pt x="41952" y="32558"/>
                  </a:cubicBezTo>
                  <a:cubicBezTo>
                    <a:pt x="42538" y="32746"/>
                    <a:pt x="42999" y="33081"/>
                    <a:pt x="43459" y="33478"/>
                  </a:cubicBezTo>
                  <a:cubicBezTo>
                    <a:pt x="43919" y="33918"/>
                    <a:pt x="44359" y="34399"/>
                    <a:pt x="44924" y="34755"/>
                  </a:cubicBezTo>
                  <a:cubicBezTo>
                    <a:pt x="45133" y="34880"/>
                    <a:pt x="45279" y="35152"/>
                    <a:pt x="45468" y="35341"/>
                  </a:cubicBezTo>
                  <a:lnTo>
                    <a:pt x="47121" y="35341"/>
                  </a:lnTo>
                  <a:cubicBezTo>
                    <a:pt x="47351" y="35341"/>
                    <a:pt x="47581" y="35341"/>
                    <a:pt x="47811" y="35403"/>
                  </a:cubicBezTo>
                  <a:cubicBezTo>
                    <a:pt x="47916" y="35445"/>
                    <a:pt x="48020" y="35592"/>
                    <a:pt x="48083" y="35738"/>
                  </a:cubicBezTo>
                  <a:cubicBezTo>
                    <a:pt x="48125" y="35906"/>
                    <a:pt x="48020" y="36094"/>
                    <a:pt x="47853" y="36157"/>
                  </a:cubicBezTo>
                  <a:cubicBezTo>
                    <a:pt x="47665" y="36198"/>
                    <a:pt x="47455" y="36198"/>
                    <a:pt x="47246" y="36219"/>
                  </a:cubicBezTo>
                  <a:cubicBezTo>
                    <a:pt x="46974" y="36261"/>
                    <a:pt x="46723" y="36157"/>
                    <a:pt x="46493" y="36324"/>
                  </a:cubicBezTo>
                  <a:cubicBezTo>
                    <a:pt x="46493" y="36554"/>
                    <a:pt x="46639" y="36638"/>
                    <a:pt x="46765" y="36742"/>
                  </a:cubicBezTo>
                  <a:cubicBezTo>
                    <a:pt x="46911" y="36847"/>
                    <a:pt x="47079" y="36931"/>
                    <a:pt x="47183" y="37056"/>
                  </a:cubicBezTo>
                  <a:cubicBezTo>
                    <a:pt x="47330" y="37203"/>
                    <a:pt x="47372" y="37370"/>
                    <a:pt x="47246" y="37538"/>
                  </a:cubicBezTo>
                  <a:cubicBezTo>
                    <a:pt x="47162" y="37642"/>
                    <a:pt x="47016" y="37726"/>
                    <a:pt x="46870" y="37726"/>
                  </a:cubicBezTo>
                  <a:cubicBezTo>
                    <a:pt x="46660" y="37726"/>
                    <a:pt x="46430" y="37642"/>
                    <a:pt x="46137" y="37579"/>
                  </a:cubicBezTo>
                  <a:cubicBezTo>
                    <a:pt x="46242" y="37872"/>
                    <a:pt x="46325" y="38082"/>
                    <a:pt x="46409" y="38270"/>
                  </a:cubicBezTo>
                  <a:cubicBezTo>
                    <a:pt x="46493" y="38312"/>
                    <a:pt x="46514" y="38354"/>
                    <a:pt x="46556" y="38374"/>
                  </a:cubicBezTo>
                  <a:cubicBezTo>
                    <a:pt x="47037" y="38521"/>
                    <a:pt x="47497" y="38667"/>
                    <a:pt x="47999" y="38814"/>
                  </a:cubicBezTo>
                  <a:cubicBezTo>
                    <a:pt x="48648" y="39023"/>
                    <a:pt x="49276" y="39232"/>
                    <a:pt x="49945" y="39442"/>
                  </a:cubicBezTo>
                  <a:cubicBezTo>
                    <a:pt x="49966" y="39442"/>
                    <a:pt x="49987" y="39442"/>
                    <a:pt x="50008" y="39463"/>
                  </a:cubicBezTo>
                  <a:cubicBezTo>
                    <a:pt x="50636" y="39776"/>
                    <a:pt x="52205" y="40823"/>
                    <a:pt x="52289" y="41764"/>
                  </a:cubicBezTo>
                  <a:cubicBezTo>
                    <a:pt x="52770" y="42894"/>
                    <a:pt x="52310" y="43919"/>
                    <a:pt x="51933" y="44945"/>
                  </a:cubicBezTo>
                  <a:cubicBezTo>
                    <a:pt x="51870" y="45091"/>
                    <a:pt x="51724" y="45217"/>
                    <a:pt x="51577" y="45321"/>
                  </a:cubicBezTo>
                  <a:lnTo>
                    <a:pt x="47895" y="48627"/>
                  </a:lnTo>
                  <a:cubicBezTo>
                    <a:pt x="47706" y="48774"/>
                    <a:pt x="47539" y="48941"/>
                    <a:pt x="47330" y="49046"/>
                  </a:cubicBezTo>
                  <a:cubicBezTo>
                    <a:pt x="45970" y="49820"/>
                    <a:pt x="44610" y="50594"/>
                    <a:pt x="43250" y="51347"/>
                  </a:cubicBezTo>
                  <a:cubicBezTo>
                    <a:pt x="41806" y="52163"/>
                    <a:pt x="40237" y="52686"/>
                    <a:pt x="38688" y="53272"/>
                  </a:cubicBezTo>
                  <a:cubicBezTo>
                    <a:pt x="38333" y="53419"/>
                    <a:pt x="37977" y="53565"/>
                    <a:pt x="37642" y="53691"/>
                  </a:cubicBezTo>
                  <a:lnTo>
                    <a:pt x="37642" y="54841"/>
                  </a:lnTo>
                  <a:cubicBezTo>
                    <a:pt x="37642" y="55218"/>
                    <a:pt x="37600" y="55616"/>
                    <a:pt x="37726" y="56034"/>
                  </a:cubicBezTo>
                  <a:cubicBezTo>
                    <a:pt x="38019" y="56034"/>
                    <a:pt x="38270" y="56055"/>
                    <a:pt x="38542" y="56055"/>
                  </a:cubicBezTo>
                  <a:cubicBezTo>
                    <a:pt x="39002" y="56055"/>
                    <a:pt x="39483" y="56034"/>
                    <a:pt x="39944" y="56034"/>
                  </a:cubicBezTo>
                  <a:cubicBezTo>
                    <a:pt x="40216" y="56034"/>
                    <a:pt x="40467" y="56055"/>
                    <a:pt x="40739" y="56139"/>
                  </a:cubicBezTo>
                  <a:cubicBezTo>
                    <a:pt x="41199" y="56285"/>
                    <a:pt x="41680" y="56473"/>
                    <a:pt x="42162" y="56515"/>
                  </a:cubicBezTo>
                  <a:cubicBezTo>
                    <a:pt x="42664" y="56599"/>
                    <a:pt x="43417" y="57394"/>
                    <a:pt x="43459" y="57854"/>
                  </a:cubicBezTo>
                  <a:cubicBezTo>
                    <a:pt x="43522" y="58566"/>
                    <a:pt x="43417" y="59214"/>
                    <a:pt x="42748" y="59612"/>
                  </a:cubicBezTo>
                  <a:cubicBezTo>
                    <a:pt x="42643" y="59654"/>
                    <a:pt x="42538" y="59717"/>
                    <a:pt x="42455" y="59800"/>
                  </a:cubicBezTo>
                  <a:cubicBezTo>
                    <a:pt x="42036" y="60261"/>
                    <a:pt x="41492" y="60428"/>
                    <a:pt x="40948" y="60637"/>
                  </a:cubicBezTo>
                  <a:cubicBezTo>
                    <a:pt x="40320" y="60867"/>
                    <a:pt x="39693" y="60888"/>
                    <a:pt x="39023" y="60888"/>
                  </a:cubicBezTo>
                  <a:cubicBezTo>
                    <a:pt x="37558" y="60888"/>
                    <a:pt x="37914" y="60993"/>
                    <a:pt x="36659" y="60030"/>
                  </a:cubicBezTo>
                  <a:cubicBezTo>
                    <a:pt x="36470" y="59905"/>
                    <a:pt x="36303" y="59717"/>
                    <a:pt x="36136" y="59549"/>
                  </a:cubicBezTo>
                  <a:cubicBezTo>
                    <a:pt x="35947" y="59382"/>
                    <a:pt x="35864" y="59173"/>
                    <a:pt x="35864" y="58921"/>
                  </a:cubicBezTo>
                  <a:lnTo>
                    <a:pt x="35864" y="57331"/>
                  </a:lnTo>
                  <a:cubicBezTo>
                    <a:pt x="35864" y="57143"/>
                    <a:pt x="35926" y="56997"/>
                    <a:pt x="35968" y="56808"/>
                  </a:cubicBezTo>
                  <a:cubicBezTo>
                    <a:pt x="36052" y="56557"/>
                    <a:pt x="36198" y="56306"/>
                    <a:pt x="36240" y="56076"/>
                  </a:cubicBezTo>
                  <a:cubicBezTo>
                    <a:pt x="36261" y="55469"/>
                    <a:pt x="36303" y="54841"/>
                    <a:pt x="36198" y="54193"/>
                  </a:cubicBezTo>
                  <a:cubicBezTo>
                    <a:pt x="34420" y="54569"/>
                    <a:pt x="32788" y="55155"/>
                    <a:pt x="31072" y="55616"/>
                  </a:cubicBezTo>
                  <a:cubicBezTo>
                    <a:pt x="29398" y="56055"/>
                    <a:pt x="27703" y="56411"/>
                    <a:pt x="26009" y="56829"/>
                  </a:cubicBezTo>
                  <a:cubicBezTo>
                    <a:pt x="25841" y="57457"/>
                    <a:pt x="25883" y="58482"/>
                    <a:pt x="26092" y="59068"/>
                  </a:cubicBezTo>
                  <a:cubicBezTo>
                    <a:pt x="26343" y="59717"/>
                    <a:pt x="26302" y="60386"/>
                    <a:pt x="26197" y="61077"/>
                  </a:cubicBezTo>
                  <a:cubicBezTo>
                    <a:pt x="26113" y="61537"/>
                    <a:pt x="25799" y="61914"/>
                    <a:pt x="25402" y="62206"/>
                  </a:cubicBezTo>
                  <a:cubicBezTo>
                    <a:pt x="25046" y="62458"/>
                    <a:pt x="24690" y="62730"/>
                    <a:pt x="24335" y="62981"/>
                  </a:cubicBezTo>
                  <a:cubicBezTo>
                    <a:pt x="23477" y="63671"/>
                    <a:pt x="22473" y="63818"/>
                    <a:pt x="21405" y="63713"/>
                  </a:cubicBezTo>
                  <a:cubicBezTo>
                    <a:pt x="21008" y="63692"/>
                    <a:pt x="20694" y="63462"/>
                    <a:pt x="20380" y="63253"/>
                  </a:cubicBezTo>
                  <a:cubicBezTo>
                    <a:pt x="20255" y="62771"/>
                    <a:pt x="20276" y="62269"/>
                    <a:pt x="20338" y="61830"/>
                  </a:cubicBezTo>
                  <a:cubicBezTo>
                    <a:pt x="20359" y="61642"/>
                    <a:pt x="20443" y="61432"/>
                    <a:pt x="20569" y="61286"/>
                  </a:cubicBezTo>
                  <a:cubicBezTo>
                    <a:pt x="20987" y="60846"/>
                    <a:pt x="21426" y="60386"/>
                    <a:pt x="21866" y="59968"/>
                  </a:cubicBezTo>
                  <a:cubicBezTo>
                    <a:pt x="21949" y="59905"/>
                    <a:pt x="22054" y="59800"/>
                    <a:pt x="22159" y="59758"/>
                  </a:cubicBezTo>
                  <a:cubicBezTo>
                    <a:pt x="22766" y="59633"/>
                    <a:pt x="23289" y="59277"/>
                    <a:pt x="23895" y="59173"/>
                  </a:cubicBezTo>
                  <a:cubicBezTo>
                    <a:pt x="24251" y="59110"/>
                    <a:pt x="24628" y="58963"/>
                    <a:pt x="25004" y="58817"/>
                  </a:cubicBezTo>
                  <a:cubicBezTo>
                    <a:pt x="25109" y="58231"/>
                    <a:pt x="25109" y="57624"/>
                    <a:pt x="25046" y="56976"/>
                  </a:cubicBezTo>
                  <a:lnTo>
                    <a:pt x="24565" y="56976"/>
                  </a:lnTo>
                  <a:cubicBezTo>
                    <a:pt x="23184" y="57101"/>
                    <a:pt x="21824" y="57227"/>
                    <a:pt x="20443" y="57352"/>
                  </a:cubicBezTo>
                  <a:cubicBezTo>
                    <a:pt x="19920" y="57415"/>
                    <a:pt x="19397" y="57415"/>
                    <a:pt x="18832" y="57415"/>
                  </a:cubicBezTo>
                  <a:cubicBezTo>
                    <a:pt x="17974" y="57394"/>
                    <a:pt x="17137" y="57352"/>
                    <a:pt x="16279" y="57289"/>
                  </a:cubicBezTo>
                  <a:cubicBezTo>
                    <a:pt x="14898" y="57143"/>
                    <a:pt x="13538" y="57017"/>
                    <a:pt x="12136" y="56871"/>
                  </a:cubicBezTo>
                  <a:cubicBezTo>
                    <a:pt x="11278" y="56766"/>
                    <a:pt x="10400" y="56620"/>
                    <a:pt x="9521" y="56411"/>
                  </a:cubicBezTo>
                  <a:cubicBezTo>
                    <a:pt x="8956" y="56285"/>
                    <a:pt x="8349" y="56139"/>
                    <a:pt x="7889" y="55846"/>
                  </a:cubicBezTo>
                  <a:cubicBezTo>
                    <a:pt x="6487" y="54946"/>
                    <a:pt x="6048" y="54004"/>
                    <a:pt x="6571" y="52582"/>
                  </a:cubicBezTo>
                  <a:cubicBezTo>
                    <a:pt x="7198" y="50845"/>
                    <a:pt x="8224" y="49380"/>
                    <a:pt x="9625" y="48230"/>
                  </a:cubicBezTo>
                  <a:cubicBezTo>
                    <a:pt x="10337" y="47665"/>
                    <a:pt x="11048" y="47079"/>
                    <a:pt x="11697" y="46430"/>
                  </a:cubicBezTo>
                  <a:cubicBezTo>
                    <a:pt x="11948" y="46158"/>
                    <a:pt x="12304" y="45949"/>
                    <a:pt x="12618" y="45719"/>
                  </a:cubicBezTo>
                  <a:cubicBezTo>
                    <a:pt x="14417" y="44317"/>
                    <a:pt x="16509" y="43396"/>
                    <a:pt x="18602" y="42538"/>
                  </a:cubicBezTo>
                  <a:cubicBezTo>
                    <a:pt x="18706" y="42476"/>
                    <a:pt x="18811" y="42434"/>
                    <a:pt x="18957" y="42371"/>
                  </a:cubicBezTo>
                  <a:cubicBezTo>
                    <a:pt x="19167" y="41513"/>
                    <a:pt x="19439" y="40655"/>
                    <a:pt x="19418" y="39714"/>
                  </a:cubicBezTo>
                  <a:cubicBezTo>
                    <a:pt x="19418" y="38584"/>
                    <a:pt x="19439" y="37454"/>
                    <a:pt x="19439" y="36366"/>
                  </a:cubicBezTo>
                  <a:cubicBezTo>
                    <a:pt x="19439" y="36178"/>
                    <a:pt x="19522" y="35968"/>
                    <a:pt x="19334" y="35759"/>
                  </a:cubicBezTo>
                  <a:cubicBezTo>
                    <a:pt x="18790" y="36533"/>
                    <a:pt x="18267" y="37307"/>
                    <a:pt x="17744" y="38061"/>
                  </a:cubicBezTo>
                  <a:cubicBezTo>
                    <a:pt x="17346" y="38626"/>
                    <a:pt x="16928" y="39128"/>
                    <a:pt x="16384" y="39546"/>
                  </a:cubicBezTo>
                  <a:cubicBezTo>
                    <a:pt x="16112" y="39735"/>
                    <a:pt x="15903" y="39986"/>
                    <a:pt x="15714" y="40258"/>
                  </a:cubicBezTo>
                  <a:cubicBezTo>
                    <a:pt x="14438" y="41848"/>
                    <a:pt x="12952" y="43229"/>
                    <a:pt x="11299" y="44421"/>
                  </a:cubicBezTo>
                  <a:cubicBezTo>
                    <a:pt x="11174" y="44484"/>
                    <a:pt x="11069" y="44589"/>
                    <a:pt x="10944" y="44652"/>
                  </a:cubicBezTo>
                  <a:cubicBezTo>
                    <a:pt x="10441" y="44840"/>
                    <a:pt x="10107" y="45175"/>
                    <a:pt x="9918" y="45677"/>
                  </a:cubicBezTo>
                  <a:cubicBezTo>
                    <a:pt x="9877" y="45802"/>
                    <a:pt x="9772" y="45907"/>
                    <a:pt x="9688" y="46033"/>
                  </a:cubicBezTo>
                  <a:cubicBezTo>
                    <a:pt x="9521" y="46263"/>
                    <a:pt x="9312" y="46514"/>
                    <a:pt x="9249" y="46786"/>
                  </a:cubicBezTo>
                  <a:cubicBezTo>
                    <a:pt x="9081" y="47476"/>
                    <a:pt x="8537" y="47602"/>
                    <a:pt x="8014" y="47769"/>
                  </a:cubicBezTo>
                  <a:cubicBezTo>
                    <a:pt x="7826" y="47811"/>
                    <a:pt x="7575" y="47665"/>
                    <a:pt x="7491" y="47497"/>
                  </a:cubicBezTo>
                  <a:cubicBezTo>
                    <a:pt x="7428" y="47288"/>
                    <a:pt x="7512" y="47162"/>
                    <a:pt x="7680" y="47058"/>
                  </a:cubicBezTo>
                  <a:cubicBezTo>
                    <a:pt x="7826" y="46932"/>
                    <a:pt x="8035" y="46849"/>
                    <a:pt x="8161" y="46681"/>
                  </a:cubicBezTo>
                  <a:cubicBezTo>
                    <a:pt x="8307" y="46556"/>
                    <a:pt x="8370" y="46367"/>
                    <a:pt x="8475" y="46221"/>
                  </a:cubicBezTo>
                  <a:cubicBezTo>
                    <a:pt x="8328" y="46033"/>
                    <a:pt x="8224" y="46137"/>
                    <a:pt x="8140" y="46200"/>
                  </a:cubicBezTo>
                  <a:cubicBezTo>
                    <a:pt x="7784" y="46430"/>
                    <a:pt x="7408" y="46660"/>
                    <a:pt x="7010" y="46890"/>
                  </a:cubicBezTo>
                  <a:cubicBezTo>
                    <a:pt x="6843" y="46995"/>
                    <a:pt x="6633" y="47058"/>
                    <a:pt x="6445" y="47079"/>
                  </a:cubicBezTo>
                  <a:cubicBezTo>
                    <a:pt x="6257" y="47100"/>
                    <a:pt x="6110" y="46995"/>
                    <a:pt x="6027" y="46828"/>
                  </a:cubicBezTo>
                  <a:cubicBezTo>
                    <a:pt x="5964" y="46639"/>
                    <a:pt x="5964" y="46451"/>
                    <a:pt x="6131" y="46325"/>
                  </a:cubicBezTo>
                  <a:cubicBezTo>
                    <a:pt x="6194" y="46242"/>
                    <a:pt x="6299" y="46200"/>
                    <a:pt x="6424" y="46116"/>
                  </a:cubicBezTo>
                  <a:cubicBezTo>
                    <a:pt x="7031" y="45719"/>
                    <a:pt x="7680" y="45363"/>
                    <a:pt x="8286" y="44986"/>
                  </a:cubicBezTo>
                  <a:cubicBezTo>
                    <a:pt x="8433" y="44903"/>
                    <a:pt x="8537" y="44840"/>
                    <a:pt x="8642" y="44777"/>
                  </a:cubicBezTo>
                  <a:cubicBezTo>
                    <a:pt x="8600" y="44568"/>
                    <a:pt x="8475" y="44589"/>
                    <a:pt x="8370" y="44589"/>
                  </a:cubicBezTo>
                  <a:cubicBezTo>
                    <a:pt x="8056" y="44589"/>
                    <a:pt x="7721" y="44589"/>
                    <a:pt x="7408" y="44631"/>
                  </a:cubicBezTo>
                  <a:cubicBezTo>
                    <a:pt x="6989" y="44631"/>
                    <a:pt x="6592" y="44693"/>
                    <a:pt x="6236" y="44965"/>
                  </a:cubicBezTo>
                  <a:cubicBezTo>
                    <a:pt x="6006" y="45112"/>
                    <a:pt x="5713" y="45196"/>
                    <a:pt x="5420" y="45279"/>
                  </a:cubicBezTo>
                  <a:cubicBezTo>
                    <a:pt x="5211" y="45321"/>
                    <a:pt x="5022" y="45091"/>
                    <a:pt x="5106" y="44882"/>
                  </a:cubicBezTo>
                  <a:cubicBezTo>
                    <a:pt x="5127" y="44777"/>
                    <a:pt x="5190" y="44652"/>
                    <a:pt x="5273" y="44589"/>
                  </a:cubicBezTo>
                  <a:cubicBezTo>
                    <a:pt x="5838" y="44212"/>
                    <a:pt x="6382" y="43752"/>
                    <a:pt x="7177" y="43836"/>
                  </a:cubicBezTo>
                  <a:cubicBezTo>
                    <a:pt x="7993" y="43919"/>
                    <a:pt x="8830" y="43898"/>
                    <a:pt x="9667" y="43919"/>
                  </a:cubicBezTo>
                  <a:cubicBezTo>
                    <a:pt x="10002" y="43940"/>
                    <a:pt x="10316" y="43856"/>
                    <a:pt x="10567" y="43647"/>
                  </a:cubicBezTo>
                  <a:cubicBezTo>
                    <a:pt x="11132" y="43229"/>
                    <a:pt x="11676" y="42852"/>
                    <a:pt x="12178" y="42392"/>
                  </a:cubicBezTo>
                  <a:cubicBezTo>
                    <a:pt x="13182" y="41513"/>
                    <a:pt x="14187" y="40571"/>
                    <a:pt x="15024" y="39525"/>
                  </a:cubicBezTo>
                  <a:cubicBezTo>
                    <a:pt x="15233" y="39253"/>
                    <a:pt x="15442" y="39023"/>
                    <a:pt x="15693" y="38835"/>
                  </a:cubicBezTo>
                  <a:cubicBezTo>
                    <a:pt x="16279" y="38458"/>
                    <a:pt x="16698" y="37956"/>
                    <a:pt x="17116" y="37412"/>
                  </a:cubicBezTo>
                  <a:cubicBezTo>
                    <a:pt x="17430" y="36994"/>
                    <a:pt x="17786" y="36596"/>
                    <a:pt x="18100" y="36178"/>
                  </a:cubicBezTo>
                  <a:cubicBezTo>
                    <a:pt x="18204" y="36073"/>
                    <a:pt x="18288" y="35947"/>
                    <a:pt x="18372" y="35801"/>
                  </a:cubicBezTo>
                  <a:cubicBezTo>
                    <a:pt x="18518" y="35550"/>
                    <a:pt x="18623" y="35278"/>
                    <a:pt x="18811" y="35048"/>
                  </a:cubicBezTo>
                  <a:cubicBezTo>
                    <a:pt x="19020" y="34880"/>
                    <a:pt x="19229" y="34734"/>
                    <a:pt x="19460" y="34504"/>
                  </a:cubicBezTo>
                  <a:close/>
                  <a:moveTo>
                    <a:pt x="6592" y="19794"/>
                  </a:moveTo>
                  <a:cubicBezTo>
                    <a:pt x="6361" y="20276"/>
                    <a:pt x="6278" y="20799"/>
                    <a:pt x="6299" y="21322"/>
                  </a:cubicBezTo>
                  <a:cubicBezTo>
                    <a:pt x="6340" y="22765"/>
                    <a:pt x="6340" y="24188"/>
                    <a:pt x="6361" y="25653"/>
                  </a:cubicBezTo>
                  <a:cubicBezTo>
                    <a:pt x="6361" y="26050"/>
                    <a:pt x="6403" y="26427"/>
                    <a:pt x="6550" y="26783"/>
                  </a:cubicBezTo>
                  <a:cubicBezTo>
                    <a:pt x="6801" y="27494"/>
                    <a:pt x="7073" y="28227"/>
                    <a:pt x="7345" y="28938"/>
                  </a:cubicBezTo>
                  <a:cubicBezTo>
                    <a:pt x="7847" y="30110"/>
                    <a:pt x="8642" y="31093"/>
                    <a:pt x="9730" y="31825"/>
                  </a:cubicBezTo>
                  <a:cubicBezTo>
                    <a:pt x="10337" y="32223"/>
                    <a:pt x="11048" y="32328"/>
                    <a:pt x="11676" y="32641"/>
                  </a:cubicBezTo>
                  <a:cubicBezTo>
                    <a:pt x="12094" y="32851"/>
                    <a:pt x="12513" y="33060"/>
                    <a:pt x="12931" y="33248"/>
                  </a:cubicBezTo>
                  <a:cubicBezTo>
                    <a:pt x="13078" y="33311"/>
                    <a:pt x="13245" y="33395"/>
                    <a:pt x="13392" y="33437"/>
                  </a:cubicBezTo>
                  <a:cubicBezTo>
                    <a:pt x="14794" y="33646"/>
                    <a:pt x="16133" y="33667"/>
                    <a:pt x="17535" y="33604"/>
                  </a:cubicBezTo>
                  <a:cubicBezTo>
                    <a:pt x="17744" y="33604"/>
                    <a:pt x="17953" y="33541"/>
                    <a:pt x="18141" y="33499"/>
                  </a:cubicBezTo>
                  <a:cubicBezTo>
                    <a:pt x="19460" y="33165"/>
                    <a:pt x="20820" y="32851"/>
                    <a:pt x="22159" y="32516"/>
                  </a:cubicBezTo>
                  <a:cubicBezTo>
                    <a:pt x="23519" y="32139"/>
                    <a:pt x="24858" y="31616"/>
                    <a:pt x="26092" y="30947"/>
                  </a:cubicBezTo>
                  <a:cubicBezTo>
                    <a:pt x="27264" y="30319"/>
                    <a:pt x="28415" y="29670"/>
                    <a:pt x="29566" y="29001"/>
                  </a:cubicBezTo>
                  <a:cubicBezTo>
                    <a:pt x="29880" y="28833"/>
                    <a:pt x="30172" y="28645"/>
                    <a:pt x="30444" y="28436"/>
                  </a:cubicBezTo>
                  <a:cubicBezTo>
                    <a:pt x="33248" y="26176"/>
                    <a:pt x="33625" y="25820"/>
                    <a:pt x="35968" y="22996"/>
                  </a:cubicBezTo>
                  <a:cubicBezTo>
                    <a:pt x="36240" y="22682"/>
                    <a:pt x="36470" y="22347"/>
                    <a:pt x="36617" y="21949"/>
                  </a:cubicBezTo>
                  <a:cubicBezTo>
                    <a:pt x="36910" y="21259"/>
                    <a:pt x="37182" y="20589"/>
                    <a:pt x="37517" y="19941"/>
                  </a:cubicBezTo>
                  <a:cubicBezTo>
                    <a:pt x="37851" y="19250"/>
                    <a:pt x="37977" y="18539"/>
                    <a:pt x="37935" y="17786"/>
                  </a:cubicBezTo>
                  <a:cubicBezTo>
                    <a:pt x="37914" y="17493"/>
                    <a:pt x="37935" y="17221"/>
                    <a:pt x="37705" y="16970"/>
                  </a:cubicBezTo>
                  <a:cubicBezTo>
                    <a:pt x="37538" y="16823"/>
                    <a:pt x="37558" y="16614"/>
                    <a:pt x="37705" y="16405"/>
                  </a:cubicBezTo>
                  <a:cubicBezTo>
                    <a:pt x="37768" y="16300"/>
                    <a:pt x="37851" y="16175"/>
                    <a:pt x="37956" y="16028"/>
                  </a:cubicBezTo>
                  <a:cubicBezTo>
                    <a:pt x="37642" y="15087"/>
                    <a:pt x="37349" y="14145"/>
                    <a:pt x="37014" y="13245"/>
                  </a:cubicBezTo>
                  <a:cubicBezTo>
                    <a:pt x="36931" y="12994"/>
                    <a:pt x="36784" y="12764"/>
                    <a:pt x="36617" y="12555"/>
                  </a:cubicBezTo>
                  <a:cubicBezTo>
                    <a:pt x="35529" y="11111"/>
                    <a:pt x="34190" y="9918"/>
                    <a:pt x="32704" y="8872"/>
                  </a:cubicBezTo>
                  <a:cubicBezTo>
                    <a:pt x="32223" y="8537"/>
                    <a:pt x="31742" y="8182"/>
                    <a:pt x="31177" y="7972"/>
                  </a:cubicBezTo>
                  <a:cubicBezTo>
                    <a:pt x="29880" y="7449"/>
                    <a:pt x="28540" y="6989"/>
                    <a:pt x="27201" y="6487"/>
                  </a:cubicBezTo>
                  <a:cubicBezTo>
                    <a:pt x="27055" y="6445"/>
                    <a:pt x="26867" y="6403"/>
                    <a:pt x="26657" y="6340"/>
                  </a:cubicBezTo>
                  <a:cubicBezTo>
                    <a:pt x="26636" y="6508"/>
                    <a:pt x="26615" y="6675"/>
                    <a:pt x="26615" y="6801"/>
                  </a:cubicBezTo>
                  <a:cubicBezTo>
                    <a:pt x="26615" y="7094"/>
                    <a:pt x="26678" y="7408"/>
                    <a:pt x="26615" y="7680"/>
                  </a:cubicBezTo>
                  <a:cubicBezTo>
                    <a:pt x="26406" y="8558"/>
                    <a:pt x="26302" y="9416"/>
                    <a:pt x="25841" y="10232"/>
                  </a:cubicBezTo>
                  <a:cubicBezTo>
                    <a:pt x="25716" y="10483"/>
                    <a:pt x="25632" y="10776"/>
                    <a:pt x="25569" y="11069"/>
                  </a:cubicBezTo>
                  <a:cubicBezTo>
                    <a:pt x="25318" y="11822"/>
                    <a:pt x="25109" y="12576"/>
                    <a:pt x="24439" y="13099"/>
                  </a:cubicBezTo>
                  <a:cubicBezTo>
                    <a:pt x="23205" y="14082"/>
                    <a:pt x="22117" y="15191"/>
                    <a:pt x="20652" y="15819"/>
                  </a:cubicBezTo>
                  <a:cubicBezTo>
                    <a:pt x="20380" y="15923"/>
                    <a:pt x="20108" y="16091"/>
                    <a:pt x="19878" y="16279"/>
                  </a:cubicBezTo>
                  <a:cubicBezTo>
                    <a:pt x="18936" y="17011"/>
                    <a:pt x="17848" y="17451"/>
                    <a:pt x="16739" y="17869"/>
                  </a:cubicBezTo>
                  <a:cubicBezTo>
                    <a:pt x="15798" y="18204"/>
                    <a:pt x="14877" y="18581"/>
                    <a:pt x="13957" y="18916"/>
                  </a:cubicBezTo>
                  <a:cubicBezTo>
                    <a:pt x="12701" y="19355"/>
                    <a:pt x="11362" y="19460"/>
                    <a:pt x="10086" y="19752"/>
                  </a:cubicBezTo>
                  <a:cubicBezTo>
                    <a:pt x="9814" y="19794"/>
                    <a:pt x="9458" y="19794"/>
                    <a:pt x="9207" y="19690"/>
                  </a:cubicBezTo>
                  <a:cubicBezTo>
                    <a:pt x="8747" y="19439"/>
                    <a:pt x="8245" y="19522"/>
                    <a:pt x="7742" y="19460"/>
                  </a:cubicBezTo>
                  <a:cubicBezTo>
                    <a:pt x="7366" y="19439"/>
                    <a:pt x="6968" y="19522"/>
                    <a:pt x="6592" y="19794"/>
                  </a:cubicBezTo>
                  <a:close/>
                  <a:moveTo>
                    <a:pt x="6633" y="29607"/>
                  </a:moveTo>
                  <a:lnTo>
                    <a:pt x="4771" y="29607"/>
                  </a:lnTo>
                  <a:cubicBezTo>
                    <a:pt x="4395" y="29607"/>
                    <a:pt x="4060" y="29587"/>
                    <a:pt x="3767" y="29315"/>
                  </a:cubicBezTo>
                  <a:cubicBezTo>
                    <a:pt x="3641" y="29210"/>
                    <a:pt x="3453" y="29126"/>
                    <a:pt x="3327" y="29043"/>
                  </a:cubicBezTo>
                  <a:cubicBezTo>
                    <a:pt x="2804" y="28666"/>
                    <a:pt x="2532" y="28164"/>
                    <a:pt x="2511" y="27536"/>
                  </a:cubicBezTo>
                  <a:lnTo>
                    <a:pt x="2511" y="26574"/>
                  </a:lnTo>
                  <a:cubicBezTo>
                    <a:pt x="2511" y="26385"/>
                    <a:pt x="2532" y="26197"/>
                    <a:pt x="2616" y="26071"/>
                  </a:cubicBezTo>
                  <a:cubicBezTo>
                    <a:pt x="2846" y="25716"/>
                    <a:pt x="3118" y="25339"/>
                    <a:pt x="3369" y="25004"/>
                  </a:cubicBezTo>
                  <a:cubicBezTo>
                    <a:pt x="3662" y="24628"/>
                    <a:pt x="4060" y="24481"/>
                    <a:pt x="4562" y="24565"/>
                  </a:cubicBezTo>
                  <a:cubicBezTo>
                    <a:pt x="4813" y="24607"/>
                    <a:pt x="5085" y="24607"/>
                    <a:pt x="5357" y="24628"/>
                  </a:cubicBezTo>
                  <a:cubicBezTo>
                    <a:pt x="5399" y="24356"/>
                    <a:pt x="5420" y="24105"/>
                    <a:pt x="5420" y="23874"/>
                  </a:cubicBezTo>
                  <a:cubicBezTo>
                    <a:pt x="5441" y="22954"/>
                    <a:pt x="5462" y="22054"/>
                    <a:pt x="5441" y="21133"/>
                  </a:cubicBezTo>
                  <a:cubicBezTo>
                    <a:pt x="5441" y="20485"/>
                    <a:pt x="5755" y="19878"/>
                    <a:pt x="5838" y="19250"/>
                  </a:cubicBezTo>
                  <a:cubicBezTo>
                    <a:pt x="5838" y="19188"/>
                    <a:pt x="5880" y="19146"/>
                    <a:pt x="5922" y="19083"/>
                  </a:cubicBezTo>
                  <a:cubicBezTo>
                    <a:pt x="6152" y="18832"/>
                    <a:pt x="6361" y="18560"/>
                    <a:pt x="6612" y="18288"/>
                  </a:cubicBezTo>
                  <a:cubicBezTo>
                    <a:pt x="7345" y="18727"/>
                    <a:pt x="8119" y="18936"/>
                    <a:pt x="8914" y="18978"/>
                  </a:cubicBezTo>
                  <a:cubicBezTo>
                    <a:pt x="8977" y="18874"/>
                    <a:pt x="9019" y="18811"/>
                    <a:pt x="9061" y="18727"/>
                  </a:cubicBezTo>
                  <a:cubicBezTo>
                    <a:pt x="9123" y="18016"/>
                    <a:pt x="9437" y="17367"/>
                    <a:pt x="9730" y="16739"/>
                  </a:cubicBezTo>
                  <a:cubicBezTo>
                    <a:pt x="10169" y="15777"/>
                    <a:pt x="10609" y="14794"/>
                    <a:pt x="11069" y="13852"/>
                  </a:cubicBezTo>
                  <a:cubicBezTo>
                    <a:pt x="11425" y="13120"/>
                    <a:pt x="11864" y="12429"/>
                    <a:pt x="12283" y="11718"/>
                  </a:cubicBezTo>
                  <a:cubicBezTo>
                    <a:pt x="12387" y="11529"/>
                    <a:pt x="12597" y="11341"/>
                    <a:pt x="12743" y="11216"/>
                  </a:cubicBezTo>
                  <a:cubicBezTo>
                    <a:pt x="12869" y="11090"/>
                    <a:pt x="13057" y="11090"/>
                    <a:pt x="13245" y="11174"/>
                  </a:cubicBezTo>
                  <a:cubicBezTo>
                    <a:pt x="13392" y="11237"/>
                    <a:pt x="13580" y="11299"/>
                    <a:pt x="13538" y="11529"/>
                  </a:cubicBezTo>
                  <a:cubicBezTo>
                    <a:pt x="13329" y="11739"/>
                    <a:pt x="13078" y="11927"/>
                    <a:pt x="12952" y="12157"/>
                  </a:cubicBezTo>
                  <a:cubicBezTo>
                    <a:pt x="12597" y="12785"/>
                    <a:pt x="12220" y="13434"/>
                    <a:pt x="11906" y="14103"/>
                  </a:cubicBezTo>
                  <a:cubicBezTo>
                    <a:pt x="11278" y="15484"/>
                    <a:pt x="10672" y="16886"/>
                    <a:pt x="10086" y="18309"/>
                  </a:cubicBezTo>
                  <a:cubicBezTo>
                    <a:pt x="10023" y="18434"/>
                    <a:pt x="9877" y="18602"/>
                    <a:pt x="10023" y="18811"/>
                  </a:cubicBezTo>
                  <a:cubicBezTo>
                    <a:pt x="11174" y="18455"/>
                    <a:pt x="12408" y="18455"/>
                    <a:pt x="13496" y="17974"/>
                  </a:cubicBezTo>
                  <a:cubicBezTo>
                    <a:pt x="13789" y="16865"/>
                    <a:pt x="14271" y="15840"/>
                    <a:pt x="14710" y="14835"/>
                  </a:cubicBezTo>
                  <a:cubicBezTo>
                    <a:pt x="15379" y="13287"/>
                    <a:pt x="16195" y="11822"/>
                    <a:pt x="16991" y="10337"/>
                  </a:cubicBezTo>
                  <a:cubicBezTo>
                    <a:pt x="17095" y="10128"/>
                    <a:pt x="17221" y="9918"/>
                    <a:pt x="17367" y="9751"/>
                  </a:cubicBezTo>
                  <a:cubicBezTo>
                    <a:pt x="17744" y="9395"/>
                    <a:pt x="18079" y="9040"/>
                    <a:pt x="18204" y="8516"/>
                  </a:cubicBezTo>
                  <a:cubicBezTo>
                    <a:pt x="18246" y="8454"/>
                    <a:pt x="18309" y="8391"/>
                    <a:pt x="18392" y="8349"/>
                  </a:cubicBezTo>
                  <a:cubicBezTo>
                    <a:pt x="18497" y="8265"/>
                    <a:pt x="18727" y="8349"/>
                    <a:pt x="18769" y="8454"/>
                  </a:cubicBezTo>
                  <a:cubicBezTo>
                    <a:pt x="18790" y="8516"/>
                    <a:pt x="18811" y="8621"/>
                    <a:pt x="18790" y="8705"/>
                  </a:cubicBezTo>
                  <a:cubicBezTo>
                    <a:pt x="18685" y="9123"/>
                    <a:pt x="18560" y="9563"/>
                    <a:pt x="18183" y="9856"/>
                  </a:cubicBezTo>
                  <a:cubicBezTo>
                    <a:pt x="17828" y="10169"/>
                    <a:pt x="17576" y="10588"/>
                    <a:pt x="17409" y="11006"/>
                  </a:cubicBezTo>
                  <a:cubicBezTo>
                    <a:pt x="16739" y="12471"/>
                    <a:pt x="15986" y="13852"/>
                    <a:pt x="15463" y="15379"/>
                  </a:cubicBezTo>
                  <a:cubicBezTo>
                    <a:pt x="15359" y="15693"/>
                    <a:pt x="15045" y="15944"/>
                    <a:pt x="15338" y="16342"/>
                  </a:cubicBezTo>
                  <a:cubicBezTo>
                    <a:pt x="15379" y="16405"/>
                    <a:pt x="15317" y="16572"/>
                    <a:pt x="15254" y="16677"/>
                  </a:cubicBezTo>
                  <a:cubicBezTo>
                    <a:pt x="15170" y="16886"/>
                    <a:pt x="15107" y="17095"/>
                    <a:pt x="15003" y="17346"/>
                  </a:cubicBezTo>
                  <a:cubicBezTo>
                    <a:pt x="16300" y="17137"/>
                    <a:pt x="18560" y="16049"/>
                    <a:pt x="19543" y="15149"/>
                  </a:cubicBezTo>
                  <a:cubicBezTo>
                    <a:pt x="19501" y="14898"/>
                    <a:pt x="19397" y="14668"/>
                    <a:pt x="19418" y="14459"/>
                  </a:cubicBezTo>
                  <a:cubicBezTo>
                    <a:pt x="19460" y="14040"/>
                    <a:pt x="19522" y="13622"/>
                    <a:pt x="19711" y="13266"/>
                  </a:cubicBezTo>
                  <a:cubicBezTo>
                    <a:pt x="20129" y="12471"/>
                    <a:pt x="20297" y="11613"/>
                    <a:pt x="20569" y="10755"/>
                  </a:cubicBezTo>
                  <a:cubicBezTo>
                    <a:pt x="20673" y="10400"/>
                    <a:pt x="20820" y="10086"/>
                    <a:pt x="20987" y="9814"/>
                  </a:cubicBezTo>
                  <a:cubicBezTo>
                    <a:pt x="21175" y="9521"/>
                    <a:pt x="21322" y="9249"/>
                    <a:pt x="21238" y="8893"/>
                  </a:cubicBezTo>
                  <a:cubicBezTo>
                    <a:pt x="21196" y="8663"/>
                    <a:pt x="21426" y="8454"/>
                    <a:pt x="21719" y="8558"/>
                  </a:cubicBezTo>
                  <a:cubicBezTo>
                    <a:pt x="21824" y="8579"/>
                    <a:pt x="21929" y="8684"/>
                    <a:pt x="21949" y="8789"/>
                  </a:cubicBezTo>
                  <a:cubicBezTo>
                    <a:pt x="22054" y="9228"/>
                    <a:pt x="22138" y="9646"/>
                    <a:pt x="21845" y="10065"/>
                  </a:cubicBezTo>
                  <a:cubicBezTo>
                    <a:pt x="21594" y="10441"/>
                    <a:pt x="21489" y="10860"/>
                    <a:pt x="21385" y="11299"/>
                  </a:cubicBezTo>
                  <a:cubicBezTo>
                    <a:pt x="21217" y="12074"/>
                    <a:pt x="21008" y="12848"/>
                    <a:pt x="20610" y="13538"/>
                  </a:cubicBezTo>
                  <a:cubicBezTo>
                    <a:pt x="20443" y="13894"/>
                    <a:pt x="20297" y="14270"/>
                    <a:pt x="20297" y="14752"/>
                  </a:cubicBezTo>
                  <a:cubicBezTo>
                    <a:pt x="20778" y="14668"/>
                    <a:pt x="21113" y="14438"/>
                    <a:pt x="21426" y="14166"/>
                  </a:cubicBezTo>
                  <a:cubicBezTo>
                    <a:pt x="22012" y="13726"/>
                    <a:pt x="22598" y="13287"/>
                    <a:pt x="23184" y="12848"/>
                  </a:cubicBezTo>
                  <a:cubicBezTo>
                    <a:pt x="23435" y="12638"/>
                    <a:pt x="23686" y="12450"/>
                    <a:pt x="23686" y="12053"/>
                  </a:cubicBezTo>
                  <a:cubicBezTo>
                    <a:pt x="23686" y="11864"/>
                    <a:pt x="23854" y="11697"/>
                    <a:pt x="23958" y="11529"/>
                  </a:cubicBezTo>
                  <a:cubicBezTo>
                    <a:pt x="24105" y="11299"/>
                    <a:pt x="24230" y="11069"/>
                    <a:pt x="24335" y="10860"/>
                  </a:cubicBezTo>
                  <a:cubicBezTo>
                    <a:pt x="24439" y="10651"/>
                    <a:pt x="24544" y="10400"/>
                    <a:pt x="24670" y="10253"/>
                  </a:cubicBezTo>
                  <a:cubicBezTo>
                    <a:pt x="25255" y="9605"/>
                    <a:pt x="25423" y="8809"/>
                    <a:pt x="25486" y="7972"/>
                  </a:cubicBezTo>
                  <a:cubicBezTo>
                    <a:pt x="25506" y="7575"/>
                    <a:pt x="25423" y="7156"/>
                    <a:pt x="25737" y="6801"/>
                  </a:cubicBezTo>
                  <a:cubicBezTo>
                    <a:pt x="25841" y="6696"/>
                    <a:pt x="25820" y="6466"/>
                    <a:pt x="25841" y="6299"/>
                  </a:cubicBezTo>
                  <a:cubicBezTo>
                    <a:pt x="25883" y="6089"/>
                    <a:pt x="25883" y="5880"/>
                    <a:pt x="25904" y="5671"/>
                  </a:cubicBezTo>
                  <a:cubicBezTo>
                    <a:pt x="25925" y="5483"/>
                    <a:pt x="25820" y="5273"/>
                    <a:pt x="25988" y="5127"/>
                  </a:cubicBezTo>
                  <a:cubicBezTo>
                    <a:pt x="26051" y="5127"/>
                    <a:pt x="26113" y="5127"/>
                    <a:pt x="26155" y="5148"/>
                  </a:cubicBezTo>
                  <a:cubicBezTo>
                    <a:pt x="28017" y="5838"/>
                    <a:pt x="29859" y="6508"/>
                    <a:pt x="31700" y="7219"/>
                  </a:cubicBezTo>
                  <a:cubicBezTo>
                    <a:pt x="31951" y="7324"/>
                    <a:pt x="32181" y="7449"/>
                    <a:pt x="32411" y="7617"/>
                  </a:cubicBezTo>
                  <a:cubicBezTo>
                    <a:pt x="34064" y="8621"/>
                    <a:pt x="35466" y="9877"/>
                    <a:pt x="36784" y="11320"/>
                  </a:cubicBezTo>
                  <a:cubicBezTo>
                    <a:pt x="36889" y="11425"/>
                    <a:pt x="36994" y="11529"/>
                    <a:pt x="37077" y="11634"/>
                  </a:cubicBezTo>
                  <a:cubicBezTo>
                    <a:pt x="37663" y="11383"/>
                    <a:pt x="38186" y="11299"/>
                    <a:pt x="38709" y="11341"/>
                  </a:cubicBezTo>
                  <a:cubicBezTo>
                    <a:pt x="38960" y="11383"/>
                    <a:pt x="39170" y="11446"/>
                    <a:pt x="39316" y="11655"/>
                  </a:cubicBezTo>
                  <a:cubicBezTo>
                    <a:pt x="39839" y="12325"/>
                    <a:pt x="40320" y="12973"/>
                    <a:pt x="40153" y="13894"/>
                  </a:cubicBezTo>
                  <a:cubicBezTo>
                    <a:pt x="40132" y="14019"/>
                    <a:pt x="40153" y="14166"/>
                    <a:pt x="40153" y="14333"/>
                  </a:cubicBezTo>
                  <a:cubicBezTo>
                    <a:pt x="40153" y="15212"/>
                    <a:pt x="39944" y="16007"/>
                    <a:pt x="39232" y="16614"/>
                  </a:cubicBezTo>
                  <a:cubicBezTo>
                    <a:pt x="39002" y="16823"/>
                    <a:pt x="38898" y="17074"/>
                    <a:pt x="38898" y="17388"/>
                  </a:cubicBezTo>
                  <a:cubicBezTo>
                    <a:pt x="38919" y="17786"/>
                    <a:pt x="38898" y="18141"/>
                    <a:pt x="38898" y="18539"/>
                  </a:cubicBezTo>
                  <a:cubicBezTo>
                    <a:pt x="38919" y="19062"/>
                    <a:pt x="38814" y="19543"/>
                    <a:pt x="38605" y="20004"/>
                  </a:cubicBezTo>
                  <a:cubicBezTo>
                    <a:pt x="38270" y="20799"/>
                    <a:pt x="37935" y="21573"/>
                    <a:pt x="37621" y="22368"/>
                  </a:cubicBezTo>
                  <a:cubicBezTo>
                    <a:pt x="37538" y="22535"/>
                    <a:pt x="37496" y="22724"/>
                    <a:pt x="37412" y="22996"/>
                  </a:cubicBezTo>
                  <a:lnTo>
                    <a:pt x="38605" y="22996"/>
                  </a:lnTo>
                  <a:cubicBezTo>
                    <a:pt x="38856" y="22996"/>
                    <a:pt x="39107" y="22954"/>
                    <a:pt x="39316" y="23037"/>
                  </a:cubicBezTo>
                  <a:cubicBezTo>
                    <a:pt x="39944" y="23330"/>
                    <a:pt x="40488" y="23309"/>
                    <a:pt x="41074" y="22912"/>
                  </a:cubicBezTo>
                  <a:cubicBezTo>
                    <a:pt x="41157" y="22849"/>
                    <a:pt x="41220" y="22828"/>
                    <a:pt x="41304" y="22786"/>
                  </a:cubicBezTo>
                  <a:cubicBezTo>
                    <a:pt x="41639" y="21908"/>
                    <a:pt x="41890" y="21050"/>
                    <a:pt x="41827" y="20108"/>
                  </a:cubicBezTo>
                  <a:cubicBezTo>
                    <a:pt x="41806" y="19188"/>
                    <a:pt x="41806" y="18288"/>
                    <a:pt x="41827" y="17367"/>
                  </a:cubicBezTo>
                  <a:cubicBezTo>
                    <a:pt x="41848" y="16195"/>
                    <a:pt x="41597" y="15087"/>
                    <a:pt x="41199" y="13998"/>
                  </a:cubicBezTo>
                  <a:cubicBezTo>
                    <a:pt x="40425" y="11864"/>
                    <a:pt x="40425" y="11864"/>
                    <a:pt x="39065" y="10065"/>
                  </a:cubicBezTo>
                  <a:cubicBezTo>
                    <a:pt x="38793" y="9709"/>
                    <a:pt x="38542" y="9353"/>
                    <a:pt x="38270" y="8998"/>
                  </a:cubicBezTo>
                  <a:cubicBezTo>
                    <a:pt x="38082" y="8768"/>
                    <a:pt x="37914" y="8516"/>
                    <a:pt x="37705" y="8307"/>
                  </a:cubicBezTo>
                  <a:cubicBezTo>
                    <a:pt x="36889" y="7512"/>
                    <a:pt x="36073" y="6675"/>
                    <a:pt x="35257" y="5880"/>
                  </a:cubicBezTo>
                  <a:cubicBezTo>
                    <a:pt x="35027" y="5671"/>
                    <a:pt x="34776" y="5483"/>
                    <a:pt x="34483" y="5315"/>
                  </a:cubicBezTo>
                  <a:cubicBezTo>
                    <a:pt x="34043" y="5022"/>
                    <a:pt x="33562" y="4750"/>
                    <a:pt x="33144" y="4436"/>
                  </a:cubicBezTo>
                  <a:cubicBezTo>
                    <a:pt x="32516" y="3976"/>
                    <a:pt x="31888" y="3579"/>
                    <a:pt x="31114" y="3453"/>
                  </a:cubicBezTo>
                  <a:cubicBezTo>
                    <a:pt x="30654" y="3369"/>
                    <a:pt x="30235" y="3244"/>
                    <a:pt x="29817" y="3076"/>
                  </a:cubicBezTo>
                  <a:cubicBezTo>
                    <a:pt x="28959" y="2763"/>
                    <a:pt x="28122" y="2951"/>
                    <a:pt x="27306" y="3139"/>
                  </a:cubicBezTo>
                  <a:cubicBezTo>
                    <a:pt x="26741" y="3265"/>
                    <a:pt x="26218" y="3537"/>
                    <a:pt x="25883" y="4060"/>
                  </a:cubicBezTo>
                  <a:cubicBezTo>
                    <a:pt x="25737" y="4227"/>
                    <a:pt x="25465" y="4164"/>
                    <a:pt x="25360" y="3976"/>
                  </a:cubicBezTo>
                  <a:cubicBezTo>
                    <a:pt x="25297" y="3892"/>
                    <a:pt x="25255" y="3809"/>
                    <a:pt x="25255" y="3746"/>
                  </a:cubicBezTo>
                  <a:cubicBezTo>
                    <a:pt x="25297" y="3181"/>
                    <a:pt x="24900" y="2867"/>
                    <a:pt x="24544" y="2595"/>
                  </a:cubicBezTo>
                  <a:cubicBezTo>
                    <a:pt x="24314" y="2386"/>
                    <a:pt x="24021" y="2198"/>
                    <a:pt x="23728" y="2093"/>
                  </a:cubicBezTo>
                  <a:cubicBezTo>
                    <a:pt x="23205" y="1884"/>
                    <a:pt x="22682" y="1695"/>
                    <a:pt x="22138" y="1570"/>
                  </a:cubicBezTo>
                  <a:cubicBezTo>
                    <a:pt x="21343" y="1382"/>
                    <a:pt x="20610" y="1089"/>
                    <a:pt x="19815" y="1130"/>
                  </a:cubicBezTo>
                  <a:cubicBezTo>
                    <a:pt x="18811" y="1151"/>
                    <a:pt x="17786" y="1089"/>
                    <a:pt x="16802" y="1151"/>
                  </a:cubicBezTo>
                  <a:cubicBezTo>
                    <a:pt x="16112" y="1172"/>
                    <a:pt x="15442" y="1235"/>
                    <a:pt x="14815" y="1444"/>
                  </a:cubicBezTo>
                  <a:cubicBezTo>
                    <a:pt x="13287" y="1967"/>
                    <a:pt x="11864" y="2595"/>
                    <a:pt x="10546" y="3537"/>
                  </a:cubicBezTo>
                  <a:cubicBezTo>
                    <a:pt x="9563" y="4269"/>
                    <a:pt x="8517" y="4918"/>
                    <a:pt x="7491" y="5629"/>
                  </a:cubicBezTo>
                  <a:cubicBezTo>
                    <a:pt x="7261" y="5776"/>
                    <a:pt x="7010" y="5985"/>
                    <a:pt x="6801" y="6173"/>
                  </a:cubicBezTo>
                  <a:cubicBezTo>
                    <a:pt x="6027" y="6947"/>
                    <a:pt x="5211" y="7742"/>
                    <a:pt x="4415" y="8558"/>
                  </a:cubicBezTo>
                  <a:cubicBezTo>
                    <a:pt x="4185" y="8789"/>
                    <a:pt x="3997" y="9040"/>
                    <a:pt x="3830" y="9312"/>
                  </a:cubicBezTo>
                  <a:cubicBezTo>
                    <a:pt x="3014" y="10588"/>
                    <a:pt x="2407" y="11948"/>
                    <a:pt x="1863" y="13371"/>
                  </a:cubicBezTo>
                  <a:cubicBezTo>
                    <a:pt x="1549" y="14145"/>
                    <a:pt x="1382" y="15003"/>
                    <a:pt x="1319" y="15840"/>
                  </a:cubicBezTo>
                  <a:cubicBezTo>
                    <a:pt x="1235" y="16551"/>
                    <a:pt x="1172" y="17263"/>
                    <a:pt x="1047" y="17932"/>
                  </a:cubicBezTo>
                  <a:cubicBezTo>
                    <a:pt x="1005" y="18246"/>
                    <a:pt x="1005" y="18602"/>
                    <a:pt x="1005" y="18916"/>
                  </a:cubicBezTo>
                  <a:lnTo>
                    <a:pt x="1005" y="25109"/>
                  </a:lnTo>
                  <a:cubicBezTo>
                    <a:pt x="1005" y="25841"/>
                    <a:pt x="1026" y="26574"/>
                    <a:pt x="1256" y="27285"/>
                  </a:cubicBezTo>
                  <a:cubicBezTo>
                    <a:pt x="1423" y="27724"/>
                    <a:pt x="1549" y="28164"/>
                    <a:pt x="1654" y="28645"/>
                  </a:cubicBezTo>
                  <a:cubicBezTo>
                    <a:pt x="1716" y="28896"/>
                    <a:pt x="1758" y="29168"/>
                    <a:pt x="1758" y="29419"/>
                  </a:cubicBezTo>
                  <a:cubicBezTo>
                    <a:pt x="1779" y="29817"/>
                    <a:pt x="1758" y="30172"/>
                    <a:pt x="1779" y="30570"/>
                  </a:cubicBezTo>
                  <a:cubicBezTo>
                    <a:pt x="1821" y="30968"/>
                    <a:pt x="1947" y="31323"/>
                    <a:pt x="2407" y="31407"/>
                  </a:cubicBezTo>
                  <a:cubicBezTo>
                    <a:pt x="2532" y="31428"/>
                    <a:pt x="2700" y="31512"/>
                    <a:pt x="2804" y="31595"/>
                  </a:cubicBezTo>
                  <a:cubicBezTo>
                    <a:pt x="3432" y="32014"/>
                    <a:pt x="4102" y="32223"/>
                    <a:pt x="4897" y="32139"/>
                  </a:cubicBezTo>
                  <a:cubicBezTo>
                    <a:pt x="5085" y="32118"/>
                    <a:pt x="5315" y="32202"/>
                    <a:pt x="5462" y="32307"/>
                  </a:cubicBezTo>
                  <a:cubicBezTo>
                    <a:pt x="5838" y="32579"/>
                    <a:pt x="6278" y="32641"/>
                    <a:pt x="6717" y="32662"/>
                  </a:cubicBezTo>
                  <a:cubicBezTo>
                    <a:pt x="7282" y="32662"/>
                    <a:pt x="7847" y="32683"/>
                    <a:pt x="8391" y="32683"/>
                  </a:cubicBezTo>
                  <a:cubicBezTo>
                    <a:pt x="8537" y="32683"/>
                    <a:pt x="8705" y="32725"/>
                    <a:pt x="8747" y="32474"/>
                  </a:cubicBezTo>
                  <a:cubicBezTo>
                    <a:pt x="7889" y="31700"/>
                    <a:pt x="7177" y="30696"/>
                    <a:pt x="6633" y="29607"/>
                  </a:cubicBezTo>
                  <a:close/>
                  <a:moveTo>
                    <a:pt x="38249" y="43438"/>
                  </a:moveTo>
                  <a:cubicBezTo>
                    <a:pt x="38144" y="42999"/>
                    <a:pt x="37977" y="42664"/>
                    <a:pt x="37977" y="42329"/>
                  </a:cubicBezTo>
                  <a:cubicBezTo>
                    <a:pt x="37977" y="41848"/>
                    <a:pt x="37831" y="41450"/>
                    <a:pt x="37642" y="41074"/>
                  </a:cubicBezTo>
                  <a:cubicBezTo>
                    <a:pt x="37454" y="40676"/>
                    <a:pt x="37245" y="40279"/>
                    <a:pt x="37140" y="39839"/>
                  </a:cubicBezTo>
                  <a:cubicBezTo>
                    <a:pt x="36994" y="39316"/>
                    <a:pt x="36805" y="38835"/>
                    <a:pt x="36575" y="38374"/>
                  </a:cubicBezTo>
                  <a:cubicBezTo>
                    <a:pt x="36261" y="37747"/>
                    <a:pt x="35947" y="37119"/>
                    <a:pt x="35634" y="36470"/>
                  </a:cubicBezTo>
                  <a:cubicBezTo>
                    <a:pt x="35236" y="35654"/>
                    <a:pt x="34838" y="34817"/>
                    <a:pt x="34253" y="34106"/>
                  </a:cubicBezTo>
                  <a:cubicBezTo>
                    <a:pt x="34148" y="33981"/>
                    <a:pt x="34064" y="33813"/>
                    <a:pt x="33981" y="33667"/>
                  </a:cubicBezTo>
                  <a:cubicBezTo>
                    <a:pt x="33332" y="32307"/>
                    <a:pt x="32453" y="31072"/>
                    <a:pt x="31365" y="30026"/>
                  </a:cubicBezTo>
                  <a:cubicBezTo>
                    <a:pt x="31240" y="29900"/>
                    <a:pt x="31051" y="29775"/>
                    <a:pt x="30884" y="29628"/>
                  </a:cubicBezTo>
                  <a:cubicBezTo>
                    <a:pt x="29608" y="30340"/>
                    <a:pt x="28352" y="31051"/>
                    <a:pt x="27055" y="31784"/>
                  </a:cubicBezTo>
                  <a:lnTo>
                    <a:pt x="27055" y="33039"/>
                  </a:lnTo>
                  <a:cubicBezTo>
                    <a:pt x="27076" y="33541"/>
                    <a:pt x="26992" y="33981"/>
                    <a:pt x="26574" y="34315"/>
                  </a:cubicBezTo>
                  <a:cubicBezTo>
                    <a:pt x="26364" y="34922"/>
                    <a:pt x="25883" y="34964"/>
                    <a:pt x="25360" y="34859"/>
                  </a:cubicBezTo>
                  <a:cubicBezTo>
                    <a:pt x="24962" y="34797"/>
                    <a:pt x="24565" y="34629"/>
                    <a:pt x="24209" y="34441"/>
                  </a:cubicBezTo>
                  <a:cubicBezTo>
                    <a:pt x="24000" y="34336"/>
                    <a:pt x="23854" y="34127"/>
                    <a:pt x="23833" y="33876"/>
                  </a:cubicBezTo>
                  <a:cubicBezTo>
                    <a:pt x="23812" y="33688"/>
                    <a:pt x="23749" y="33499"/>
                    <a:pt x="23707" y="33311"/>
                  </a:cubicBezTo>
                  <a:cubicBezTo>
                    <a:pt x="22556" y="33604"/>
                    <a:pt x="21489" y="33897"/>
                    <a:pt x="20401" y="34190"/>
                  </a:cubicBezTo>
                  <a:cubicBezTo>
                    <a:pt x="20380" y="34336"/>
                    <a:pt x="20359" y="34420"/>
                    <a:pt x="20359" y="34504"/>
                  </a:cubicBezTo>
                  <a:cubicBezTo>
                    <a:pt x="20380" y="36282"/>
                    <a:pt x="20401" y="38019"/>
                    <a:pt x="20443" y="39797"/>
                  </a:cubicBezTo>
                  <a:cubicBezTo>
                    <a:pt x="20443" y="40299"/>
                    <a:pt x="20401" y="40802"/>
                    <a:pt x="20338" y="41304"/>
                  </a:cubicBezTo>
                  <a:cubicBezTo>
                    <a:pt x="20192" y="42183"/>
                    <a:pt x="19962" y="43082"/>
                    <a:pt x="19711" y="43961"/>
                  </a:cubicBezTo>
                  <a:cubicBezTo>
                    <a:pt x="19606" y="44317"/>
                    <a:pt x="19564" y="44652"/>
                    <a:pt x="19522" y="44986"/>
                  </a:cubicBezTo>
                  <a:cubicBezTo>
                    <a:pt x="19418" y="45740"/>
                    <a:pt x="19501" y="46514"/>
                    <a:pt x="19229" y="47267"/>
                  </a:cubicBezTo>
                  <a:cubicBezTo>
                    <a:pt x="19083" y="47706"/>
                    <a:pt x="19146" y="48188"/>
                    <a:pt x="19229" y="48669"/>
                  </a:cubicBezTo>
                  <a:cubicBezTo>
                    <a:pt x="19732" y="48857"/>
                    <a:pt x="20192" y="48732"/>
                    <a:pt x="20652" y="48669"/>
                  </a:cubicBezTo>
                  <a:cubicBezTo>
                    <a:pt x="20987" y="48627"/>
                    <a:pt x="21343" y="48543"/>
                    <a:pt x="21698" y="48543"/>
                  </a:cubicBezTo>
                  <a:cubicBezTo>
                    <a:pt x="22347" y="48564"/>
                    <a:pt x="22975" y="48439"/>
                    <a:pt x="23623" y="48313"/>
                  </a:cubicBezTo>
                  <a:cubicBezTo>
                    <a:pt x="24146" y="48209"/>
                    <a:pt x="24670" y="48083"/>
                    <a:pt x="25193" y="48020"/>
                  </a:cubicBezTo>
                  <a:cubicBezTo>
                    <a:pt x="27411" y="47727"/>
                    <a:pt x="29566" y="47141"/>
                    <a:pt x="31763" y="46639"/>
                  </a:cubicBezTo>
                  <a:cubicBezTo>
                    <a:pt x="33541" y="46242"/>
                    <a:pt x="35215" y="45489"/>
                    <a:pt x="36826" y="44652"/>
                  </a:cubicBezTo>
                  <a:cubicBezTo>
                    <a:pt x="37349" y="44338"/>
                    <a:pt x="37872" y="43940"/>
                    <a:pt x="38249" y="43438"/>
                  </a:cubicBezTo>
                  <a:close/>
                  <a:moveTo>
                    <a:pt x="38458" y="40299"/>
                  </a:moveTo>
                  <a:cubicBezTo>
                    <a:pt x="38772" y="40258"/>
                    <a:pt x="38919" y="40237"/>
                    <a:pt x="39107" y="40195"/>
                  </a:cubicBezTo>
                  <a:cubicBezTo>
                    <a:pt x="40655" y="40174"/>
                    <a:pt x="42162" y="40132"/>
                    <a:pt x="43710" y="40132"/>
                  </a:cubicBezTo>
                  <a:cubicBezTo>
                    <a:pt x="44421" y="40132"/>
                    <a:pt x="45091" y="40341"/>
                    <a:pt x="45761" y="40592"/>
                  </a:cubicBezTo>
                  <a:cubicBezTo>
                    <a:pt x="46556" y="40906"/>
                    <a:pt x="47351" y="41199"/>
                    <a:pt x="47916" y="41869"/>
                  </a:cubicBezTo>
                  <a:cubicBezTo>
                    <a:pt x="47978" y="41932"/>
                    <a:pt x="48083" y="41952"/>
                    <a:pt x="48167" y="42015"/>
                  </a:cubicBezTo>
                  <a:cubicBezTo>
                    <a:pt x="48397" y="42141"/>
                    <a:pt x="48439" y="42350"/>
                    <a:pt x="48502" y="42580"/>
                  </a:cubicBezTo>
                  <a:cubicBezTo>
                    <a:pt x="48606" y="43375"/>
                    <a:pt x="48292" y="44066"/>
                    <a:pt x="48209" y="44840"/>
                  </a:cubicBezTo>
                  <a:cubicBezTo>
                    <a:pt x="48209" y="44945"/>
                    <a:pt x="48104" y="45049"/>
                    <a:pt x="48020" y="45154"/>
                  </a:cubicBezTo>
                  <a:cubicBezTo>
                    <a:pt x="47183" y="46200"/>
                    <a:pt x="46179" y="46995"/>
                    <a:pt x="45070" y="47769"/>
                  </a:cubicBezTo>
                  <a:cubicBezTo>
                    <a:pt x="44421" y="47937"/>
                    <a:pt x="43836" y="48292"/>
                    <a:pt x="43312" y="48732"/>
                  </a:cubicBezTo>
                  <a:lnTo>
                    <a:pt x="43166" y="48815"/>
                  </a:lnTo>
                  <a:cubicBezTo>
                    <a:pt x="42622" y="49025"/>
                    <a:pt x="42099" y="49276"/>
                    <a:pt x="41639" y="49673"/>
                  </a:cubicBezTo>
                  <a:cubicBezTo>
                    <a:pt x="41513" y="49778"/>
                    <a:pt x="41325" y="49820"/>
                    <a:pt x="41178" y="49924"/>
                  </a:cubicBezTo>
                  <a:cubicBezTo>
                    <a:pt x="40425" y="50322"/>
                    <a:pt x="39630" y="50657"/>
                    <a:pt x="38877" y="51054"/>
                  </a:cubicBezTo>
                  <a:cubicBezTo>
                    <a:pt x="38165" y="51431"/>
                    <a:pt x="37391" y="51598"/>
                    <a:pt x="36638" y="51870"/>
                  </a:cubicBezTo>
                  <a:cubicBezTo>
                    <a:pt x="36596" y="51891"/>
                    <a:pt x="36554" y="51891"/>
                    <a:pt x="36470" y="51891"/>
                  </a:cubicBezTo>
                  <a:cubicBezTo>
                    <a:pt x="35968" y="51849"/>
                    <a:pt x="35550" y="52017"/>
                    <a:pt x="35110" y="52184"/>
                  </a:cubicBezTo>
                  <a:cubicBezTo>
                    <a:pt x="34629" y="52331"/>
                    <a:pt x="34148" y="52435"/>
                    <a:pt x="33667" y="52582"/>
                  </a:cubicBezTo>
                  <a:cubicBezTo>
                    <a:pt x="33269" y="52686"/>
                    <a:pt x="32851" y="52749"/>
                    <a:pt x="32453" y="52895"/>
                  </a:cubicBezTo>
                  <a:cubicBezTo>
                    <a:pt x="31867" y="53063"/>
                    <a:pt x="31281" y="53251"/>
                    <a:pt x="30654" y="53251"/>
                  </a:cubicBezTo>
                  <a:cubicBezTo>
                    <a:pt x="30340" y="53251"/>
                    <a:pt x="30026" y="53356"/>
                    <a:pt x="29712" y="53460"/>
                  </a:cubicBezTo>
                  <a:cubicBezTo>
                    <a:pt x="28624" y="53837"/>
                    <a:pt x="27494" y="53984"/>
                    <a:pt x="26343" y="54046"/>
                  </a:cubicBezTo>
                  <a:cubicBezTo>
                    <a:pt x="26176" y="54046"/>
                    <a:pt x="26030" y="54046"/>
                    <a:pt x="25904" y="54088"/>
                  </a:cubicBezTo>
                  <a:cubicBezTo>
                    <a:pt x="25486" y="54276"/>
                    <a:pt x="25046" y="54256"/>
                    <a:pt x="24586" y="54297"/>
                  </a:cubicBezTo>
                  <a:cubicBezTo>
                    <a:pt x="24272" y="54318"/>
                    <a:pt x="23958" y="54381"/>
                    <a:pt x="23623" y="54423"/>
                  </a:cubicBezTo>
                  <a:cubicBezTo>
                    <a:pt x="23289" y="54486"/>
                    <a:pt x="22912" y="54569"/>
                    <a:pt x="22577" y="54569"/>
                  </a:cubicBezTo>
                  <a:lnTo>
                    <a:pt x="15861" y="54569"/>
                  </a:lnTo>
                  <a:cubicBezTo>
                    <a:pt x="15631" y="54569"/>
                    <a:pt x="15379" y="54590"/>
                    <a:pt x="15149" y="54507"/>
                  </a:cubicBezTo>
                  <a:cubicBezTo>
                    <a:pt x="14229" y="54276"/>
                    <a:pt x="13287" y="54276"/>
                    <a:pt x="12387" y="54046"/>
                  </a:cubicBezTo>
                  <a:cubicBezTo>
                    <a:pt x="11655" y="53837"/>
                    <a:pt x="11153" y="53377"/>
                    <a:pt x="10672" y="52854"/>
                  </a:cubicBezTo>
                  <a:cubicBezTo>
                    <a:pt x="10358" y="52498"/>
                    <a:pt x="10462" y="52079"/>
                    <a:pt x="10441" y="51682"/>
                  </a:cubicBezTo>
                  <a:lnTo>
                    <a:pt x="10441" y="51431"/>
                  </a:lnTo>
                  <a:cubicBezTo>
                    <a:pt x="10400" y="51012"/>
                    <a:pt x="10546" y="50699"/>
                    <a:pt x="10839" y="50385"/>
                  </a:cubicBezTo>
                  <a:cubicBezTo>
                    <a:pt x="11258" y="49966"/>
                    <a:pt x="11676" y="49548"/>
                    <a:pt x="11969" y="49025"/>
                  </a:cubicBezTo>
                  <a:cubicBezTo>
                    <a:pt x="12094" y="48815"/>
                    <a:pt x="12304" y="48606"/>
                    <a:pt x="12513" y="48460"/>
                  </a:cubicBezTo>
                  <a:cubicBezTo>
                    <a:pt x="13392" y="47978"/>
                    <a:pt x="13978" y="47141"/>
                    <a:pt x="14856" y="46618"/>
                  </a:cubicBezTo>
                  <a:cubicBezTo>
                    <a:pt x="15170" y="46430"/>
                    <a:pt x="15442" y="46242"/>
                    <a:pt x="15777" y="46116"/>
                  </a:cubicBezTo>
                  <a:cubicBezTo>
                    <a:pt x="16070" y="46012"/>
                    <a:pt x="16405" y="45886"/>
                    <a:pt x="16635" y="45677"/>
                  </a:cubicBezTo>
                  <a:cubicBezTo>
                    <a:pt x="17012" y="45363"/>
                    <a:pt x="17409" y="45112"/>
                    <a:pt x="17848" y="44945"/>
                  </a:cubicBezTo>
                  <a:cubicBezTo>
                    <a:pt x="18497" y="44673"/>
                    <a:pt x="18706" y="44128"/>
                    <a:pt x="18727" y="43438"/>
                  </a:cubicBezTo>
                  <a:cubicBezTo>
                    <a:pt x="18602" y="43480"/>
                    <a:pt x="18518" y="43480"/>
                    <a:pt x="18455" y="43501"/>
                  </a:cubicBezTo>
                  <a:cubicBezTo>
                    <a:pt x="16384" y="44442"/>
                    <a:pt x="14438" y="45614"/>
                    <a:pt x="12638" y="46995"/>
                  </a:cubicBezTo>
                  <a:cubicBezTo>
                    <a:pt x="12534" y="47079"/>
                    <a:pt x="12450" y="47162"/>
                    <a:pt x="12387" y="47246"/>
                  </a:cubicBezTo>
                  <a:cubicBezTo>
                    <a:pt x="11760" y="47811"/>
                    <a:pt x="11132" y="48397"/>
                    <a:pt x="10462" y="48941"/>
                  </a:cubicBezTo>
                  <a:cubicBezTo>
                    <a:pt x="9186" y="50008"/>
                    <a:pt x="8245" y="51284"/>
                    <a:pt x="7638" y="52833"/>
                  </a:cubicBezTo>
                  <a:cubicBezTo>
                    <a:pt x="7261" y="53879"/>
                    <a:pt x="7470" y="54193"/>
                    <a:pt x="8265" y="54904"/>
                  </a:cubicBezTo>
                  <a:cubicBezTo>
                    <a:pt x="8349" y="54967"/>
                    <a:pt x="8475" y="55030"/>
                    <a:pt x="8579" y="55051"/>
                  </a:cubicBezTo>
                  <a:cubicBezTo>
                    <a:pt x="9102" y="55239"/>
                    <a:pt x="9625" y="55469"/>
                    <a:pt x="10190" y="55553"/>
                  </a:cubicBezTo>
                  <a:cubicBezTo>
                    <a:pt x="12346" y="55929"/>
                    <a:pt x="14543" y="56264"/>
                    <a:pt x="16739" y="56306"/>
                  </a:cubicBezTo>
                  <a:cubicBezTo>
                    <a:pt x="17221" y="56306"/>
                    <a:pt x="17681" y="56369"/>
                    <a:pt x="18162" y="56390"/>
                  </a:cubicBezTo>
                  <a:cubicBezTo>
                    <a:pt x="19041" y="56452"/>
                    <a:pt x="19920" y="56473"/>
                    <a:pt x="20799" y="56327"/>
                  </a:cubicBezTo>
                  <a:cubicBezTo>
                    <a:pt x="21531" y="56222"/>
                    <a:pt x="22263" y="56160"/>
                    <a:pt x="22996" y="56118"/>
                  </a:cubicBezTo>
                  <a:cubicBezTo>
                    <a:pt x="24774" y="56013"/>
                    <a:pt x="26511" y="55699"/>
                    <a:pt x="28227" y="55281"/>
                  </a:cubicBezTo>
                  <a:cubicBezTo>
                    <a:pt x="30026" y="54862"/>
                    <a:pt x="31805" y="54318"/>
                    <a:pt x="33583" y="53816"/>
                  </a:cubicBezTo>
                  <a:cubicBezTo>
                    <a:pt x="35717" y="53272"/>
                    <a:pt x="37747" y="52519"/>
                    <a:pt x="39797" y="51724"/>
                  </a:cubicBezTo>
                  <a:cubicBezTo>
                    <a:pt x="41262" y="51159"/>
                    <a:pt x="42643" y="50468"/>
                    <a:pt x="44003" y="49715"/>
                  </a:cubicBezTo>
                  <a:cubicBezTo>
                    <a:pt x="44673" y="49318"/>
                    <a:pt x="45363" y="48899"/>
                    <a:pt x="46074" y="48543"/>
                  </a:cubicBezTo>
                  <a:cubicBezTo>
                    <a:pt x="46849" y="48125"/>
                    <a:pt x="47539" y="47539"/>
                    <a:pt x="48167" y="46953"/>
                  </a:cubicBezTo>
                  <a:cubicBezTo>
                    <a:pt x="48732" y="46388"/>
                    <a:pt x="49318" y="45823"/>
                    <a:pt x="49966" y="45405"/>
                  </a:cubicBezTo>
                  <a:cubicBezTo>
                    <a:pt x="50468" y="45070"/>
                    <a:pt x="50887" y="44693"/>
                    <a:pt x="51305" y="44275"/>
                  </a:cubicBezTo>
                  <a:cubicBezTo>
                    <a:pt x="51724" y="43856"/>
                    <a:pt x="51745" y="43354"/>
                    <a:pt x="51577" y="42810"/>
                  </a:cubicBezTo>
                  <a:cubicBezTo>
                    <a:pt x="51347" y="41932"/>
                    <a:pt x="50950" y="41157"/>
                    <a:pt x="50113" y="40718"/>
                  </a:cubicBezTo>
                  <a:cubicBezTo>
                    <a:pt x="49903" y="40613"/>
                    <a:pt x="49736" y="40467"/>
                    <a:pt x="49527" y="40383"/>
                  </a:cubicBezTo>
                  <a:cubicBezTo>
                    <a:pt x="48815" y="40111"/>
                    <a:pt x="48083" y="39881"/>
                    <a:pt x="47351" y="39630"/>
                  </a:cubicBezTo>
                  <a:cubicBezTo>
                    <a:pt x="46514" y="39316"/>
                    <a:pt x="45656" y="39149"/>
                    <a:pt x="44756" y="39149"/>
                  </a:cubicBezTo>
                  <a:cubicBezTo>
                    <a:pt x="43584" y="39149"/>
                    <a:pt x="42413" y="39149"/>
                    <a:pt x="41220" y="39128"/>
                  </a:cubicBezTo>
                  <a:cubicBezTo>
                    <a:pt x="40467" y="39128"/>
                    <a:pt x="39693" y="39107"/>
                    <a:pt x="38919" y="39107"/>
                  </a:cubicBezTo>
                  <a:cubicBezTo>
                    <a:pt x="38647" y="39107"/>
                    <a:pt x="38333" y="39065"/>
                    <a:pt x="38082" y="39421"/>
                  </a:cubicBezTo>
                  <a:cubicBezTo>
                    <a:pt x="38228" y="39714"/>
                    <a:pt x="38333" y="39986"/>
                    <a:pt x="38458" y="40299"/>
                  </a:cubicBezTo>
                  <a:close/>
                  <a:moveTo>
                    <a:pt x="37098" y="50636"/>
                  </a:moveTo>
                  <a:cubicBezTo>
                    <a:pt x="37642" y="50657"/>
                    <a:pt x="38082" y="50510"/>
                    <a:pt x="38479" y="50238"/>
                  </a:cubicBezTo>
                  <a:cubicBezTo>
                    <a:pt x="39274" y="49778"/>
                    <a:pt x="40069" y="49401"/>
                    <a:pt x="40906" y="49046"/>
                  </a:cubicBezTo>
                  <a:cubicBezTo>
                    <a:pt x="41053" y="48983"/>
                    <a:pt x="41178" y="48920"/>
                    <a:pt x="41283" y="48774"/>
                  </a:cubicBezTo>
                  <a:cubicBezTo>
                    <a:pt x="41597" y="48418"/>
                    <a:pt x="42036" y="48230"/>
                    <a:pt x="42476" y="48083"/>
                  </a:cubicBezTo>
                  <a:cubicBezTo>
                    <a:pt x="42768" y="47978"/>
                    <a:pt x="42999" y="47811"/>
                    <a:pt x="43250" y="47644"/>
                  </a:cubicBezTo>
                  <a:cubicBezTo>
                    <a:pt x="43836" y="47225"/>
                    <a:pt x="44442" y="46807"/>
                    <a:pt x="45091" y="46472"/>
                  </a:cubicBezTo>
                  <a:cubicBezTo>
                    <a:pt x="45781" y="46116"/>
                    <a:pt x="46305" y="45551"/>
                    <a:pt x="46870" y="45028"/>
                  </a:cubicBezTo>
                  <a:cubicBezTo>
                    <a:pt x="47330" y="44610"/>
                    <a:pt x="47351" y="43982"/>
                    <a:pt x="47644" y="43459"/>
                  </a:cubicBezTo>
                  <a:cubicBezTo>
                    <a:pt x="47686" y="43354"/>
                    <a:pt x="47665" y="43187"/>
                    <a:pt x="47644" y="43040"/>
                  </a:cubicBezTo>
                  <a:cubicBezTo>
                    <a:pt x="47560" y="42685"/>
                    <a:pt x="47351" y="42413"/>
                    <a:pt x="47037" y="42204"/>
                  </a:cubicBezTo>
                  <a:cubicBezTo>
                    <a:pt x="46556" y="41890"/>
                    <a:pt x="46033" y="41722"/>
                    <a:pt x="45509" y="41513"/>
                  </a:cubicBezTo>
                  <a:cubicBezTo>
                    <a:pt x="44714" y="41157"/>
                    <a:pt x="43898" y="41011"/>
                    <a:pt x="43040" y="41011"/>
                  </a:cubicBezTo>
                  <a:cubicBezTo>
                    <a:pt x="41911" y="41011"/>
                    <a:pt x="40802" y="40948"/>
                    <a:pt x="39693" y="40927"/>
                  </a:cubicBezTo>
                  <a:lnTo>
                    <a:pt x="38856" y="40927"/>
                  </a:lnTo>
                  <a:cubicBezTo>
                    <a:pt x="38919" y="41220"/>
                    <a:pt x="39002" y="41471"/>
                    <a:pt x="39065" y="41680"/>
                  </a:cubicBezTo>
                  <a:cubicBezTo>
                    <a:pt x="39274" y="41827"/>
                    <a:pt x="39421" y="41932"/>
                    <a:pt x="39588" y="41994"/>
                  </a:cubicBezTo>
                  <a:cubicBezTo>
                    <a:pt x="39588" y="42496"/>
                    <a:pt x="39609" y="42936"/>
                    <a:pt x="39546" y="43354"/>
                  </a:cubicBezTo>
                  <a:cubicBezTo>
                    <a:pt x="39525" y="43564"/>
                    <a:pt x="39421" y="43815"/>
                    <a:pt x="39253" y="43982"/>
                  </a:cubicBezTo>
                  <a:cubicBezTo>
                    <a:pt x="38667" y="44673"/>
                    <a:pt x="37977" y="45300"/>
                    <a:pt x="37140" y="45698"/>
                  </a:cubicBezTo>
                  <a:cubicBezTo>
                    <a:pt x="36742" y="45886"/>
                    <a:pt x="36324" y="46053"/>
                    <a:pt x="35947" y="46242"/>
                  </a:cubicBezTo>
                  <a:cubicBezTo>
                    <a:pt x="35780" y="46325"/>
                    <a:pt x="35592" y="46325"/>
                    <a:pt x="35550" y="46597"/>
                  </a:cubicBezTo>
                  <a:cubicBezTo>
                    <a:pt x="35634" y="46702"/>
                    <a:pt x="35696" y="46869"/>
                    <a:pt x="35780" y="46995"/>
                  </a:cubicBezTo>
                  <a:cubicBezTo>
                    <a:pt x="36094" y="47623"/>
                    <a:pt x="36491" y="48167"/>
                    <a:pt x="36596" y="48899"/>
                  </a:cubicBezTo>
                  <a:cubicBezTo>
                    <a:pt x="36701" y="49506"/>
                    <a:pt x="36931" y="50071"/>
                    <a:pt x="37098" y="50636"/>
                  </a:cubicBezTo>
                  <a:close/>
                  <a:moveTo>
                    <a:pt x="18225" y="45530"/>
                  </a:moveTo>
                  <a:cubicBezTo>
                    <a:pt x="17890" y="45677"/>
                    <a:pt x="17576" y="45802"/>
                    <a:pt x="17346" y="46053"/>
                  </a:cubicBezTo>
                  <a:cubicBezTo>
                    <a:pt x="17012" y="46451"/>
                    <a:pt x="16572" y="46660"/>
                    <a:pt x="16091" y="46849"/>
                  </a:cubicBezTo>
                  <a:cubicBezTo>
                    <a:pt x="15903" y="46932"/>
                    <a:pt x="15693" y="46995"/>
                    <a:pt x="15547" y="47141"/>
                  </a:cubicBezTo>
                  <a:cubicBezTo>
                    <a:pt x="14940" y="47665"/>
                    <a:pt x="14271" y="48083"/>
                    <a:pt x="13747" y="48669"/>
                  </a:cubicBezTo>
                  <a:cubicBezTo>
                    <a:pt x="13601" y="48836"/>
                    <a:pt x="13392" y="48920"/>
                    <a:pt x="13245" y="49046"/>
                  </a:cubicBezTo>
                  <a:cubicBezTo>
                    <a:pt x="12492" y="49652"/>
                    <a:pt x="11969" y="50489"/>
                    <a:pt x="11467" y="51284"/>
                  </a:cubicBezTo>
                  <a:cubicBezTo>
                    <a:pt x="11362" y="51473"/>
                    <a:pt x="11341" y="51870"/>
                    <a:pt x="11467" y="52059"/>
                  </a:cubicBezTo>
                  <a:cubicBezTo>
                    <a:pt x="11760" y="52519"/>
                    <a:pt x="12074" y="52958"/>
                    <a:pt x="12659" y="53126"/>
                  </a:cubicBezTo>
                  <a:cubicBezTo>
                    <a:pt x="13371" y="53314"/>
                    <a:pt x="14103" y="53356"/>
                    <a:pt x="14835" y="53523"/>
                  </a:cubicBezTo>
                  <a:cubicBezTo>
                    <a:pt x="15338" y="53628"/>
                    <a:pt x="15840" y="53649"/>
                    <a:pt x="16321" y="53649"/>
                  </a:cubicBezTo>
                  <a:cubicBezTo>
                    <a:pt x="18267" y="53649"/>
                    <a:pt x="20234" y="53628"/>
                    <a:pt x="22159" y="53649"/>
                  </a:cubicBezTo>
                  <a:cubicBezTo>
                    <a:pt x="23163" y="53670"/>
                    <a:pt x="24063" y="53335"/>
                    <a:pt x="25088" y="53272"/>
                  </a:cubicBezTo>
                  <a:lnTo>
                    <a:pt x="25088" y="51912"/>
                  </a:lnTo>
                  <a:cubicBezTo>
                    <a:pt x="25088" y="51452"/>
                    <a:pt x="25109" y="50971"/>
                    <a:pt x="25109" y="50510"/>
                  </a:cubicBezTo>
                  <a:cubicBezTo>
                    <a:pt x="25109" y="50092"/>
                    <a:pt x="25193" y="49652"/>
                    <a:pt x="25046" y="49171"/>
                  </a:cubicBezTo>
                  <a:cubicBezTo>
                    <a:pt x="24690" y="49234"/>
                    <a:pt x="24418" y="49255"/>
                    <a:pt x="24146" y="49297"/>
                  </a:cubicBezTo>
                  <a:cubicBezTo>
                    <a:pt x="23644" y="49380"/>
                    <a:pt x="23163" y="49548"/>
                    <a:pt x="22682" y="49548"/>
                  </a:cubicBezTo>
                  <a:cubicBezTo>
                    <a:pt x="21845" y="49548"/>
                    <a:pt x="21029" y="49694"/>
                    <a:pt x="20234" y="49799"/>
                  </a:cubicBezTo>
                  <a:cubicBezTo>
                    <a:pt x="19836" y="49862"/>
                    <a:pt x="19418" y="49862"/>
                    <a:pt x="18999" y="49820"/>
                  </a:cubicBezTo>
                  <a:cubicBezTo>
                    <a:pt x="18518" y="49778"/>
                    <a:pt x="18162" y="49401"/>
                    <a:pt x="18162" y="48962"/>
                  </a:cubicBezTo>
                  <a:cubicBezTo>
                    <a:pt x="18141" y="48146"/>
                    <a:pt x="18037" y="47309"/>
                    <a:pt x="18351" y="46514"/>
                  </a:cubicBezTo>
                  <a:cubicBezTo>
                    <a:pt x="18372" y="46221"/>
                    <a:pt x="18413" y="45907"/>
                    <a:pt x="18225" y="45530"/>
                  </a:cubicBezTo>
                  <a:close/>
                  <a:moveTo>
                    <a:pt x="32913" y="30235"/>
                  </a:moveTo>
                  <a:cubicBezTo>
                    <a:pt x="33688" y="31302"/>
                    <a:pt x="34378" y="32202"/>
                    <a:pt x="34880" y="33227"/>
                  </a:cubicBezTo>
                  <a:cubicBezTo>
                    <a:pt x="34943" y="33374"/>
                    <a:pt x="35048" y="33541"/>
                    <a:pt x="35152" y="33667"/>
                  </a:cubicBezTo>
                  <a:cubicBezTo>
                    <a:pt x="35654" y="34273"/>
                    <a:pt x="36031" y="34922"/>
                    <a:pt x="36366" y="35634"/>
                  </a:cubicBezTo>
                  <a:cubicBezTo>
                    <a:pt x="36763" y="36429"/>
                    <a:pt x="37182" y="37245"/>
                    <a:pt x="37600" y="38061"/>
                  </a:cubicBezTo>
                  <a:cubicBezTo>
                    <a:pt x="37663" y="38249"/>
                    <a:pt x="37810" y="38395"/>
                    <a:pt x="37935" y="38584"/>
                  </a:cubicBezTo>
                  <a:cubicBezTo>
                    <a:pt x="38500" y="38270"/>
                    <a:pt x="39107" y="38291"/>
                    <a:pt x="39693" y="38270"/>
                  </a:cubicBezTo>
                  <a:cubicBezTo>
                    <a:pt x="41220" y="38228"/>
                    <a:pt x="42748" y="38228"/>
                    <a:pt x="44296" y="38228"/>
                  </a:cubicBezTo>
                  <a:cubicBezTo>
                    <a:pt x="44568" y="38228"/>
                    <a:pt x="44861" y="38207"/>
                    <a:pt x="45196" y="38207"/>
                  </a:cubicBezTo>
                  <a:cubicBezTo>
                    <a:pt x="45196" y="37789"/>
                    <a:pt x="45237" y="37391"/>
                    <a:pt x="45196" y="37035"/>
                  </a:cubicBezTo>
                  <a:cubicBezTo>
                    <a:pt x="45154" y="36408"/>
                    <a:pt x="44840" y="35885"/>
                    <a:pt x="44359" y="35550"/>
                  </a:cubicBezTo>
                  <a:cubicBezTo>
                    <a:pt x="43836" y="35152"/>
                    <a:pt x="43396" y="34713"/>
                    <a:pt x="42894" y="34253"/>
                  </a:cubicBezTo>
                  <a:cubicBezTo>
                    <a:pt x="42643" y="34022"/>
                    <a:pt x="42350" y="33771"/>
                    <a:pt x="42036" y="33667"/>
                  </a:cubicBezTo>
                  <a:cubicBezTo>
                    <a:pt x="41304" y="33395"/>
                    <a:pt x="40676" y="32976"/>
                    <a:pt x="40027" y="32579"/>
                  </a:cubicBezTo>
                  <a:cubicBezTo>
                    <a:pt x="39442" y="32244"/>
                    <a:pt x="38814" y="32139"/>
                    <a:pt x="38186" y="31930"/>
                  </a:cubicBezTo>
                  <a:cubicBezTo>
                    <a:pt x="36701" y="31407"/>
                    <a:pt x="35194" y="30905"/>
                    <a:pt x="33688" y="30424"/>
                  </a:cubicBezTo>
                  <a:cubicBezTo>
                    <a:pt x="33478" y="30340"/>
                    <a:pt x="33269" y="30319"/>
                    <a:pt x="32913" y="30235"/>
                  </a:cubicBezTo>
                  <a:close/>
                  <a:moveTo>
                    <a:pt x="34566" y="46869"/>
                  </a:moveTo>
                  <a:cubicBezTo>
                    <a:pt x="34399" y="46932"/>
                    <a:pt x="34211" y="46953"/>
                    <a:pt x="34064" y="46995"/>
                  </a:cubicBezTo>
                  <a:cubicBezTo>
                    <a:pt x="32934" y="47455"/>
                    <a:pt x="31784" y="47811"/>
                    <a:pt x="30591" y="47978"/>
                  </a:cubicBezTo>
                  <a:cubicBezTo>
                    <a:pt x="30424" y="47999"/>
                    <a:pt x="30298" y="48020"/>
                    <a:pt x="30172" y="48083"/>
                  </a:cubicBezTo>
                  <a:cubicBezTo>
                    <a:pt x="28938" y="48460"/>
                    <a:pt x="27662" y="48711"/>
                    <a:pt x="26364" y="48920"/>
                  </a:cubicBezTo>
                  <a:cubicBezTo>
                    <a:pt x="26218" y="48941"/>
                    <a:pt x="26051" y="49025"/>
                    <a:pt x="25946" y="49066"/>
                  </a:cubicBezTo>
                  <a:lnTo>
                    <a:pt x="25946" y="50447"/>
                  </a:lnTo>
                  <a:cubicBezTo>
                    <a:pt x="25946" y="50908"/>
                    <a:pt x="25946" y="51347"/>
                    <a:pt x="25988" y="51787"/>
                  </a:cubicBezTo>
                  <a:cubicBezTo>
                    <a:pt x="26009" y="52226"/>
                    <a:pt x="25904" y="52644"/>
                    <a:pt x="26051" y="53126"/>
                  </a:cubicBezTo>
                  <a:cubicBezTo>
                    <a:pt x="27055" y="53167"/>
                    <a:pt x="28017" y="53021"/>
                    <a:pt x="28938" y="52749"/>
                  </a:cubicBezTo>
                  <a:cubicBezTo>
                    <a:pt x="29649" y="52582"/>
                    <a:pt x="30340" y="52331"/>
                    <a:pt x="31072" y="52310"/>
                  </a:cubicBezTo>
                  <a:cubicBezTo>
                    <a:pt x="31281" y="52310"/>
                    <a:pt x="31470" y="52226"/>
                    <a:pt x="31679" y="52184"/>
                  </a:cubicBezTo>
                  <a:cubicBezTo>
                    <a:pt x="32411" y="51996"/>
                    <a:pt x="33144" y="51787"/>
                    <a:pt x="33876" y="51577"/>
                  </a:cubicBezTo>
                  <a:cubicBezTo>
                    <a:pt x="34190" y="51494"/>
                    <a:pt x="34504" y="51431"/>
                    <a:pt x="34797" y="51284"/>
                  </a:cubicBezTo>
                  <a:cubicBezTo>
                    <a:pt x="35110" y="51159"/>
                    <a:pt x="35508" y="51159"/>
                    <a:pt x="35717" y="50929"/>
                  </a:cubicBezTo>
                  <a:cubicBezTo>
                    <a:pt x="35864" y="49401"/>
                    <a:pt x="35508" y="48083"/>
                    <a:pt x="34566" y="46869"/>
                  </a:cubicBezTo>
                  <a:close/>
                  <a:moveTo>
                    <a:pt x="37182" y="56871"/>
                  </a:moveTo>
                  <a:cubicBezTo>
                    <a:pt x="36784" y="57499"/>
                    <a:pt x="36931" y="58147"/>
                    <a:pt x="36931" y="58796"/>
                  </a:cubicBezTo>
                  <a:cubicBezTo>
                    <a:pt x="36931" y="58859"/>
                    <a:pt x="36973" y="58921"/>
                    <a:pt x="36994" y="58963"/>
                  </a:cubicBezTo>
                  <a:cubicBezTo>
                    <a:pt x="37349" y="59340"/>
                    <a:pt x="37726" y="59800"/>
                    <a:pt x="38270" y="59842"/>
                  </a:cubicBezTo>
                  <a:cubicBezTo>
                    <a:pt x="39065" y="59926"/>
                    <a:pt x="39839" y="59947"/>
                    <a:pt x="40634" y="59717"/>
                  </a:cubicBezTo>
                  <a:cubicBezTo>
                    <a:pt x="41283" y="59528"/>
                    <a:pt x="41722" y="59068"/>
                    <a:pt x="42266" y="58712"/>
                  </a:cubicBezTo>
                  <a:cubicBezTo>
                    <a:pt x="42538" y="58545"/>
                    <a:pt x="42559" y="58126"/>
                    <a:pt x="42350" y="57833"/>
                  </a:cubicBezTo>
                  <a:cubicBezTo>
                    <a:pt x="42224" y="57645"/>
                    <a:pt x="42036" y="57499"/>
                    <a:pt x="41806" y="57436"/>
                  </a:cubicBezTo>
                  <a:cubicBezTo>
                    <a:pt x="41408" y="57331"/>
                    <a:pt x="41011" y="57185"/>
                    <a:pt x="40634" y="57038"/>
                  </a:cubicBezTo>
                  <a:cubicBezTo>
                    <a:pt x="40383" y="56976"/>
                    <a:pt x="40174" y="56892"/>
                    <a:pt x="39944" y="56871"/>
                  </a:cubicBezTo>
                  <a:close/>
                  <a:moveTo>
                    <a:pt x="25193" y="59863"/>
                  </a:moveTo>
                  <a:cubicBezTo>
                    <a:pt x="25109" y="59842"/>
                    <a:pt x="25046" y="59821"/>
                    <a:pt x="24983" y="59842"/>
                  </a:cubicBezTo>
                  <a:cubicBezTo>
                    <a:pt x="24439" y="60072"/>
                    <a:pt x="23812" y="60135"/>
                    <a:pt x="23226" y="60344"/>
                  </a:cubicBezTo>
                  <a:cubicBezTo>
                    <a:pt x="22745" y="60554"/>
                    <a:pt x="22263" y="60721"/>
                    <a:pt x="21929" y="61160"/>
                  </a:cubicBezTo>
                  <a:cubicBezTo>
                    <a:pt x="21761" y="61328"/>
                    <a:pt x="21615" y="61495"/>
                    <a:pt x="21426" y="61642"/>
                  </a:cubicBezTo>
                  <a:cubicBezTo>
                    <a:pt x="21196" y="61830"/>
                    <a:pt x="21175" y="62102"/>
                    <a:pt x="21175" y="62353"/>
                  </a:cubicBezTo>
                  <a:cubicBezTo>
                    <a:pt x="21196" y="62688"/>
                    <a:pt x="21301" y="62855"/>
                    <a:pt x="21636" y="62855"/>
                  </a:cubicBezTo>
                  <a:cubicBezTo>
                    <a:pt x="22368" y="62876"/>
                    <a:pt x="23058" y="62751"/>
                    <a:pt x="23623" y="62290"/>
                  </a:cubicBezTo>
                  <a:cubicBezTo>
                    <a:pt x="23937" y="62060"/>
                    <a:pt x="24272" y="61809"/>
                    <a:pt x="24586" y="61579"/>
                  </a:cubicBezTo>
                  <a:cubicBezTo>
                    <a:pt x="24858" y="61390"/>
                    <a:pt x="25151" y="61202"/>
                    <a:pt x="25214" y="60867"/>
                  </a:cubicBezTo>
                  <a:cubicBezTo>
                    <a:pt x="25318" y="60554"/>
                    <a:pt x="25360" y="60177"/>
                    <a:pt x="25193" y="59863"/>
                  </a:cubicBezTo>
                  <a:close/>
                  <a:moveTo>
                    <a:pt x="5106" y="25339"/>
                  </a:moveTo>
                  <a:cubicBezTo>
                    <a:pt x="4374" y="25214"/>
                    <a:pt x="3955" y="25506"/>
                    <a:pt x="3641" y="26092"/>
                  </a:cubicBezTo>
                  <a:cubicBezTo>
                    <a:pt x="3432" y="26490"/>
                    <a:pt x="3432" y="26887"/>
                    <a:pt x="3411" y="27285"/>
                  </a:cubicBezTo>
                  <a:cubicBezTo>
                    <a:pt x="3327" y="28143"/>
                    <a:pt x="4039" y="28561"/>
                    <a:pt x="4687" y="28687"/>
                  </a:cubicBezTo>
                  <a:cubicBezTo>
                    <a:pt x="5148" y="28791"/>
                    <a:pt x="5650" y="28771"/>
                    <a:pt x="6152" y="28666"/>
                  </a:cubicBezTo>
                  <a:cubicBezTo>
                    <a:pt x="5796" y="27515"/>
                    <a:pt x="5441" y="26448"/>
                    <a:pt x="5106" y="25339"/>
                  </a:cubicBezTo>
                  <a:close/>
                  <a:moveTo>
                    <a:pt x="38960" y="15400"/>
                  </a:moveTo>
                  <a:cubicBezTo>
                    <a:pt x="39316" y="14815"/>
                    <a:pt x="39379" y="14250"/>
                    <a:pt x="39400" y="13685"/>
                  </a:cubicBezTo>
                  <a:cubicBezTo>
                    <a:pt x="39421" y="13182"/>
                    <a:pt x="39274" y="12785"/>
                    <a:pt x="38981" y="12387"/>
                  </a:cubicBezTo>
                  <a:cubicBezTo>
                    <a:pt x="38793" y="12157"/>
                    <a:pt x="38563" y="12115"/>
                    <a:pt x="38291" y="12115"/>
                  </a:cubicBezTo>
                  <a:cubicBezTo>
                    <a:pt x="37998" y="12136"/>
                    <a:pt x="37872" y="12325"/>
                    <a:pt x="37956" y="12576"/>
                  </a:cubicBezTo>
                  <a:lnTo>
                    <a:pt x="38814" y="15170"/>
                  </a:lnTo>
                  <a:cubicBezTo>
                    <a:pt x="38856" y="15254"/>
                    <a:pt x="38898" y="15296"/>
                    <a:pt x="38960" y="15400"/>
                  </a:cubicBezTo>
                  <a:close/>
                  <a:moveTo>
                    <a:pt x="26092" y="32348"/>
                  </a:moveTo>
                  <a:cubicBezTo>
                    <a:pt x="25465" y="32558"/>
                    <a:pt x="24962" y="32704"/>
                    <a:pt x="24544" y="33060"/>
                  </a:cubicBezTo>
                  <a:cubicBezTo>
                    <a:pt x="24565" y="33332"/>
                    <a:pt x="24586" y="33541"/>
                    <a:pt x="24628" y="33771"/>
                  </a:cubicBezTo>
                  <a:cubicBezTo>
                    <a:pt x="24774" y="33813"/>
                    <a:pt x="24879" y="33876"/>
                    <a:pt x="24983" y="33918"/>
                  </a:cubicBezTo>
                  <a:cubicBezTo>
                    <a:pt x="25611" y="34169"/>
                    <a:pt x="26092" y="33855"/>
                    <a:pt x="26134" y="33185"/>
                  </a:cubicBezTo>
                  <a:cubicBezTo>
                    <a:pt x="26134" y="32934"/>
                    <a:pt x="26113" y="32704"/>
                    <a:pt x="26092" y="32348"/>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82" name="Google Shape;2382;p74"/>
            <p:cNvSpPr/>
            <p:nvPr/>
          </p:nvSpPr>
          <p:spPr>
            <a:xfrm rot="631759">
              <a:off x="6471497" y="3073933"/>
              <a:ext cx="471859" cy="329946"/>
            </a:xfrm>
            <a:custGeom>
              <a:avLst/>
              <a:gdLst/>
              <a:ahLst/>
              <a:cxnLst/>
              <a:rect l="l" t="t" r="r" b="b"/>
              <a:pathLst>
                <a:path w="17117" h="11969" extrusionOk="0">
                  <a:moveTo>
                    <a:pt x="6341" y="11822"/>
                  </a:moveTo>
                  <a:lnTo>
                    <a:pt x="6257" y="11822"/>
                  </a:lnTo>
                  <a:cubicBezTo>
                    <a:pt x="5022" y="11969"/>
                    <a:pt x="3934" y="11571"/>
                    <a:pt x="2867" y="11048"/>
                  </a:cubicBezTo>
                  <a:cubicBezTo>
                    <a:pt x="2721" y="11006"/>
                    <a:pt x="2595" y="10922"/>
                    <a:pt x="2470" y="10881"/>
                  </a:cubicBezTo>
                  <a:cubicBezTo>
                    <a:pt x="1779" y="10692"/>
                    <a:pt x="1340" y="10253"/>
                    <a:pt x="942" y="9730"/>
                  </a:cubicBezTo>
                  <a:cubicBezTo>
                    <a:pt x="733" y="9437"/>
                    <a:pt x="524" y="9144"/>
                    <a:pt x="357" y="8851"/>
                  </a:cubicBezTo>
                  <a:cubicBezTo>
                    <a:pt x="43" y="8391"/>
                    <a:pt x="1" y="7868"/>
                    <a:pt x="85" y="7345"/>
                  </a:cubicBezTo>
                  <a:cubicBezTo>
                    <a:pt x="105" y="7072"/>
                    <a:pt x="252" y="6905"/>
                    <a:pt x="440" y="6759"/>
                  </a:cubicBezTo>
                  <a:cubicBezTo>
                    <a:pt x="608" y="6654"/>
                    <a:pt x="796" y="6633"/>
                    <a:pt x="942" y="6759"/>
                  </a:cubicBezTo>
                  <a:cubicBezTo>
                    <a:pt x="1026" y="6842"/>
                    <a:pt x="1131" y="7052"/>
                    <a:pt x="1068" y="7135"/>
                  </a:cubicBezTo>
                  <a:cubicBezTo>
                    <a:pt x="754" y="7700"/>
                    <a:pt x="1026" y="8161"/>
                    <a:pt x="1382" y="8600"/>
                  </a:cubicBezTo>
                  <a:cubicBezTo>
                    <a:pt x="1549" y="8788"/>
                    <a:pt x="1675" y="8956"/>
                    <a:pt x="1842" y="9144"/>
                  </a:cubicBezTo>
                  <a:cubicBezTo>
                    <a:pt x="2114" y="9521"/>
                    <a:pt x="2470" y="9751"/>
                    <a:pt x="2909" y="9897"/>
                  </a:cubicBezTo>
                  <a:cubicBezTo>
                    <a:pt x="3370" y="10065"/>
                    <a:pt x="3851" y="10253"/>
                    <a:pt x="4311" y="10420"/>
                  </a:cubicBezTo>
                  <a:cubicBezTo>
                    <a:pt x="4730" y="10609"/>
                    <a:pt x="5148" y="10692"/>
                    <a:pt x="5608" y="10671"/>
                  </a:cubicBezTo>
                  <a:cubicBezTo>
                    <a:pt x="6194" y="10630"/>
                    <a:pt x="6780" y="10630"/>
                    <a:pt x="7387" y="10671"/>
                  </a:cubicBezTo>
                  <a:cubicBezTo>
                    <a:pt x="7910" y="10671"/>
                    <a:pt x="8370" y="10567"/>
                    <a:pt x="8789" y="10253"/>
                  </a:cubicBezTo>
                  <a:cubicBezTo>
                    <a:pt x="9124" y="9981"/>
                    <a:pt x="9521" y="9855"/>
                    <a:pt x="9919" y="9751"/>
                  </a:cubicBezTo>
                  <a:cubicBezTo>
                    <a:pt x="10232" y="9646"/>
                    <a:pt x="10546" y="9541"/>
                    <a:pt x="10776" y="9353"/>
                  </a:cubicBezTo>
                  <a:cubicBezTo>
                    <a:pt x="11802" y="8579"/>
                    <a:pt x="12827" y="7763"/>
                    <a:pt x="13810" y="6926"/>
                  </a:cubicBezTo>
                  <a:cubicBezTo>
                    <a:pt x="14292" y="6528"/>
                    <a:pt x="14647" y="6005"/>
                    <a:pt x="14940" y="5461"/>
                  </a:cubicBezTo>
                  <a:cubicBezTo>
                    <a:pt x="15066" y="5231"/>
                    <a:pt x="15191" y="4980"/>
                    <a:pt x="15338" y="4771"/>
                  </a:cubicBezTo>
                  <a:cubicBezTo>
                    <a:pt x="15568" y="4457"/>
                    <a:pt x="15694" y="4101"/>
                    <a:pt x="15756" y="3704"/>
                  </a:cubicBezTo>
                  <a:cubicBezTo>
                    <a:pt x="15861" y="2888"/>
                    <a:pt x="15903" y="2051"/>
                    <a:pt x="15694" y="1256"/>
                  </a:cubicBezTo>
                  <a:cubicBezTo>
                    <a:pt x="15631" y="984"/>
                    <a:pt x="15589" y="733"/>
                    <a:pt x="15589" y="461"/>
                  </a:cubicBezTo>
                  <a:cubicBezTo>
                    <a:pt x="15589" y="168"/>
                    <a:pt x="15882" y="0"/>
                    <a:pt x="16154" y="105"/>
                  </a:cubicBezTo>
                  <a:cubicBezTo>
                    <a:pt x="16300" y="147"/>
                    <a:pt x="16489" y="251"/>
                    <a:pt x="16572" y="377"/>
                  </a:cubicBezTo>
                  <a:cubicBezTo>
                    <a:pt x="16740" y="733"/>
                    <a:pt x="16949" y="1067"/>
                    <a:pt x="16991" y="1423"/>
                  </a:cubicBezTo>
                  <a:cubicBezTo>
                    <a:pt x="17095" y="2469"/>
                    <a:pt x="17116" y="3557"/>
                    <a:pt x="16782" y="4562"/>
                  </a:cubicBezTo>
                  <a:cubicBezTo>
                    <a:pt x="16740" y="4666"/>
                    <a:pt x="16719" y="4813"/>
                    <a:pt x="16635" y="4917"/>
                  </a:cubicBezTo>
                  <a:cubicBezTo>
                    <a:pt x="15882" y="6215"/>
                    <a:pt x="15129" y="7491"/>
                    <a:pt x="13873" y="8412"/>
                  </a:cubicBezTo>
                  <a:cubicBezTo>
                    <a:pt x="13057" y="8997"/>
                    <a:pt x="12304" y="9646"/>
                    <a:pt x="11488" y="10253"/>
                  </a:cubicBezTo>
                  <a:cubicBezTo>
                    <a:pt x="11279" y="10399"/>
                    <a:pt x="11069" y="10588"/>
                    <a:pt x="10818" y="10671"/>
                  </a:cubicBezTo>
                  <a:cubicBezTo>
                    <a:pt x="10107" y="10839"/>
                    <a:pt x="9458" y="11194"/>
                    <a:pt x="8789" y="11529"/>
                  </a:cubicBezTo>
                  <a:cubicBezTo>
                    <a:pt x="8370" y="11738"/>
                    <a:pt x="7910" y="11843"/>
                    <a:pt x="7429" y="11822"/>
                  </a:cubicBezTo>
                  <a:cubicBezTo>
                    <a:pt x="7052" y="11822"/>
                    <a:pt x="6675" y="11843"/>
                    <a:pt x="6341" y="11822"/>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83" name="Google Shape;2383;p74"/>
            <p:cNvSpPr/>
            <p:nvPr/>
          </p:nvSpPr>
          <p:spPr>
            <a:xfrm rot="631759">
              <a:off x="6841038" y="3037323"/>
              <a:ext cx="40413" cy="48490"/>
            </a:xfrm>
            <a:custGeom>
              <a:avLst/>
              <a:gdLst/>
              <a:ahLst/>
              <a:cxnLst/>
              <a:rect l="l" t="t" r="r" b="b"/>
              <a:pathLst>
                <a:path w="1466" h="1759" extrusionOk="0">
                  <a:moveTo>
                    <a:pt x="1" y="817"/>
                  </a:moveTo>
                  <a:cubicBezTo>
                    <a:pt x="1" y="817"/>
                    <a:pt x="1" y="712"/>
                    <a:pt x="42" y="586"/>
                  </a:cubicBezTo>
                  <a:cubicBezTo>
                    <a:pt x="105" y="189"/>
                    <a:pt x="356" y="0"/>
                    <a:pt x="775" y="42"/>
                  </a:cubicBezTo>
                  <a:cubicBezTo>
                    <a:pt x="1298" y="84"/>
                    <a:pt x="1465" y="356"/>
                    <a:pt x="1319" y="837"/>
                  </a:cubicBezTo>
                  <a:cubicBezTo>
                    <a:pt x="1235" y="1089"/>
                    <a:pt x="1109" y="1319"/>
                    <a:pt x="942" y="1528"/>
                  </a:cubicBezTo>
                  <a:cubicBezTo>
                    <a:pt x="796" y="1737"/>
                    <a:pt x="565" y="1758"/>
                    <a:pt x="314" y="1674"/>
                  </a:cubicBezTo>
                  <a:cubicBezTo>
                    <a:pt x="105" y="1612"/>
                    <a:pt x="42" y="1402"/>
                    <a:pt x="1" y="1193"/>
                  </a:cubicBezTo>
                  <a:close/>
                </a:path>
              </a:pathLst>
            </a:custGeom>
            <a:solidFill>
              <a:schemeClr val="dk1"/>
            </a:solidFill>
            <a:ln>
              <a:noFill/>
            </a:ln>
          </p:spPr>
          <p:txBody>
            <a:bodyPr spcFirstLastPara="1" wrap="square" lIns="91425" tIns="91425" rIns="91425" bIns="91425" anchor="ctr" anchorCtr="0">
              <a:noAutofit/>
            </a:bodyPr>
            <a:lstStyle/>
            <a:p>
              <a:endParaRPr/>
            </a:p>
          </p:txBody>
        </p:sp>
        <p:sp>
          <p:nvSpPr>
            <p:cNvPr id="2384" name="Google Shape;2384;p74"/>
            <p:cNvSpPr/>
            <p:nvPr/>
          </p:nvSpPr>
          <p:spPr>
            <a:xfrm rot="631759">
              <a:off x="6464668" y="3108773"/>
              <a:ext cx="40992" cy="41543"/>
            </a:xfrm>
            <a:custGeom>
              <a:avLst/>
              <a:gdLst/>
              <a:ahLst/>
              <a:cxnLst/>
              <a:rect l="l" t="t" r="r" b="b"/>
              <a:pathLst>
                <a:path w="1487" h="1507" extrusionOk="0">
                  <a:moveTo>
                    <a:pt x="712" y="1507"/>
                  </a:moveTo>
                  <a:cubicBezTo>
                    <a:pt x="670" y="1507"/>
                    <a:pt x="545" y="1486"/>
                    <a:pt x="440" y="1444"/>
                  </a:cubicBezTo>
                  <a:cubicBezTo>
                    <a:pt x="231" y="1402"/>
                    <a:pt x="105" y="1255"/>
                    <a:pt x="64" y="1025"/>
                  </a:cubicBezTo>
                  <a:cubicBezTo>
                    <a:pt x="1" y="816"/>
                    <a:pt x="64" y="607"/>
                    <a:pt x="231" y="481"/>
                  </a:cubicBezTo>
                  <a:cubicBezTo>
                    <a:pt x="315" y="398"/>
                    <a:pt x="419" y="356"/>
                    <a:pt x="524" y="293"/>
                  </a:cubicBezTo>
                  <a:cubicBezTo>
                    <a:pt x="1131" y="0"/>
                    <a:pt x="1486" y="209"/>
                    <a:pt x="1486" y="879"/>
                  </a:cubicBezTo>
                  <a:cubicBezTo>
                    <a:pt x="1466" y="1297"/>
                    <a:pt x="1235" y="1486"/>
                    <a:pt x="712" y="1507"/>
                  </a:cubicBezTo>
                  <a:close/>
                </a:path>
              </a:pathLst>
            </a:custGeom>
            <a:solidFill>
              <a:schemeClr val="dk1"/>
            </a:solidFill>
            <a:ln>
              <a:noFill/>
            </a:ln>
          </p:spPr>
          <p:txBody>
            <a:bodyPr spcFirstLastPara="1" wrap="square" lIns="91425" tIns="91425" rIns="91425" bIns="91425" anchor="ctr" anchorCtr="0">
              <a:noAutofit/>
            </a:bodyPr>
            <a:lstStyle/>
            <a:p>
              <a:endParaRPr/>
            </a:p>
          </p:txBody>
        </p:sp>
      </p:grpSp>
    </p:spTree>
    <p:custDataLst>
      <p:tags r:id="rId1"/>
    </p:custData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7" name="Hình ảnh 16" descr="Ảnh có chứa ảnh chụp màn hình, hàng, màu đen, Hình chữ nhật&#10;&#10;Mô tả được tạo tự động">
            <a:extLst>
              <a:ext uri="{FF2B5EF4-FFF2-40B4-BE49-F238E27FC236}">
                <a16:creationId xmlns:a16="http://schemas.microsoft.com/office/drawing/2014/main" id="{44512696-7171-3B05-5F27-7287485739E6}"/>
              </a:ext>
            </a:extLst>
          </p:cNvPr>
          <p:cNvPicPr>
            <a:picLocks noChangeAspect="1"/>
          </p:cNvPicPr>
          <p:nvPr/>
        </p:nvPicPr>
        <p:blipFill>
          <a:blip r:embed="rId4"/>
          <a:stretch>
            <a:fillRect/>
          </a:stretch>
        </p:blipFill>
        <p:spPr>
          <a:xfrm>
            <a:off x="148293" y="635808"/>
            <a:ext cx="10344149" cy="5248313"/>
          </a:xfrm>
          <a:prstGeom prst="rect">
            <a:avLst/>
          </a:prstGeom>
        </p:spPr>
      </p:pic>
      <p:sp>
        <p:nvSpPr>
          <p:cNvPr id="3" name="Rectangle: Rounded Corners 123">
            <a:extLst>
              <a:ext uri="{FF2B5EF4-FFF2-40B4-BE49-F238E27FC236}">
                <a16:creationId xmlns:a16="http://schemas.microsoft.com/office/drawing/2014/main" id="{1D07A82D-41D4-15C8-8D0F-D765B1B6466E}"/>
              </a:ext>
            </a:extLst>
          </p:cNvPr>
          <p:cNvSpPr/>
          <p:nvPr/>
        </p:nvSpPr>
        <p:spPr>
          <a:xfrm>
            <a:off x="1254755" y="2309379"/>
            <a:ext cx="8375020" cy="1861416"/>
          </a:xfrm>
          <a:prstGeom prst="roundRect">
            <a:avLst/>
          </a:prstGeom>
          <a:solidFill>
            <a:schemeClr val="accent6">
              <a:lumMod val="20000"/>
              <a:lumOff val="80000"/>
            </a:schemeClr>
          </a:solidFill>
          <a:ln>
            <a:noFill/>
          </a:ln>
          <a:effectLst>
            <a:glow rad="63500">
              <a:schemeClr val="accent1">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4000">
                <a:solidFill>
                  <a:schemeClr val="accent3">
                    <a:lumMod val="75000"/>
                  </a:schemeClr>
                </a:solidFill>
                <a:latin typeface="Times New Roman" panose="02020603050405020304" pitchFamily="18" charset="0"/>
                <a:cs typeface="Times New Roman" panose="02020603050405020304" pitchFamily="18" charset="0"/>
              </a:rPr>
              <a:t>Thiết bị nối trung tâm giúp kết nối các máy tính và thiết bị mạng với nhau</a:t>
            </a:r>
          </a:p>
        </p:txBody>
      </p:sp>
      <p:pic>
        <p:nvPicPr>
          <p:cNvPr id="9" name="Hình ảnh 8" descr="Ảnh có chứa biểu tượng, Đồ họa, vòng tròn, hình mẫu&#10;&#10;Mô tả được tạo tự động">
            <a:extLst>
              <a:ext uri="{FF2B5EF4-FFF2-40B4-BE49-F238E27FC236}">
                <a16:creationId xmlns:a16="http://schemas.microsoft.com/office/drawing/2014/main" id="{9874D213-3E01-5D0F-CB16-5DB9E810E545}"/>
              </a:ext>
            </a:extLst>
          </p:cNvPr>
          <p:cNvPicPr>
            <a:picLocks noChangeAspect="1"/>
          </p:cNvPicPr>
          <p:nvPr/>
        </p:nvPicPr>
        <p:blipFill>
          <a:blip r:embed="rId5"/>
          <a:stretch>
            <a:fillRect/>
          </a:stretch>
        </p:blipFill>
        <p:spPr>
          <a:xfrm>
            <a:off x="540864" y="1286691"/>
            <a:ext cx="1427782" cy="1447933"/>
          </a:xfrm>
          <a:prstGeom prst="rect">
            <a:avLst/>
          </a:prstGeom>
        </p:spPr>
      </p:pic>
      <p:pic>
        <p:nvPicPr>
          <p:cNvPr id="4" name="Hình ảnh 3" descr="Ảnh có chứa hình vẽ, minh họa, phim hoạt hình, Phim hoạt hình&#10;&#10;Mô tả được tạo tự động">
            <a:hlinkClick r:id="rId6" action="ppaction://hlinksldjump"/>
            <a:extLst>
              <a:ext uri="{FF2B5EF4-FFF2-40B4-BE49-F238E27FC236}">
                <a16:creationId xmlns:a16="http://schemas.microsoft.com/office/drawing/2014/main" id="{A1DC88F2-54B9-6184-DD24-3C8C1E91E059}"/>
              </a:ext>
            </a:extLst>
          </p:cNvPr>
          <p:cNvPicPr>
            <a:picLocks noChangeAspect="1"/>
          </p:cNvPicPr>
          <p:nvPr/>
        </p:nvPicPr>
        <p:blipFill>
          <a:blip r:embed="rId7"/>
          <a:stretch>
            <a:fillRect/>
          </a:stretch>
        </p:blipFill>
        <p:spPr>
          <a:xfrm flipH="1">
            <a:off x="8863263" y="3342866"/>
            <a:ext cx="2000746" cy="3137309"/>
          </a:xfrm>
          <a:prstGeom prst="rect">
            <a:avLst/>
          </a:prstGeom>
        </p:spPr>
      </p:pic>
    </p:spTree>
    <p:custDataLst>
      <p:tags r:id="rId1"/>
    </p:custDataLst>
    <p:extLst>
      <p:ext uri="{BB962C8B-B14F-4D97-AF65-F5344CB8AC3E}">
        <p14:creationId xmlns:p14="http://schemas.microsoft.com/office/powerpoint/2010/main" val="1790638805"/>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Hình ảnh 7" descr="Ảnh có chứa ảnh chụp màn hình, hàng, màu đen, Hình chữ nhật&#10;&#10;Mô tả được tạo tự động">
            <a:extLst>
              <a:ext uri="{FF2B5EF4-FFF2-40B4-BE49-F238E27FC236}">
                <a16:creationId xmlns:a16="http://schemas.microsoft.com/office/drawing/2014/main" id="{4FEB567B-1BF2-D235-4A5E-2F4F73FC516A}"/>
              </a:ext>
            </a:extLst>
          </p:cNvPr>
          <p:cNvPicPr>
            <a:picLocks noChangeAspect="1"/>
          </p:cNvPicPr>
          <p:nvPr/>
        </p:nvPicPr>
        <p:blipFill>
          <a:blip r:embed="rId4"/>
          <a:stretch>
            <a:fillRect/>
          </a:stretch>
        </p:blipFill>
        <p:spPr>
          <a:xfrm>
            <a:off x="148293" y="635808"/>
            <a:ext cx="10344149" cy="5248313"/>
          </a:xfrm>
          <a:prstGeom prst="rect">
            <a:avLst/>
          </a:prstGeom>
        </p:spPr>
      </p:pic>
      <p:sp>
        <p:nvSpPr>
          <p:cNvPr id="3" name="Rectangle: Rounded Corners 123">
            <a:extLst>
              <a:ext uri="{FF2B5EF4-FFF2-40B4-BE49-F238E27FC236}">
                <a16:creationId xmlns:a16="http://schemas.microsoft.com/office/drawing/2014/main" id="{1D07A82D-41D4-15C8-8D0F-D765B1B6466E}"/>
              </a:ext>
            </a:extLst>
          </p:cNvPr>
          <p:cNvSpPr/>
          <p:nvPr/>
        </p:nvSpPr>
        <p:spPr>
          <a:xfrm>
            <a:off x="1114425" y="2558888"/>
            <a:ext cx="8562975" cy="1664565"/>
          </a:xfrm>
          <a:prstGeom prst="roundRect">
            <a:avLst/>
          </a:prstGeom>
          <a:solidFill>
            <a:schemeClr val="accent6">
              <a:lumMod val="20000"/>
              <a:lumOff val="80000"/>
            </a:schemeClr>
          </a:solidFill>
          <a:ln>
            <a:noFill/>
          </a:ln>
          <a:effectLst>
            <a:glow rad="63500">
              <a:schemeClr val="accent1">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4000">
                <a:solidFill>
                  <a:schemeClr val="accent3">
                    <a:lumMod val="75000"/>
                  </a:schemeClr>
                </a:solidFill>
                <a:effectLst/>
                <a:latin typeface="Times New Roman" panose="02020603050405020304" pitchFamily="18" charset="0"/>
                <a:ea typeface="Times New Roman" panose="02020603050405020304" pitchFamily="18" charset="0"/>
              </a:rPr>
              <a:t>Số hóa dữ liệu là việc chuyển gì thành dãy bit?</a:t>
            </a:r>
            <a:endParaRPr lang="vi-VN" sz="7200">
              <a:solidFill>
                <a:schemeClr val="accent3">
                  <a:lumMod val="75000"/>
                </a:schemeClr>
              </a:solidFill>
              <a:latin typeface="Times New Roman" panose="02020603050405020304" pitchFamily="18" charset="0"/>
              <a:cs typeface="Times New Roman" panose="02020603050405020304" pitchFamily="18" charset="0"/>
            </a:endParaRPr>
          </a:p>
        </p:txBody>
      </p:sp>
      <p:pic>
        <p:nvPicPr>
          <p:cNvPr id="9" name="Hình ảnh 8" descr="Ảnh có chứa vòng tròn, Đồ họa, tác phẩm nghệ thuật, thiết kế&#10;&#10;Mô tả được tạo tự động">
            <a:hlinkClick r:id="rId5" action="ppaction://hlinksldjump"/>
            <a:extLst>
              <a:ext uri="{FF2B5EF4-FFF2-40B4-BE49-F238E27FC236}">
                <a16:creationId xmlns:a16="http://schemas.microsoft.com/office/drawing/2014/main" id="{D4192A07-3C3F-AD6B-92D0-F33A78CDF382}"/>
              </a:ext>
            </a:extLst>
          </p:cNvPr>
          <p:cNvPicPr>
            <a:picLocks noChangeAspect="1"/>
          </p:cNvPicPr>
          <p:nvPr/>
        </p:nvPicPr>
        <p:blipFill>
          <a:blip r:embed="rId6"/>
          <a:stretch>
            <a:fillRect/>
          </a:stretch>
        </p:blipFill>
        <p:spPr>
          <a:xfrm>
            <a:off x="7716523" y="4259966"/>
            <a:ext cx="2369741" cy="1956114"/>
          </a:xfrm>
          <a:prstGeom prst="rect">
            <a:avLst/>
          </a:prstGeom>
        </p:spPr>
      </p:pic>
      <p:pic>
        <p:nvPicPr>
          <p:cNvPr id="11" name="Hình ảnh 10" descr="Ảnh có chứa hình mẫu, Đồ họa, biểu tượng, phim hoạt hình&#10;&#10;Mô tả được tạo tự động">
            <a:extLst>
              <a:ext uri="{FF2B5EF4-FFF2-40B4-BE49-F238E27FC236}">
                <a16:creationId xmlns:a16="http://schemas.microsoft.com/office/drawing/2014/main" id="{1B5D717C-1909-ED4E-36D7-FE6998608C5E}"/>
              </a:ext>
            </a:extLst>
          </p:cNvPr>
          <p:cNvPicPr>
            <a:picLocks noChangeAspect="1"/>
          </p:cNvPicPr>
          <p:nvPr/>
        </p:nvPicPr>
        <p:blipFill>
          <a:blip r:embed="rId7"/>
          <a:stretch>
            <a:fillRect/>
          </a:stretch>
        </p:blipFill>
        <p:spPr>
          <a:xfrm>
            <a:off x="679042" y="1449056"/>
            <a:ext cx="1520838" cy="1542301"/>
          </a:xfrm>
          <a:prstGeom prst="rect">
            <a:avLst/>
          </a:prstGeom>
        </p:spPr>
      </p:pic>
    </p:spTree>
    <p:custDataLst>
      <p:tags r:id="rId1"/>
    </p:custDataLst>
    <p:extLst>
      <p:ext uri="{BB962C8B-B14F-4D97-AF65-F5344CB8AC3E}">
        <p14:creationId xmlns:p14="http://schemas.microsoft.com/office/powerpoint/2010/main" val="698414170"/>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Hình ảnh 6" descr="Ảnh có chứa ảnh chụp màn hình, hàng, màu đen, Hình chữ nhật&#10;&#10;Mô tả được tạo tự động">
            <a:extLst>
              <a:ext uri="{FF2B5EF4-FFF2-40B4-BE49-F238E27FC236}">
                <a16:creationId xmlns:a16="http://schemas.microsoft.com/office/drawing/2014/main" id="{4F4AB13B-1A59-71C3-0DB8-6C24DDFDF24B}"/>
              </a:ext>
            </a:extLst>
          </p:cNvPr>
          <p:cNvPicPr>
            <a:picLocks noChangeAspect="1"/>
          </p:cNvPicPr>
          <p:nvPr/>
        </p:nvPicPr>
        <p:blipFill>
          <a:blip r:embed="rId4"/>
          <a:stretch>
            <a:fillRect/>
          </a:stretch>
        </p:blipFill>
        <p:spPr>
          <a:xfrm>
            <a:off x="148293" y="635808"/>
            <a:ext cx="10344149" cy="5248313"/>
          </a:xfrm>
          <a:prstGeom prst="rect">
            <a:avLst/>
          </a:prstGeom>
        </p:spPr>
      </p:pic>
      <p:sp>
        <p:nvSpPr>
          <p:cNvPr id="3" name="Rectangle: Rounded Corners 123">
            <a:extLst>
              <a:ext uri="{FF2B5EF4-FFF2-40B4-BE49-F238E27FC236}">
                <a16:creationId xmlns:a16="http://schemas.microsoft.com/office/drawing/2014/main" id="{1D07A82D-41D4-15C8-8D0F-D765B1B6466E}"/>
              </a:ext>
            </a:extLst>
          </p:cNvPr>
          <p:cNvSpPr/>
          <p:nvPr/>
        </p:nvSpPr>
        <p:spPr>
          <a:xfrm>
            <a:off x="1498322" y="2407804"/>
            <a:ext cx="8074303" cy="1664565"/>
          </a:xfrm>
          <a:prstGeom prst="roundRect">
            <a:avLst/>
          </a:prstGeom>
          <a:solidFill>
            <a:schemeClr val="accent6">
              <a:lumMod val="20000"/>
              <a:lumOff val="80000"/>
            </a:schemeClr>
          </a:solidFill>
          <a:ln>
            <a:noFill/>
          </a:ln>
          <a:effectLst>
            <a:glow rad="63500">
              <a:schemeClr val="accent1">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4000">
                <a:solidFill>
                  <a:schemeClr val="accent3">
                    <a:lumMod val="75000"/>
                  </a:schemeClr>
                </a:solidFill>
                <a:latin typeface="Times New Roman" panose="02020603050405020304" pitchFamily="18" charset="0"/>
                <a:cs typeface="Times New Roman" panose="02020603050405020304" pitchFamily="18" charset="0"/>
              </a:rPr>
              <a:t>Máy tính dùng dãy gì để biểu diễn các số trong tính toán</a:t>
            </a:r>
          </a:p>
        </p:txBody>
      </p:sp>
      <p:pic>
        <p:nvPicPr>
          <p:cNvPr id="10" name="Hình ảnh 9" descr="Ảnh có chứa hình mẫu, Đồ họa, biểu tượng, vòng tròn&#10;&#10;Mô tả được tạo tự động">
            <a:extLst>
              <a:ext uri="{FF2B5EF4-FFF2-40B4-BE49-F238E27FC236}">
                <a16:creationId xmlns:a16="http://schemas.microsoft.com/office/drawing/2014/main" id="{62C0F460-F22C-BB23-209C-D01ACB1F189B}"/>
              </a:ext>
            </a:extLst>
          </p:cNvPr>
          <p:cNvPicPr>
            <a:picLocks noChangeAspect="1"/>
          </p:cNvPicPr>
          <p:nvPr/>
        </p:nvPicPr>
        <p:blipFill>
          <a:blip r:embed="rId5"/>
          <a:stretch>
            <a:fillRect/>
          </a:stretch>
        </p:blipFill>
        <p:spPr>
          <a:xfrm>
            <a:off x="819150" y="1425480"/>
            <a:ext cx="1510112" cy="1531424"/>
          </a:xfrm>
          <a:prstGeom prst="rect">
            <a:avLst/>
          </a:prstGeom>
        </p:spPr>
      </p:pic>
      <p:pic>
        <p:nvPicPr>
          <p:cNvPr id="4" name="Hình ảnh 3" descr="Ảnh có chứa hình vẽ, minh họa, phim hoạt hình, Phim hoạt hình&#10;&#10;Mô tả được tạo tự động">
            <a:hlinkClick r:id="rId6" action="ppaction://hlinksldjump"/>
            <a:extLst>
              <a:ext uri="{FF2B5EF4-FFF2-40B4-BE49-F238E27FC236}">
                <a16:creationId xmlns:a16="http://schemas.microsoft.com/office/drawing/2014/main" id="{F61599E1-2AEC-4A58-9C81-6838533F1CC6}"/>
              </a:ext>
            </a:extLst>
          </p:cNvPr>
          <p:cNvPicPr>
            <a:picLocks noChangeAspect="1"/>
          </p:cNvPicPr>
          <p:nvPr/>
        </p:nvPicPr>
        <p:blipFill>
          <a:blip r:embed="rId7"/>
          <a:stretch>
            <a:fillRect/>
          </a:stretch>
        </p:blipFill>
        <p:spPr>
          <a:xfrm flipH="1">
            <a:off x="8718746" y="3233025"/>
            <a:ext cx="2000746" cy="3137309"/>
          </a:xfrm>
          <a:prstGeom prst="rect">
            <a:avLst/>
          </a:prstGeom>
        </p:spPr>
      </p:pic>
    </p:spTree>
    <p:custDataLst>
      <p:tags r:id="rId1"/>
    </p:custDataLst>
    <p:extLst>
      <p:ext uri="{BB962C8B-B14F-4D97-AF65-F5344CB8AC3E}">
        <p14:creationId xmlns:p14="http://schemas.microsoft.com/office/powerpoint/2010/main" val="549518050"/>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Hình ảnh 6" descr="Ảnh có chứa ảnh chụp màn hình, hàng, màu đen, Hình chữ nhật&#10;&#10;Mô tả được tạo tự động">
            <a:extLst>
              <a:ext uri="{FF2B5EF4-FFF2-40B4-BE49-F238E27FC236}">
                <a16:creationId xmlns:a16="http://schemas.microsoft.com/office/drawing/2014/main" id="{DC32D6D5-78FC-E15A-A213-F4994AEF7EE7}"/>
              </a:ext>
            </a:extLst>
          </p:cNvPr>
          <p:cNvPicPr>
            <a:picLocks noChangeAspect="1"/>
          </p:cNvPicPr>
          <p:nvPr/>
        </p:nvPicPr>
        <p:blipFill>
          <a:blip r:embed="rId4"/>
          <a:stretch>
            <a:fillRect/>
          </a:stretch>
        </p:blipFill>
        <p:spPr>
          <a:xfrm>
            <a:off x="148293" y="635808"/>
            <a:ext cx="10344149" cy="5248313"/>
          </a:xfrm>
          <a:prstGeom prst="rect">
            <a:avLst/>
          </a:prstGeom>
        </p:spPr>
      </p:pic>
      <p:sp>
        <p:nvSpPr>
          <p:cNvPr id="3" name="Rectangle: Rounded Corners 123">
            <a:extLst>
              <a:ext uri="{FF2B5EF4-FFF2-40B4-BE49-F238E27FC236}">
                <a16:creationId xmlns:a16="http://schemas.microsoft.com/office/drawing/2014/main" id="{1D07A82D-41D4-15C8-8D0F-D765B1B6466E}"/>
              </a:ext>
            </a:extLst>
          </p:cNvPr>
          <p:cNvSpPr/>
          <p:nvPr/>
        </p:nvSpPr>
        <p:spPr>
          <a:xfrm>
            <a:off x="1498322" y="2407804"/>
            <a:ext cx="8093353" cy="1664565"/>
          </a:xfrm>
          <a:prstGeom prst="roundRect">
            <a:avLst/>
          </a:prstGeom>
          <a:solidFill>
            <a:schemeClr val="accent6">
              <a:lumMod val="20000"/>
              <a:lumOff val="80000"/>
            </a:schemeClr>
          </a:solidFill>
          <a:ln>
            <a:noFill/>
          </a:ln>
          <a:effectLst>
            <a:glow rad="63500">
              <a:schemeClr val="accent1">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4000">
                <a:solidFill>
                  <a:schemeClr val="accent3">
                    <a:lumMod val="75000"/>
                  </a:schemeClr>
                </a:solidFill>
                <a:latin typeface="Times New Roman" panose="02020603050405020304" pitchFamily="18" charset="0"/>
                <a:cs typeface="Times New Roman" panose="02020603050405020304" pitchFamily="18" charset="0"/>
              </a:rPr>
              <a:t>Mạng không dây là loại mạng máy tính sử dụng gì để truyền thông tin</a:t>
            </a:r>
          </a:p>
        </p:txBody>
      </p:sp>
      <p:pic>
        <p:nvPicPr>
          <p:cNvPr id="10" name="Hình ảnh 9" descr="Ảnh có chứa biểu tượng, Đồ họa, hình mẫu, vòng tròn&#10;&#10;Mô tả được tạo tự động">
            <a:extLst>
              <a:ext uri="{FF2B5EF4-FFF2-40B4-BE49-F238E27FC236}">
                <a16:creationId xmlns:a16="http://schemas.microsoft.com/office/drawing/2014/main" id="{07CFBAE9-8158-FD34-99E7-0C198A5A2EC7}"/>
              </a:ext>
            </a:extLst>
          </p:cNvPr>
          <p:cNvPicPr>
            <a:picLocks noChangeAspect="1"/>
          </p:cNvPicPr>
          <p:nvPr/>
        </p:nvPicPr>
        <p:blipFill>
          <a:blip r:embed="rId5"/>
          <a:stretch>
            <a:fillRect/>
          </a:stretch>
        </p:blipFill>
        <p:spPr>
          <a:xfrm>
            <a:off x="797777" y="1365413"/>
            <a:ext cx="1401089" cy="1420863"/>
          </a:xfrm>
          <a:prstGeom prst="rect">
            <a:avLst/>
          </a:prstGeom>
        </p:spPr>
      </p:pic>
      <p:pic>
        <p:nvPicPr>
          <p:cNvPr id="2" name="Hình ảnh 1" descr="Ảnh có chứa vòng tròn, Đồ họa, tác phẩm nghệ thuật, thiết kế&#10;&#10;Mô tả được tạo tự động">
            <a:hlinkClick r:id="rId6" action="ppaction://hlinksldjump"/>
            <a:extLst>
              <a:ext uri="{FF2B5EF4-FFF2-40B4-BE49-F238E27FC236}">
                <a16:creationId xmlns:a16="http://schemas.microsoft.com/office/drawing/2014/main" id="{C73A81C8-6D55-09A3-4CAB-336E394E5652}"/>
              </a:ext>
            </a:extLst>
          </p:cNvPr>
          <p:cNvPicPr>
            <a:picLocks noChangeAspect="1"/>
          </p:cNvPicPr>
          <p:nvPr/>
        </p:nvPicPr>
        <p:blipFill>
          <a:blip r:embed="rId7"/>
          <a:stretch>
            <a:fillRect/>
          </a:stretch>
        </p:blipFill>
        <p:spPr>
          <a:xfrm>
            <a:off x="7716523" y="4259966"/>
            <a:ext cx="2369741" cy="1956114"/>
          </a:xfrm>
          <a:prstGeom prst="rect">
            <a:avLst/>
          </a:prstGeom>
        </p:spPr>
      </p:pic>
    </p:spTree>
    <p:custDataLst>
      <p:tags r:id="rId1"/>
    </p:custDataLst>
    <p:extLst>
      <p:ext uri="{BB962C8B-B14F-4D97-AF65-F5344CB8AC3E}">
        <p14:creationId xmlns:p14="http://schemas.microsoft.com/office/powerpoint/2010/main" val="3954315302"/>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Hình ảnh 1" descr="Ảnh có chứa ảnh chụp màn hình, hàng, màu đen, Hình chữ nhật&#10;&#10;Mô tả được tạo tự động">
            <a:extLst>
              <a:ext uri="{FF2B5EF4-FFF2-40B4-BE49-F238E27FC236}">
                <a16:creationId xmlns:a16="http://schemas.microsoft.com/office/drawing/2014/main" id="{5AB4273C-8D9F-0DBB-D49A-9DAD216F0CE6}"/>
              </a:ext>
            </a:extLst>
          </p:cNvPr>
          <p:cNvPicPr>
            <a:picLocks noChangeAspect="1"/>
          </p:cNvPicPr>
          <p:nvPr/>
        </p:nvPicPr>
        <p:blipFill>
          <a:blip r:embed="rId4"/>
          <a:stretch>
            <a:fillRect/>
          </a:stretch>
        </p:blipFill>
        <p:spPr>
          <a:xfrm>
            <a:off x="148293" y="635808"/>
            <a:ext cx="10344149" cy="5248313"/>
          </a:xfrm>
          <a:prstGeom prst="rect">
            <a:avLst/>
          </a:prstGeom>
        </p:spPr>
      </p:pic>
      <p:sp>
        <p:nvSpPr>
          <p:cNvPr id="3" name="Rectangle: Rounded Corners 123">
            <a:extLst>
              <a:ext uri="{FF2B5EF4-FFF2-40B4-BE49-F238E27FC236}">
                <a16:creationId xmlns:a16="http://schemas.microsoft.com/office/drawing/2014/main" id="{1D07A82D-41D4-15C8-8D0F-D765B1B6466E}"/>
              </a:ext>
            </a:extLst>
          </p:cNvPr>
          <p:cNvSpPr/>
          <p:nvPr/>
        </p:nvSpPr>
        <p:spPr>
          <a:xfrm>
            <a:off x="1390650" y="2407804"/>
            <a:ext cx="8239125" cy="1664565"/>
          </a:xfrm>
          <a:prstGeom prst="roundRect">
            <a:avLst/>
          </a:prstGeom>
          <a:solidFill>
            <a:schemeClr val="accent6">
              <a:lumMod val="20000"/>
              <a:lumOff val="80000"/>
            </a:schemeClr>
          </a:solidFill>
          <a:ln>
            <a:noFill/>
          </a:ln>
          <a:effectLst>
            <a:glow rad="63500">
              <a:schemeClr val="accent1">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4000">
                <a:solidFill>
                  <a:schemeClr val="accent3">
                    <a:lumMod val="75000"/>
                  </a:schemeClr>
                </a:solidFill>
                <a:effectLst/>
                <a:latin typeface="Times New Roman" panose="02020603050405020304" pitchFamily="18" charset="0"/>
                <a:ea typeface="Times New Roman" panose="02020603050405020304" pitchFamily="18" charset="0"/>
              </a:rPr>
              <a:t>Ảnh chụp của em và bạn thân là thông tin dạng?</a:t>
            </a:r>
            <a:endParaRPr lang="vi-VN" sz="7200">
              <a:solidFill>
                <a:schemeClr val="accent3">
                  <a:lumMod val="75000"/>
                </a:schemeClr>
              </a:solidFill>
              <a:latin typeface="Times New Roman" panose="02020603050405020304" pitchFamily="18" charset="0"/>
              <a:cs typeface="Times New Roman" panose="02020603050405020304" pitchFamily="18" charset="0"/>
            </a:endParaRPr>
          </a:p>
        </p:txBody>
      </p:sp>
      <p:pic>
        <p:nvPicPr>
          <p:cNvPr id="5" name="Hình ảnh 4" descr="Ảnh có chứa hình vẽ, minh họa, phim hoạt hình, Phim hoạt hình&#10;&#10;Mô tả được tạo tự động">
            <a:hlinkClick r:id="rId5" action="ppaction://hlinksldjump"/>
            <a:extLst>
              <a:ext uri="{FF2B5EF4-FFF2-40B4-BE49-F238E27FC236}">
                <a16:creationId xmlns:a16="http://schemas.microsoft.com/office/drawing/2014/main" id="{9C0F890F-4D7C-5BF8-6739-A95BC110228A}"/>
              </a:ext>
            </a:extLst>
          </p:cNvPr>
          <p:cNvPicPr>
            <a:picLocks noChangeAspect="1"/>
          </p:cNvPicPr>
          <p:nvPr/>
        </p:nvPicPr>
        <p:blipFill>
          <a:blip r:embed="rId6"/>
          <a:stretch>
            <a:fillRect/>
          </a:stretch>
        </p:blipFill>
        <p:spPr>
          <a:xfrm flipH="1">
            <a:off x="8718746" y="3233025"/>
            <a:ext cx="2000746" cy="3137309"/>
          </a:xfrm>
          <a:prstGeom prst="rect">
            <a:avLst/>
          </a:prstGeom>
        </p:spPr>
      </p:pic>
      <p:pic>
        <p:nvPicPr>
          <p:cNvPr id="7" name="Hình ảnh 6" descr="Ảnh có chứa biểu tượng, Đồ họa, hình mẫu, vòng tròn&#10;&#10;Mô tả được tạo tự động">
            <a:extLst>
              <a:ext uri="{FF2B5EF4-FFF2-40B4-BE49-F238E27FC236}">
                <a16:creationId xmlns:a16="http://schemas.microsoft.com/office/drawing/2014/main" id="{58C74723-7223-9FFD-C61B-D29A1381A0D7}"/>
              </a:ext>
            </a:extLst>
          </p:cNvPr>
          <p:cNvPicPr>
            <a:picLocks noChangeAspect="1"/>
          </p:cNvPicPr>
          <p:nvPr/>
        </p:nvPicPr>
        <p:blipFill>
          <a:blip r:embed="rId7"/>
          <a:stretch>
            <a:fillRect/>
          </a:stretch>
        </p:blipFill>
        <p:spPr>
          <a:xfrm>
            <a:off x="820135" y="1343025"/>
            <a:ext cx="1344395" cy="1363368"/>
          </a:xfrm>
          <a:prstGeom prst="rect">
            <a:avLst/>
          </a:prstGeom>
        </p:spPr>
      </p:pic>
    </p:spTree>
    <p:custDataLst>
      <p:tags r:id="rId1"/>
    </p:custDataLst>
    <p:extLst>
      <p:ext uri="{BB962C8B-B14F-4D97-AF65-F5344CB8AC3E}">
        <p14:creationId xmlns:p14="http://schemas.microsoft.com/office/powerpoint/2010/main" val="47824293"/>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Hình ảnh 1" descr="Ảnh có chứa ảnh chụp màn hình, hàng, màu đen, Hình chữ nhật&#10;&#10;Mô tả được tạo tự động">
            <a:extLst>
              <a:ext uri="{FF2B5EF4-FFF2-40B4-BE49-F238E27FC236}">
                <a16:creationId xmlns:a16="http://schemas.microsoft.com/office/drawing/2014/main" id="{2DECC8DD-DAC4-4E73-D4A7-E8A85C6D7652}"/>
              </a:ext>
            </a:extLst>
          </p:cNvPr>
          <p:cNvPicPr>
            <a:picLocks noChangeAspect="1"/>
          </p:cNvPicPr>
          <p:nvPr/>
        </p:nvPicPr>
        <p:blipFill>
          <a:blip r:embed="rId4"/>
          <a:stretch>
            <a:fillRect/>
          </a:stretch>
        </p:blipFill>
        <p:spPr>
          <a:xfrm>
            <a:off x="148293" y="635808"/>
            <a:ext cx="10344149" cy="5248313"/>
          </a:xfrm>
          <a:prstGeom prst="rect">
            <a:avLst/>
          </a:prstGeom>
        </p:spPr>
      </p:pic>
      <p:sp>
        <p:nvSpPr>
          <p:cNvPr id="3" name="Rectangle: Rounded Corners 123">
            <a:extLst>
              <a:ext uri="{FF2B5EF4-FFF2-40B4-BE49-F238E27FC236}">
                <a16:creationId xmlns:a16="http://schemas.microsoft.com/office/drawing/2014/main" id="{1D07A82D-41D4-15C8-8D0F-D765B1B6466E}"/>
              </a:ext>
            </a:extLst>
          </p:cNvPr>
          <p:cNvSpPr/>
          <p:nvPr/>
        </p:nvSpPr>
        <p:spPr>
          <a:xfrm>
            <a:off x="1047856" y="2407804"/>
            <a:ext cx="8545021" cy="1664565"/>
          </a:xfrm>
          <a:prstGeom prst="roundRect">
            <a:avLst/>
          </a:prstGeom>
          <a:solidFill>
            <a:schemeClr val="accent6">
              <a:lumMod val="20000"/>
              <a:lumOff val="80000"/>
            </a:schemeClr>
          </a:solidFill>
          <a:ln>
            <a:noFill/>
          </a:ln>
          <a:effectLst>
            <a:glow rad="63500">
              <a:schemeClr val="accent1">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vi-VN" sz="4000">
                <a:solidFill>
                  <a:schemeClr val="accent4"/>
                </a:solidFill>
                <a:latin typeface="Times New Roman" panose="02020603050405020304" pitchFamily="18" charset="0"/>
                <a:cs typeface="Times New Roman" panose="02020603050405020304" pitchFamily="18" charset="0"/>
              </a:rPr>
              <a:t>Cáp quang có lõi làm bằng chất liệu gì?</a:t>
            </a:r>
          </a:p>
        </p:txBody>
      </p:sp>
      <p:pic>
        <p:nvPicPr>
          <p:cNvPr id="9" name="Hình ảnh 8" descr="Ảnh có chứa hình mẫu, Đồ họa, vòng tròn, biểu tượng&#10;&#10;Mô tả được tạo tự động">
            <a:extLst>
              <a:ext uri="{FF2B5EF4-FFF2-40B4-BE49-F238E27FC236}">
                <a16:creationId xmlns:a16="http://schemas.microsoft.com/office/drawing/2014/main" id="{752A6D9F-8232-EB16-D508-CAE9FB53F552}"/>
              </a:ext>
            </a:extLst>
          </p:cNvPr>
          <p:cNvPicPr>
            <a:picLocks noChangeAspect="1"/>
          </p:cNvPicPr>
          <p:nvPr/>
        </p:nvPicPr>
        <p:blipFill>
          <a:blip r:embed="rId5"/>
          <a:stretch>
            <a:fillRect/>
          </a:stretch>
        </p:blipFill>
        <p:spPr>
          <a:xfrm>
            <a:off x="642120" y="1256797"/>
            <a:ext cx="1483804" cy="1504745"/>
          </a:xfrm>
          <a:prstGeom prst="rect">
            <a:avLst/>
          </a:prstGeom>
        </p:spPr>
      </p:pic>
      <p:pic>
        <p:nvPicPr>
          <p:cNvPr id="4" name="Hình ảnh 3" descr="Ảnh có chứa vòng tròn, Đồ họa, tác phẩm nghệ thuật, thiết kế&#10;&#10;Mô tả được tạo tự động">
            <a:hlinkClick r:id="rId6" action="ppaction://hlinksldjump"/>
            <a:extLst>
              <a:ext uri="{FF2B5EF4-FFF2-40B4-BE49-F238E27FC236}">
                <a16:creationId xmlns:a16="http://schemas.microsoft.com/office/drawing/2014/main" id="{4A467AEB-617D-8B57-37C9-409321D9D5AD}"/>
              </a:ext>
            </a:extLst>
          </p:cNvPr>
          <p:cNvPicPr>
            <a:picLocks noChangeAspect="1"/>
          </p:cNvPicPr>
          <p:nvPr/>
        </p:nvPicPr>
        <p:blipFill>
          <a:blip r:embed="rId7"/>
          <a:stretch>
            <a:fillRect/>
          </a:stretch>
        </p:blipFill>
        <p:spPr>
          <a:xfrm>
            <a:off x="7716523" y="4259966"/>
            <a:ext cx="2369741" cy="1956114"/>
          </a:xfrm>
          <a:prstGeom prst="rect">
            <a:avLst/>
          </a:prstGeom>
        </p:spPr>
      </p:pic>
    </p:spTree>
    <p:custDataLst>
      <p:tags r:id="rId1"/>
    </p:custDataLst>
    <p:extLst>
      <p:ext uri="{BB962C8B-B14F-4D97-AF65-F5344CB8AC3E}">
        <p14:creationId xmlns:p14="http://schemas.microsoft.com/office/powerpoint/2010/main" val="3796390354"/>
      </p:ext>
    </p:extLst>
  </p:cSld>
  <p:clrMapOvr>
    <a:masterClrMapping/>
  </p:clrMapOvr>
  <mc:AlternateContent xmlns:mc="http://schemas.openxmlformats.org/markup-compatibility/2006">
    <mc:Choice xmlns:p14="http://schemas.microsoft.com/office/powerpoint/2010/main" Requires="p14">
      <p:transition spd="slow" p14:dur="1500">
        <p:randomBar dir="vert"/>
      </p:transition>
    </mc:Choice>
    <mc:Fallback>
      <p:transition spd="slow">
        <p:randomBar dir="vert"/>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PRESENTATION_TITLE" val="CHU DE C_BAI 1_THONG TIN TREN WEB"/>
  <p:tag name="ISPRING_FIRST_PUBLISH" val="1"/>
  <p:tag name="ISPRING_UUID" val="{7139BC89-5422-43C9-924A-3BBE45661FD7}"/>
  <p:tag name="ISPRING_RESOURCE_FOLDER" val="C:\Users\PC\Desktop\CHU DE C_BAI 1_THONG TIN TREN WEB\"/>
  <p:tag name="ISPRING_PRESENTATION_PATH" val="C:\Users\PC\Desktop\CHU DE C_BAI 1_THONG TIN TREN WEB.pptx"/>
  <p:tag name="ISPRING_SCREEN_RECS_UPDATED" val="C:\Users\PC\Desktop\CHU DE C_BAI 1_THONG TIN TREN WEB\"/>
  <p:tag name="FLASHSPRING_ZOOM_TAG" val="50"/>
  <p:tag name="ISPRING-SUITE_ISPRING_CURRENT_PLAYER_ID" val="universal"/>
  <p:tag name="ISPRING_PRESENTATION_COURSE_TITLE" val="CHU DE C_BAI 1_THONG TIN TREN WEB"/>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true,&quot;showNextButton&quot;:true,&quot;showOutline&quot;:false,&quot;showPlayPause&quot;:true,&quot;showPlaybackRateButton&quot;:true,&quot;showPrevButton&quot;:true,&quot;showRewind&quot;:true,&quot;showSlideNumbers&quot;:true,&quot;showSlideOnlyButton&quot;:true,&quot;showSubtitlesButton&quot;:fals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false,&quot;courseTitleVisible&quot;:true,&quot;showLogo&quot;:false,&quot;visible&quot;:tru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quot;,&quot;playerLayoutFooter&quot;:&quot;playAndPause,acceleration,notes,replay,fullscreen,volumeControl,slideNumber,goToPrev,goToNext&quot;,&quot;playerLayoutHeader&quot;:&quot;resources,markerTools,presenterInfo,outline,title&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builtin.lightBlue&quot;,&quot;playerThemeFont&quot;:&quot;Arial&quot;}}}"/>
  <p:tag name="ISPRING_PRESENTATION_INFO_2" val="&lt;?xml version=&quot;1.0&quot; encoding=&quot;UTF-8&quot; standalone=&quot;no&quot; ?&gt;&#10;&lt;presentation2&gt;&#10;&#10;  &lt;slides&gt;&#10;    &lt;slide id=&quot;{E94B4EA0-C03A-4AF0-86E8-561C16839575}&quot; pptId=&quot;503&quot;/&gt;&#10;    &lt;slide id=&quot;{1C174A77-2135-40E8-B004-CBAED9E0A258}&quot; pptId=&quot;366&quot;/&gt;&#10;    &lt;slide id=&quot;{9FE006CA-8C7A-4AAE-BE6D-E4E10E1A5C29}&quot; pptId=&quot;378&quot;/&gt;&#10;    &lt;slide id=&quot;{B720D82D-968C-4AE3-8935-877E5A40104E}&quot; pptId=&quot;344&quot;/&gt;&#10;    &lt;slide id=&quot;{892F3A3C-D3B2-4ACF-A6E4-9C0EF05B5745}&quot; pptId=&quot;345&quot;/&gt;&#10;    &lt;slide id=&quot;{985E592D-C5C3-482F-B182-8FAC1CE9BD65}&quot; pptId=&quot;346&quot;/&gt;&#10;    &lt;slide id=&quot;{7A69FCA2-B972-4C38-8F04-CBB8D2356B46}&quot; pptId=&quot;347&quot;/&gt;&#10;    &lt;slide id=&quot;{0FEDA235-0E60-4FCA-B8AA-2FF4937EEC36}&quot; pptId=&quot;348&quot;/&gt;&#10;    &lt;slide id=&quot;{CA2CE7D9-43B4-4AB6-B5C7-267363582500}&quot; pptId=&quot;349&quot;/&gt;&#10;    &lt;slide id=&quot;{2C43C9D6-A7CD-4DC5-A562-0A021F3B3EE7}&quot; pptId=&quot;350&quot;/&gt;&#10;    &lt;slide id=&quot;{0F820C35-7B79-4D88-9CD9-EBA7FBB03E68}&quot; pptId=&quot;256&quot;/&gt;&#10;    &lt;slide id=&quot;{129C2E12-9BA6-4F23-90C5-9E462DFD6A96}&quot; pptId=&quot;367&quot;/&gt;&#10;    &lt;slide id=&quot;{0896744D-1D7B-4EEC-9BA3-BE5355A8BC73}&quot; pptId=&quot;508&quot;/&gt;&#10;    &lt;slide id=&quot;{AB8AD135-412D-4D94-B016-7C7D73B1C086}&quot; pptId=&quot;351&quot;/&gt;&#10;    &lt;slide id=&quot;{1B8979A5-8C4D-429A-9C28-613E9AACC2A0}&quot; pptId=&quot;368&quot;/&gt;&#10;    &lt;slide id=&quot;{5941C7E8-5B3A-41D2-80C7-69DCA2761128}&quot; pptId=&quot;375&quot;/&gt;&#10;    &lt;slide id=&quot;{C9440627-949C-4CE8-8DB3-7CE200AF89FA}&quot; pptId=&quot;376&quot;/&gt;&#10;    &lt;slide id=&quot;{A3536517-EA64-440F-A267-5770F78E4168}&quot; pptId=&quot;370&quot;/&gt;&#10;    &lt;slide id=&quot;{DDE0652F-C256-45DB-8D8D-94FD1578BE6D}&quot; pptId=&quot;371&quot;/&gt;&#10;    &lt;slide id=&quot;{2C8C4933-341C-44DF-9D47-EC3BCD24066B}&quot; pptId=&quot;353&quot;/&gt;&#10;    &lt;slide id=&quot;{E881E431-96C9-4FB4-A8A7-39C01E69D7A7}&quot; pptId=&quot;365&quot;/&gt;&#10;    &lt;slide id=&quot;{71ACBF72-BB9B-4954-AC7A-8901381A9AAD}&quot; pptId=&quot;364&quot;/&gt;&#10;    &lt;slide id=&quot;{78BBE16F-CD36-4FE5-8555-C5E6B794B628}&quot; pptId=&quot;379&quot;/&gt;&#10;    &lt;slide id=&quot;{DFAA4BCF-5803-41CA-A5C0-0161AC737505}&quot; pptId=&quot;318&quot;/&gt;&#10;    &lt;slide id=&quot;{C662A508-A672-4575-8D93-B35833F7B98D}&quot; pptId=&quot;372&quot;/&gt;&#10;    &lt;slide id=&quot;{88E44673-9F09-471D-886E-6E2DE8A93132}&quot; pptId=&quot;380&quot;/&gt;&#10;    &lt;slide id=&quot;{E902FCB6-355A-4BF7-BFA8-ED2B8C07DF6C}&quot; pptId=&quot;377&quot;/&gt;&#10;    &lt;slide id=&quot;{88CE3081-550F-4184-B8A9-CCFE68E5348E}&quot; pptId=&quot;275&quot;/&gt;&#10;    &lt;slide id=&quot;{9AD28A00-F6A4-427A-8137-DCC3222751C4}&quot; pptId=&quot;506&quot;/&gt;&#10;    &lt;slide id=&quot;{B74F5E8E-3375-48BA-9A0A-914A16CDA463}&quot; pptId=&quot;297&quot;/&gt;&#10;  &lt;/slides&gt;&#10;&#10;  &lt;narration&gt;&#10;    &lt;audioTracks/&gt;&#10;    &lt;videoTracks&gt;&#10;      &lt;videoTrack muted=&quot;false&quot; name=&quot;Video 5&quot; resource=&quot;133580a2&quot; slideId=&quot;{892F3A3C-D3B2-4ACF-A6E4-9C0EF05B5745}&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6&quot; resource=&quot;ba7be8d2&quot; slideId=&quot;{985E592D-C5C3-482F-B182-8FAC1CE9BD65}&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7&quot; resource=&quot;bff1b17b&quot; slideId=&quot;{7A69FCA2-B972-4C38-8F04-CBB8D2356B46}&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8&quot; resource=&quot;062db392&quot; slideId=&quot;{0FEDA235-0E60-4FCA-B8AA-2FF4937EEC36}&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9&quot; resource=&quot;0402238d&quot; slideId=&quot;{CA2CE7D9-43B4-4AB6-B5C7-267363582500}&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10&quot; resource=&quot;7bbc0da5&quot; slideId=&quot;{2C43C9D6-A7CD-4DC5-A562-0A021F3B3EE7}&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11&quot; resource=&quot;dd98874e&quot; slideId=&quot;{0F820C35-7B79-4D88-9CD9-EBA7FBB03E68}&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12&quot; resource=&quot;f30cc608&quot; slideId=&quot;{129C2E12-9BA6-4F23-90C5-9E462DFD6A96}&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13&quot; resource=&quot;3c914d81&quot; slideId=&quot;{0896744D-1D7B-4EEC-9BA3-BE5355A8BC73}&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14&quot; resource=&quot;1f5fdb32&quot; slideId=&quot;{AB8AD135-412D-4D94-B016-7C7D73B1C086}&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15&quot; resource=&quot;0cd0503e&quot; slideId=&quot;{1B8979A5-8C4D-429A-9C28-613E9AACC2A0}&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16&quot; resource=&quot;adb74779&quot; slideId=&quot;{5941C7E8-5B3A-41D2-80C7-69DCA2761128}&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17&quot; resource=&quot;455f3235&quot; slideId=&quot;{C9440627-949C-4CE8-8DB3-7CE200AF89FA}&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18&quot; resource=&quot;443a9575&quot; slideId=&quot;{A3536517-EA64-440F-A267-5770F78E4168}&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19&quot; resource=&quot;9438199c&quot; slideId=&quot;{DDE0652F-C256-45DB-8D8D-94FD1578BE6D}&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20&quot; resource=&quot;202cdd7c&quot; slideId=&quot;{2C8C4933-341C-44DF-9D47-EC3BCD24066B}&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21&quot; resource=&quot;0fb0a082&quot; slideId=&quot;{E881E431-96C9-4FB4-A8A7-39C01E69D7A7}&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22&quot; resource=&quot;2e0594ac&quot; slideId=&quot;{71ACBF72-BB9B-4954-AC7A-8901381A9AAD}&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23&quot; resource=&quot;c3c4524a&quot; slideId=&quot;{78BBE16F-CD36-4FE5-8555-C5E6B794B628}&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24&quot; resource=&quot;fc08aaf7&quot; slideId=&quot;{DFAA4BCF-5803-41CA-A5C0-0161AC737505}&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25&quot; resource=&quot;32e6bcc5&quot; slideId=&quot;{C662A508-A672-4575-8D93-B35833F7B98D}&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26&quot; resource=&quot;cf6335fb&quot; slideId=&quot;{88E44673-9F09-471D-886E-6E2DE8A93132}&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27&quot; resource=&quot;3f8d94cc&quot; slideId=&quot;{E902FCB6-355A-4BF7-BFA8-ED2B8C07DF6C}&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28&quot; resource=&quot;c8422f77&quot; slideId=&quot;{88CE3081-550F-4184-B8A9-CCFE68E5348E}&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29&quot; resource=&quot;9481f4b4&quot; slideId=&quot;{9AD28A00-F6A4-427A-8137-DCC3222751C4}&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30&quot; resource=&quot;253c40a8&quot; slideId=&quot;{B74F5E8E-3375-48BA-9A0A-914A16CDA463}&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31&quot; resource=&quot;c8e8674a&quot; slideId=&quot;{E94B4EA0-C03A-4AF0-86E8-561C16839575}&quot; startTime=&quot;11542&quot; stepIndex=&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32&quot; resource=&quot;47dfbb97&quot; slideId=&quot;{1C174A77-2135-40E8-B004-CBAED9E0A258}&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33&quot; resource=&quot;13e17e39&quot; slideId=&quot;{9FE006CA-8C7A-4AAE-BE6D-E4E10E1A5C29}&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34&quot; resource=&quot;80868d4d&quot; slideId=&quot;{B720D82D-968C-4AE3-8935-877E5A40104E}&quot; startTime=&quot;0&quot; volume=&quot;1&quot;&gt;&#10;        &lt;video format=&quot;yuv420p&quot; frameRate=&quot;30&quot; height=&quot;120&quot; pixelAspectRatio=&quot;1&quot; width=&quot;160&quot;/&gt;&#10;        &lt;audio channels=&quot;1&quot; format=&quot;s16&quot; sampleRate=&quot;44100&quot;/&gt;&#10;      &lt;/videoTrack&gt;&#10;      &lt;videoTrack muted=&quot;false&quot; name=&quot;Video 35&quot; resource=&quot;95d70967&quot; slideId=&quot;{E94B4EA0-C03A-4AF0-86E8-561C16839575}&quot; startTime=&quot;0&quot; stepIndex=&quot;0&quot; volume=&quot;1&quot;&gt;&#10;        &lt;video format=&quot;yuv420p&quot; frameRate=&quot;30&quot; height=&quot;120&quot; pixelAspectRatio=&quot;1&quot; width=&quot;160&quot;/&gt;&#10;        &lt;audio channels=&quot;1&quot; format=&quot;s16&quot; sampleRate=&quot;44100&quot;/&gt;&#10;      &lt;/videoTrack&gt;&#10;    &lt;/videoTracks&gt;&#10;  &lt;/narration&gt;&#10;&#10;&lt;/presentation2&gt;&#10;"/>
</p:tagLst>
</file>

<file path=ppt/tags/tag10.xml><?xml version="1.0" encoding="utf-8"?>
<p:tagLst xmlns:a="http://schemas.openxmlformats.org/drawingml/2006/main" xmlns:r="http://schemas.openxmlformats.org/officeDocument/2006/relationships" xmlns:p="http://schemas.openxmlformats.org/presentationml/2006/main">
  <p:tag name="GENSWF_SLIDE_UID" val="{DB143469-DCB6-464F-AE96-6815B48CFD35}:348"/>
  <p:tag name="ISPRING_CUSTOM_TIMING_USED" val="1"/>
  <p:tag name="GENSWF_ADVANCE_TIME" val="17.917"/>
  <p:tag name="ISPRING_SLIDE_ID_2" val="{0FEDA235-0E60-4FCA-B8AA-2FF4937EEC36}"/>
</p:tagLst>
</file>

<file path=ppt/tags/tag11.xml><?xml version="1.0" encoding="utf-8"?>
<p:tagLst xmlns:a="http://schemas.openxmlformats.org/drawingml/2006/main" xmlns:r="http://schemas.openxmlformats.org/officeDocument/2006/relationships" xmlns:p="http://schemas.openxmlformats.org/presentationml/2006/main">
  <p:tag name="GENSWF_SLIDE_UID" val="{B763B2E6-24C6-4A0D-961E-2251F602D059}:349"/>
  <p:tag name="ISPRING_CUSTOM_TIMING_USED" val="1"/>
  <p:tag name="GENSWF_ADVANCE_TIME" val="13.878"/>
  <p:tag name="ISPRING_SLIDE_ID_2" val="{CA2CE7D9-43B4-4AB6-B5C7-267363582500}"/>
</p:tagLst>
</file>

<file path=ppt/tags/tag12.xml><?xml version="1.0" encoding="utf-8"?>
<p:tagLst xmlns:a="http://schemas.openxmlformats.org/drawingml/2006/main" xmlns:r="http://schemas.openxmlformats.org/officeDocument/2006/relationships" xmlns:p="http://schemas.openxmlformats.org/presentationml/2006/main">
  <p:tag name="GENSWF_SLIDE_UID" val="{EE276E53-87CB-4B3C-BC1F-731AD439A06B}:350"/>
  <p:tag name="ISPRING_CUSTOM_TIMING_USED" val="1"/>
  <p:tag name="GENSWF_ADVANCE_TIME" val="13.121"/>
  <p:tag name="ISPRING_SLIDE_ID_2" val="{2C43C9D6-A7CD-4DC5-A562-0A021F3B3EE7}"/>
</p:tagLst>
</file>

<file path=ppt/tags/tag13.xml><?xml version="1.0" encoding="utf-8"?>
<p:tagLst xmlns:a="http://schemas.openxmlformats.org/drawingml/2006/main" xmlns:r="http://schemas.openxmlformats.org/officeDocument/2006/relationships" xmlns:p="http://schemas.openxmlformats.org/presentationml/2006/main">
  <p:tag name="GENSWF_SLIDE_UID" val="{5255E8F6-012F-4AD0-9B23-46C1ABACF3AD}:256"/>
  <p:tag name="ISPRING_CUSTOM_TIMING_USED" val="1"/>
  <p:tag name="GENSWF_ADVANCE_TIME" val="9.022"/>
  <p:tag name="TIMING" val="|2.987"/>
  <p:tag name="ISPRING_SLIDE_ID_2" val="{0F820C35-7B79-4D88-9CD9-EBA7FBB03E68}"/>
</p:tagLst>
</file>

<file path=ppt/tags/tag14.xml><?xml version="1.0" encoding="utf-8"?>
<p:tagLst xmlns:a="http://schemas.openxmlformats.org/drawingml/2006/main" xmlns:r="http://schemas.openxmlformats.org/officeDocument/2006/relationships" xmlns:p="http://schemas.openxmlformats.org/presentationml/2006/main">
  <p:tag name="GENSWF_SLIDE_UID" val="{CF9D92DD-2B94-4E82-B812-746C166917EA}:367"/>
  <p:tag name="ISPRING_CUSTOM_TIMING_USED" val="1"/>
  <p:tag name="GENSWF_ADVANCE_TIME" val="2.565"/>
  <p:tag name="ISPRING_SLIDE_ID_2" val="{129C2E12-9BA6-4F23-90C5-9E462DFD6A96}"/>
</p:tagLst>
</file>

<file path=ppt/tags/tag15.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6.194"/>
  <p:tag name="GENSWF_SLIDE_UID" val="{414E8E8D-9B44-4817-9668-45B0CACE7916}:508"/>
  <p:tag name="ISPRING_SLIDE_ID_2" val="{0896744D-1D7B-4EEC-9BA3-BE5355A8BC73}"/>
</p:tagLst>
</file>

<file path=ppt/tags/tag16.xml><?xml version="1.0" encoding="utf-8"?>
<p:tagLst xmlns:a="http://schemas.openxmlformats.org/drawingml/2006/main" xmlns:r="http://schemas.openxmlformats.org/officeDocument/2006/relationships" xmlns:p="http://schemas.openxmlformats.org/presentationml/2006/main">
  <p:tag name="GENSWF_SLIDE_UID" val="{174A5C85-5E5E-4190-B1D0-704E96DD58F5}:351"/>
  <p:tag name="ISPRING_CUSTOM_TIMING_USED" val="1"/>
  <p:tag name="GENSWF_ADVANCE_TIME" val="10.102"/>
  <p:tag name="ISPRING_SLIDE_ID_2" val="{AB8AD135-412D-4D94-B016-7C7D73B1C086}"/>
</p:tagLst>
</file>

<file path=ppt/tags/tag17.xml><?xml version="1.0" encoding="utf-8"?>
<p:tagLst xmlns:a="http://schemas.openxmlformats.org/drawingml/2006/main" xmlns:r="http://schemas.openxmlformats.org/officeDocument/2006/relationships" xmlns:p="http://schemas.openxmlformats.org/presentationml/2006/main">
  <p:tag name="GENSWF_SLIDE_UID" val="{023AE472-A26C-4D9E-8C7E-98A442C11C42}:368"/>
  <p:tag name="ISPRING_CUSTOM_TIMING_USED" val="1"/>
  <p:tag name="GENSWF_ADVANCE_TIME" val="21.014"/>
  <p:tag name="TIMING" val="|3.987"/>
  <p:tag name="ISPRING_SLIDE_ID_2" val="{1B8979A5-8C4D-429A-9C28-613E9AACC2A0}"/>
</p:tagLst>
</file>

<file path=ppt/tags/tag18.xml><?xml version="1.0" encoding="utf-8"?>
<p:tagLst xmlns:a="http://schemas.openxmlformats.org/drawingml/2006/main" xmlns:r="http://schemas.openxmlformats.org/officeDocument/2006/relationships" xmlns:p="http://schemas.openxmlformats.org/presentationml/2006/main">
  <p:tag name="GENSWF_SLIDE_UID" val="{7E159109-00FD-47BE-8D7C-20E29CC87714}:375"/>
  <p:tag name="ISPRING_CUSTOM_TIMING_USED" val="1"/>
  <p:tag name="GENSWF_ADVANCE_TIME" val="4.185"/>
  <p:tag name="TIMING" val="|2.036"/>
  <p:tag name="ISPRING_SLIDE_ID_2" val="{5941C7E8-5B3A-41D2-80C7-69DCA2761128}"/>
</p:tagLst>
</file>

<file path=ppt/tags/tag19.xml><?xml version="1.0" encoding="utf-8"?>
<p:tagLst xmlns:a="http://schemas.openxmlformats.org/drawingml/2006/main" xmlns:r="http://schemas.openxmlformats.org/officeDocument/2006/relationships" xmlns:p="http://schemas.openxmlformats.org/presentationml/2006/main">
  <p:tag name="GENSWF_SLIDE_UID" val="{4A149914-FFCF-41BF-A21F-FC053F1736FB}:376"/>
  <p:tag name="ISPRING_CUSTOM_TIMING_USED" val="1"/>
  <p:tag name="GENSWF_ADVANCE_TIME" val="3.319"/>
  <p:tag name="TIMING" val="|1.49"/>
  <p:tag name="ISPRING_SLIDE_ID_2" val="{C9440627-949C-4CE8-8DB3-7CE200AF89FA}"/>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F84C6B42-A5CF-495D-B37D-F7FBB4284DCA}:503"/>
  <p:tag name="GENSWF_ADVANCE_TIME" val="14.327"/>
  <p:tag name="ISPRING_SLIDE_ID_2" val="{E94B4EA0-C03A-4AF0-86E8-561C16839575}"/>
</p:tagLst>
</file>

<file path=ppt/tags/tag20.xml><?xml version="1.0" encoding="utf-8"?>
<p:tagLst xmlns:a="http://schemas.openxmlformats.org/drawingml/2006/main" xmlns:r="http://schemas.openxmlformats.org/officeDocument/2006/relationships" xmlns:p="http://schemas.openxmlformats.org/presentationml/2006/main">
  <p:tag name="GENSWF_SLIDE_UID" val="{88286267-5B48-425A-8D01-EA4AF9C08C38}:370"/>
  <p:tag name="ISPRING_CUSTOM_TIMING_USED" val="1"/>
  <p:tag name="GENSWF_ADVANCE_TIME" val="16.499"/>
  <p:tag name="TIMING" val="|9.049|1.05|1.192|1.516"/>
  <p:tag name="ISPRING_SLIDE_ID_2" val="{A3536517-EA64-440F-A267-5770F78E4168}"/>
</p:tagLst>
</file>

<file path=ppt/tags/tag21.xml><?xml version="1.0" encoding="utf-8"?>
<p:tagLst xmlns:a="http://schemas.openxmlformats.org/drawingml/2006/main" xmlns:r="http://schemas.openxmlformats.org/officeDocument/2006/relationships" xmlns:p="http://schemas.openxmlformats.org/presentationml/2006/main">
  <p:tag name="GENSWF_SLIDE_UID" val="{8238DCC2-676F-4002-B63D-E9EC06369C33}:371"/>
  <p:tag name="ISPRING_CUSTOM_TIMING_USED" val="1"/>
  <p:tag name="GENSWF_ADVANCE_TIME" val="3.017"/>
  <p:tag name="TIMING" val="|0.897"/>
  <p:tag name="ISPRING_SLIDE_ID_2" val="{DDE0652F-C256-45DB-8D8D-94FD1578BE6D}"/>
</p:tagLst>
</file>

<file path=ppt/tags/tag22.xml><?xml version="1.0" encoding="utf-8"?>
<p:tagLst xmlns:a="http://schemas.openxmlformats.org/drawingml/2006/main" xmlns:r="http://schemas.openxmlformats.org/officeDocument/2006/relationships" xmlns:p="http://schemas.openxmlformats.org/presentationml/2006/main">
  <p:tag name="GENSWF_SLIDE_UID" val="{95D7B8BB-3E08-4DEC-8B4E-9DDB829AE6A4}:353"/>
  <p:tag name="ISPRING_CUSTOM_TIMING_USED" val="1"/>
  <p:tag name="GENSWF_ADVANCE_TIME" val="2.564"/>
  <p:tag name="ISPRING_SLIDE_ID_2" val="{2C8C4933-341C-44DF-9D47-EC3BCD24066B}"/>
</p:tagLst>
</file>

<file path=ppt/tags/tag23.xml><?xml version="1.0" encoding="utf-8"?>
<p:tagLst xmlns:a="http://schemas.openxmlformats.org/drawingml/2006/main" xmlns:r="http://schemas.openxmlformats.org/officeDocument/2006/relationships" xmlns:p="http://schemas.openxmlformats.org/presentationml/2006/main">
  <p:tag name="GENSWF_SLIDE_UID" val="{D6C71F2C-0B38-427F-875B-3D19EE985837}:365"/>
  <p:tag name="ISPRING_CUSTOM_TIMING_USED" val="1"/>
  <p:tag name="GENSWF_ADVANCE_TIME" val="64.134"/>
  <p:tag name="TIMING" val="|1.263|2.431|51.753|7.322"/>
  <p:tag name="ISPRING_SLIDE_ID_2" val="{E881E431-96C9-4FB4-A8A7-39C01E69D7A7}"/>
</p:tagLst>
</file>

<file path=ppt/tags/tag24.xml><?xml version="1.0" encoding="utf-8"?>
<p:tagLst xmlns:a="http://schemas.openxmlformats.org/drawingml/2006/main" xmlns:r="http://schemas.openxmlformats.org/officeDocument/2006/relationships" xmlns:p="http://schemas.openxmlformats.org/presentationml/2006/main">
  <p:tag name="GENSWF_SLIDE_UID" val="{3B9C6D3E-29A5-4F2F-9C2C-F88E1DED978F}:364"/>
  <p:tag name="ISPRING_CUSTOM_TIMING_USED" val="1"/>
  <p:tag name="GENSWF_ADVANCE_TIME" val="12.404"/>
  <p:tag name="ISPRING_SLIDE_ID_2" val="{71ACBF72-BB9B-4954-AC7A-8901381A9AAD}"/>
</p:tagLst>
</file>

<file path=ppt/tags/tag25.xml><?xml version="1.0" encoding="utf-8"?>
<p:tagLst xmlns:a="http://schemas.openxmlformats.org/drawingml/2006/main" xmlns:r="http://schemas.openxmlformats.org/officeDocument/2006/relationships" xmlns:p="http://schemas.openxmlformats.org/presentationml/2006/main">
  <p:tag name="GENSWF_SLIDE_UID" val="{A27EE007-4366-4700-A305-704B26F9E6DB}:379"/>
  <p:tag name="ISPRING_CUSTOM_TIMING_USED" val="1"/>
  <p:tag name="GENSWF_ADVANCE_TIME" val="30.096"/>
  <p:tag name="TIMING" val="|1.437|1.304|2.317"/>
  <p:tag name="ISPRING_SLIDE_ID_2" val="{78BBE16F-CD36-4FE5-8555-C5E6B794B628}"/>
</p:tagLst>
</file>

<file path=ppt/tags/tag26.xml><?xml version="1.0" encoding="utf-8"?>
<p:tagLst xmlns:a="http://schemas.openxmlformats.org/drawingml/2006/main" xmlns:r="http://schemas.openxmlformats.org/officeDocument/2006/relationships" xmlns:p="http://schemas.openxmlformats.org/presentationml/2006/main">
  <p:tag name="GENSWF_SLIDE_UID" val="{F10CFEE6-CD5B-4722-922A-D78A264451DC}:318"/>
  <p:tag name="ISPRING_CUSTOM_TIMING_USED" val="1"/>
  <p:tag name="GENSWF_ADVANCE_TIME" val="5.578"/>
  <p:tag name="TIMING" val="|2.702"/>
  <p:tag name="ISPRING_SLIDE_ID_2" val="{DFAA4BCF-5803-41CA-A5C0-0161AC737505}"/>
</p:tagLst>
</file>

<file path=ppt/tags/tag27.xml><?xml version="1.0" encoding="utf-8"?>
<p:tagLst xmlns:a="http://schemas.openxmlformats.org/drawingml/2006/main" xmlns:r="http://schemas.openxmlformats.org/officeDocument/2006/relationships" xmlns:p="http://schemas.openxmlformats.org/presentationml/2006/main">
  <p:tag name="GENSWF_SLIDE_UID" val="{CD016AB7-44A6-49D8-8D72-BAD8774B2C0C}:372"/>
  <p:tag name="ISPRING_CUSTOM_TIMING_USED" val="1"/>
  <p:tag name="GENSWF_ADVANCE_TIME" val="6.053"/>
  <p:tag name="ISPRING_SLIDE_ID_2" val="{C662A508-A672-4575-8D93-B35833F7B98D}"/>
</p:tagLst>
</file>

<file path=ppt/tags/tag28.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8.350"/>
  <p:tag name="GENSWF_SLIDE_UID" val="{7AB164F7-CCD4-4011-A886-0E5B009775B1}:380"/>
  <p:tag name="ISPRING_SLIDE_ID_2" val="{88E44673-9F09-471D-886E-6E2DE8A93132}"/>
</p:tagLst>
</file>

<file path=ppt/tags/tag29.xml><?xml version="1.0" encoding="utf-8"?>
<p:tagLst xmlns:a="http://schemas.openxmlformats.org/drawingml/2006/main" xmlns:r="http://schemas.openxmlformats.org/officeDocument/2006/relationships" xmlns:p="http://schemas.openxmlformats.org/presentationml/2006/main">
  <p:tag name="GENSWF_SLIDE_UID" val="{E9295EE4-B388-4E01-9616-096D6332034D}:377"/>
  <p:tag name="ISPRING_CUSTOM_TIMING_USED" val="1"/>
  <p:tag name="GENSWF_ADVANCE_TIME" val="3.438"/>
  <p:tag name="ISPRING_SLIDE_ID_2" val="{E902FCB6-355A-4BF7-BFA8-ED2B8C07DF6C}"/>
</p:tagLst>
</file>

<file path=ppt/tags/tag3.xml><?xml version="1.0" encoding="utf-8"?>
<p:tagLst xmlns:a="http://schemas.openxmlformats.org/drawingml/2006/main" xmlns:r="http://schemas.openxmlformats.org/officeDocument/2006/relationships" xmlns:p="http://schemas.openxmlformats.org/presentationml/2006/main">
  <p:tag name="PA" val="v3.0.1"/>
</p:tagLst>
</file>

<file path=ppt/tags/tag30.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1.831"/>
  <p:tag name="GENSWF_SLIDE_UID" val="{06D2551A-B0FB-4935-8E66-0ED0BD720821}:275"/>
  <p:tag name="ISPRING_SLIDE_ID_2" val="{88CE3081-550F-4184-B8A9-CCFE68E5348E}"/>
</p:tagLst>
</file>

<file path=ppt/tags/tag3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7.542"/>
  <p:tag name="TIMING" val="|2.924"/>
  <p:tag name="GENSWF_SLIDE_UID" val="{90701C9F-9CBC-4C5D-9812-2D57A79FD741}:506"/>
  <p:tag name="ISPRING_SLIDE_ID_2" val="{9AD28A00-F6A4-427A-8137-DCC3222751C4}"/>
</p:tagLst>
</file>

<file path=ppt/tags/tag32.xml><?xml version="1.0" encoding="utf-8"?>
<p:tagLst xmlns:a="http://schemas.openxmlformats.org/drawingml/2006/main" xmlns:r="http://schemas.openxmlformats.org/officeDocument/2006/relationships" xmlns:p="http://schemas.openxmlformats.org/presentationml/2006/main">
  <p:tag name="GENSWF_SLIDE_UID" val="{ADE73C2F-C7B6-4D54-B404-830E8A9CE66A}:297"/>
  <p:tag name="GENSWF_ADVANCE_TIME" val="5.000"/>
  <p:tag name="ISPRING_CUSTOM_TIMING_USED" val="1"/>
  <p:tag name="ISPRING_SLIDE_ID_2" val="{B74F5E8E-3375-48BA-9A0A-914A16CDA463}"/>
</p:tagLst>
</file>

<file path=ppt/tags/tag4.xml><?xml version="1.0" encoding="utf-8"?>
<p:tagLst xmlns:a="http://schemas.openxmlformats.org/drawingml/2006/main" xmlns:r="http://schemas.openxmlformats.org/officeDocument/2006/relationships" xmlns:p="http://schemas.openxmlformats.org/presentationml/2006/main">
  <p:tag name="GENSWF_SLIDE_UID" val="{2F6CDBAF-AB54-4EE8-BAA9-556A0B1C1191}:366"/>
  <p:tag name="ISPRING_CUSTOM_TIMING_USED" val="1"/>
  <p:tag name="GENSWF_ADVANCE_TIME" val="20.625"/>
  <p:tag name="TIMING" val="|9.482"/>
  <p:tag name="ISPRING_SLIDE_ID_2" val="{1C174A77-2135-40E8-B004-CBAED9E0A258}"/>
</p:tagLst>
</file>

<file path=ppt/tags/tag5.xml><?xml version="1.0" encoding="utf-8"?>
<p:tagLst xmlns:a="http://schemas.openxmlformats.org/drawingml/2006/main" xmlns:r="http://schemas.openxmlformats.org/officeDocument/2006/relationships" xmlns:p="http://schemas.openxmlformats.org/presentationml/2006/main">
  <p:tag name="GENSWF_SLIDE_UID" val="{D8CF9E48-6FE8-4E23-89B3-3C431E8548A0}:378"/>
  <p:tag name="ISPRING_CUSTOM_TIMING_USED" val="1"/>
  <p:tag name="GENSWF_ADVANCE_TIME" val="28.398"/>
  <p:tag name="ISPRING_SLIDE_ID_2" val="{9FE006CA-8C7A-4AAE-BE6D-E4E10E1A5C29}"/>
</p:tagLst>
</file>

<file path=ppt/tags/tag6.xml><?xml version="1.0" encoding="utf-8"?>
<p:tagLst xmlns:a="http://schemas.openxmlformats.org/drawingml/2006/main" xmlns:r="http://schemas.openxmlformats.org/officeDocument/2006/relationships" xmlns:p="http://schemas.openxmlformats.org/presentationml/2006/main">
  <p:tag name="GENSWF_SLIDE_UID" val="{AE6A3FED-EB26-4AA9-8AFC-7C2505B453C2}:344"/>
  <p:tag name="ISPRING_CUSTOM_TIMING_USED" val="1"/>
  <p:tag name="GENSWF_ADVANCE_TIME" val="28.641"/>
  <p:tag name="ISPRING_SLIDE_ID_2" val="{B720D82D-968C-4AE3-8935-877E5A40104E}"/>
</p:tagLst>
</file>

<file path=ppt/tags/tag7.xml><?xml version="1.0" encoding="utf-8"?>
<p:tagLst xmlns:a="http://schemas.openxmlformats.org/drawingml/2006/main" xmlns:r="http://schemas.openxmlformats.org/officeDocument/2006/relationships" xmlns:p="http://schemas.openxmlformats.org/presentationml/2006/main">
  <p:tag name="GENSWF_SLIDE_UID" val="{7A8944A8-84F7-4990-B6BB-6C85717F1FA7}:345"/>
  <p:tag name="ISPRING_CUSTOM_TIMING_USED" val="1"/>
  <p:tag name="GENSWF_ADVANCE_TIME" val="29.105"/>
  <p:tag name="ISPRING_SLIDE_ID_2" val="{892F3A3C-D3B2-4ACF-A6E4-9C0EF05B5745}"/>
</p:tagLst>
</file>

<file path=ppt/tags/tag8.xml><?xml version="1.0" encoding="utf-8"?>
<p:tagLst xmlns:a="http://schemas.openxmlformats.org/drawingml/2006/main" xmlns:r="http://schemas.openxmlformats.org/officeDocument/2006/relationships" xmlns:p="http://schemas.openxmlformats.org/presentationml/2006/main">
  <p:tag name="GENSWF_SLIDE_UID" val="{446D7336-E1BD-46B3-8810-0558E340EBA2}:346"/>
  <p:tag name="ISPRING_CUSTOM_TIMING_USED" val="1"/>
  <p:tag name="GENSWF_ADVANCE_TIME" val="23.830"/>
  <p:tag name="ISPRING_SLIDE_ID_2" val="{985E592D-C5C3-482F-B182-8FAC1CE9BD65}"/>
</p:tagLst>
</file>

<file path=ppt/tags/tag9.xml><?xml version="1.0" encoding="utf-8"?>
<p:tagLst xmlns:a="http://schemas.openxmlformats.org/drawingml/2006/main" xmlns:r="http://schemas.openxmlformats.org/officeDocument/2006/relationships" xmlns:p="http://schemas.openxmlformats.org/presentationml/2006/main">
  <p:tag name="GENSWF_SLIDE_UID" val="{7881CAFD-6954-4E20-8232-2FC87FC5DE5C}:347"/>
  <p:tag name="ISPRING_CUSTOM_TIMING_USED" val="1"/>
  <p:tag name="GENSWF_ADVANCE_TIME" val="0.814"/>
  <p:tag name="ISPRING_SLIDE_ID_2" val="{7A69FCA2-B972-4C38-8F04-CBB8D2356B46}"/>
</p:tagLst>
</file>

<file path=ppt/theme/theme1.xml><?xml version="1.0" encoding="utf-8"?>
<a:theme xmlns:a="http://schemas.openxmlformats.org/drawingml/2006/main" name="English Language Grammar Rules by Slidesgo">
  <a:themeElements>
    <a:clrScheme name="Simple Light">
      <a:dk1>
        <a:srgbClr val="000000"/>
      </a:dk1>
      <a:lt1>
        <a:srgbClr val="C2F2FF"/>
      </a:lt1>
      <a:dk2>
        <a:srgbClr val="485058"/>
      </a:dk2>
      <a:lt2>
        <a:srgbClr val="EEEEEE"/>
      </a:lt2>
      <a:accent1>
        <a:srgbClr val="FFFFFF"/>
      </a:accent1>
      <a:accent2>
        <a:srgbClr val="FFBF4A"/>
      </a:accent2>
      <a:accent3>
        <a:srgbClr val="FB6A2E"/>
      </a:accent3>
      <a:accent4>
        <a:srgbClr val="DD3947"/>
      </a:accent4>
      <a:accent5>
        <a:srgbClr val="2AA1B3"/>
      </a:accent5>
      <a:accent6>
        <a:srgbClr val="FB8897"/>
      </a:accent6>
      <a:hlink>
        <a:srgbClr val="485058"/>
      </a:hlink>
      <a:folHlink>
        <a:srgbClr val="0097A7"/>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22678</TotalTime>
  <Words>909</Words>
  <Application>Microsoft Office PowerPoint</Application>
  <PresentationFormat>Custom</PresentationFormat>
  <Paragraphs>170</Paragraphs>
  <Slides>30</Slides>
  <Notes>30</Notes>
  <HiddenSlides>0</HiddenSlides>
  <MMClips>3</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30</vt:i4>
      </vt:variant>
    </vt:vector>
  </HeadingPairs>
  <TitlesOfParts>
    <vt:vector size="36" baseType="lpstr">
      <vt:lpstr>Times New Roman</vt:lpstr>
      <vt:lpstr>Arial</vt:lpstr>
      <vt:lpstr>Patrick Hand SC</vt:lpstr>
      <vt:lpstr>Alasassy Caps</vt:lpstr>
      <vt:lpstr>Patrick Hand</vt:lpstr>
      <vt:lpstr>English Language Grammar Rules by Slidesgo</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Chủ đề C. Tổ chức lưu trữ, tìm kiếm và trao đổi thông tin</vt:lpstr>
      <vt:lpstr>PowerPoint Presentation</vt:lpstr>
      <vt:lpstr>NỘI DUNG BÀI HỌC</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Cảm ơn quý thầy cô đã theo dõi  tiết học ngày hôm nay  Chúc các em có tiết học vui vẻ và hiệu quả nhất</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HU DE C_BAI 1_THONG TIN TREN WEB</dc:title>
  <dc:creator>HP</dc:creator>
  <cp:lastModifiedBy>PC</cp:lastModifiedBy>
  <cp:revision>101</cp:revision>
  <dcterms:modified xsi:type="dcterms:W3CDTF">2025-07-04T02:05:17Z</dcterms:modified>
</cp:coreProperties>
</file>